
<file path=[Content_Types].xml><?xml version="1.0" encoding="utf-8"?>
<Types xmlns="http://schemas.openxmlformats.org/package/2006/content-types">
  <Default Extension="fntdata" ContentType="application/x-fontdata"/>
  <Default Extension="jpeg" ContentType="image/jpeg"/>
  <Default Extension="png" ContentType="image/png"/>
  <Default Extension="rels" ContentType="application/vnd.openxmlformats-package.relationships+xml"/>
  <Default Extension="svg" ContentType="image/svg+xml"/>
  <Default Extension="xml" ContentType="application/xml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customXml/itemProps4.xml" ContentType="application/vnd.openxmlformats-officedocument.customXmlProperties+xml"/>
  <Override PartName="/customXml/itemProps5.xml" ContentType="application/vnd.openxmlformats-officedocument.customXmlProperties+xml"/>
  <Override PartName="/customXml/itemProps6.xml" ContentType="application/vnd.openxmlformats-officedocument.customXmlProperties+xml"/>
  <Override PartName="/customXml/itemProps7.xml" ContentType="application/vnd.openxmlformats-officedocument.customXmlProperties+xml"/>
  <Override PartName="/customXml/itemProps8.xml" ContentType="application/vnd.openxmlformats-officedocument.customXmlProperties+xml"/>
  <Override PartName="/customXml/itemProps9.xml" ContentType="application/vnd.openxmlformats-officedocument.customXmlProperties+xml"/>
  <Override PartName="/customXml/itemProps10.xml" ContentType="application/vnd.openxmlformats-officedocument.customXmlProperties+xml"/>
  <Override PartName="/customXml/itemProps11.xml" ContentType="application/vnd.openxmlformats-officedocument.customXmlProperties+xml"/>
  <Override PartName="/customXml/itemProps12.xml" ContentType="application/vnd.openxmlformats-officedocument.customXmlProperties+xml"/>
  <Override PartName="/customXml/itemProps13.xml" ContentType="application/vnd.openxmlformats-officedocument.customXmlProperties+xml"/>
  <Override PartName="/customXml/itemProps14.xml" ContentType="application/vnd.openxmlformats-officedocument.customXmlProperties+xml"/>
  <Override PartName="/customXml/itemProps15.xml" ContentType="application/vnd.openxmlformats-officedocument.customXmlProperties+xml"/>
  <Override PartName="/customXml/itemProps16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slideLayouts/slideLayout31.xml" ContentType="application/vnd.openxmlformats-officedocument.presentationml.slideLayout+xml"/>
  <Override PartName="/ppt/slideLayouts/slideLayout32.xml" ContentType="application/vnd.openxmlformats-officedocument.presentationml.slideLayout+xml"/>
  <Override PartName="/ppt/slideLayouts/slideLayout33.xml" ContentType="application/vnd.openxmlformats-officedocument.presentationml.slideLayout+xml"/>
  <Override PartName="/ppt/slideLayouts/slideLayout34.xml" ContentType="application/vnd.openxmlformats-officedocument.presentationml.slideLayout+xml"/>
  <Override PartName="/ppt/slideLayouts/slideLayout35.xml" ContentType="application/vnd.openxmlformats-officedocument.presentationml.slideLayout+xml"/>
  <Override PartName="/ppt/slideLayouts/slideLayout36.xml" ContentType="application/vnd.openxmlformats-officedocument.presentationml.slideLayout+xml"/>
  <Override PartName="/ppt/slideLayouts/slideLayout37.xml" ContentType="application/vnd.openxmlformats-officedocument.presentationml.slideLayout+xml"/>
  <Override PartName="/ppt/slideLayouts/slideLayout38.xml" ContentType="application/vnd.openxmlformats-officedocument.presentationml.slideLayout+xml"/>
  <Override PartName="/ppt/slideLayouts/slideLayout39.xml" ContentType="application/vnd.openxmlformats-officedocument.presentationml.slideLayout+xml"/>
  <Override PartName="/ppt/slideLayouts/slideLayout40.xml" ContentType="application/vnd.openxmlformats-officedocument.presentationml.slideLayout+xml"/>
  <Override PartName="/ppt/slideLayouts/slideLayout41.xml" ContentType="application/vnd.openxmlformats-officedocument.presentationml.slideLayout+xml"/>
  <Override PartName="/ppt/slideLayouts/slideLayout42.xml" ContentType="application/vnd.openxmlformats-officedocument.presentationml.slideLayout+xml"/>
  <Override PartName="/ppt/slideLayouts/slideLayout43.xml" ContentType="application/vnd.openxmlformats-officedocument.presentationml.slideLayout+xml"/>
  <Override PartName="/ppt/slideLayouts/slideLayout44.xml" ContentType="application/vnd.openxmlformats-officedocument.presentationml.slideLayout+xml"/>
  <Override PartName="/ppt/slideLayouts/slideLayout45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embedTrueTypeFonts="1">
  <p:sldMasterIdLst>
    <p:sldMasterId id="2147483648" r:id="rId17"/>
  </p:sldMasterIdLst>
  <p:notesMasterIdLst>
    <p:notesMasterId r:id="rId30"/>
  </p:notesMasterIdLst>
  <p:handoutMasterIdLst>
    <p:handoutMasterId r:id="rId31"/>
  </p:handoutMasterIdLst>
  <p:sldIdLst>
    <p:sldId id="349" r:id="rId18"/>
    <p:sldId id="436" r:id="rId19"/>
    <p:sldId id="477" r:id="rId20"/>
    <p:sldId id="484" r:id="rId21"/>
    <p:sldId id="481" r:id="rId22"/>
    <p:sldId id="482" r:id="rId23"/>
    <p:sldId id="483" r:id="rId24"/>
    <p:sldId id="479" r:id="rId25"/>
    <p:sldId id="473" r:id="rId26"/>
    <p:sldId id="485" r:id="rId27"/>
    <p:sldId id="435" r:id="rId28"/>
    <p:sldId id="363" r:id="rId29"/>
  </p:sldIdLst>
  <p:sldSz cx="12192000" cy="6858000"/>
  <p:notesSz cx="6858000" cy="9144000"/>
  <p:embeddedFontLst>
    <p:embeddedFont>
      <p:font typeface="Veidekke Favorit Offc" panose="020B0504030202060203" pitchFamily="34" charset="0"/>
      <p:regular r:id="rId32"/>
      <p:bold r:id="rId33"/>
      <p:italic r:id="rId34"/>
      <p:boldItalic r:id="rId35"/>
    </p:embeddedFont>
  </p:embeddedFontLst>
  <p:defaultTextStyle>
    <a:defPPr rtl="0"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 scaleToFitPaper="1"/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/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32767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C3278F62-2360-4A25-9D9C-2400ECD00029}" v="1" dt="2022-08-22T10:53:28.559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72833802-FEF1-4C79-8D5D-14CF1EAF98D9}" styleName="Light Style 2 - Accent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accent2"/>
            </a:lnRef>
          </a:top>
          <a:bottom>
            <a:lnRef idx="1">
              <a:schemeClr val="accent2"/>
            </a:lnRef>
          </a:bottom>
        </a:tcBdr>
      </a:tcStyle>
    </a:band1H>
    <a:band1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1V>
    <a:band2V>
      <a:tcStyle>
        <a:tcBdr>
          <a:left>
            <a:lnRef idx="1">
              <a:schemeClr val="accent2"/>
            </a:lnRef>
          </a:left>
          <a:right>
            <a:lnRef idx="1">
              <a:schemeClr val="accent2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2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accent2"/>
        </a:fillRef>
      </a:tcStyle>
    </a:firstRow>
  </a:tblStyle>
  <a:tblStyle styleId="{7E9639D4-E3E2-4D34-9284-5A2195B3D0D7}" styleName="Light Style 2">
    <a:wholeTbl>
      <a:tcTxStyle>
        <a:fontRef idx="minor">
          <a:scrgbClr r="0" g="0" b="0"/>
        </a:fontRef>
        <a:schemeClr val="tx1"/>
      </a:tcTxStyle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  <a:top>
            <a:lnRef idx="1">
              <a:schemeClr val="tx1"/>
            </a:lnRef>
          </a:top>
          <a:bottom>
            <a:lnRef idx="1">
              <a:schemeClr val="tx1"/>
            </a:lnRef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>
          <a:top>
            <a:lnRef idx="1">
              <a:schemeClr val="tx1"/>
            </a:lnRef>
          </a:top>
          <a:bottom>
            <a:lnRef idx="1">
              <a:schemeClr val="tx1"/>
            </a:lnRef>
          </a:bottom>
        </a:tcBdr>
      </a:tcStyle>
    </a:band1H>
    <a:band1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1V>
    <a:band2V>
      <a:tcStyle>
        <a:tcBdr>
          <a:left>
            <a:lnRef idx="1">
              <a:schemeClr val="tx1"/>
            </a:lnRef>
          </a:left>
          <a:right>
            <a:lnRef idx="1">
              <a:schemeClr val="tx1"/>
            </a:lnRef>
          </a:right>
        </a:tcBdr>
      </a:tcStyle>
    </a:band2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tx1"/>
              </a:solidFill>
            </a:ln>
          </a:top>
        </a:tcBdr>
      </a:tcStyle>
    </a:lastRow>
    <a:firstRow>
      <a:tcTxStyle b="on">
        <a:fontRef idx="minor">
          <a:scrgbClr r="0" g="0" b="0"/>
        </a:fontRef>
        <a:schemeClr val="bg1"/>
      </a:tcTxStyle>
      <a:tcStyle>
        <a:tcBdr/>
        <a:fillRef idx="1">
          <a:schemeClr val="tx1"/>
        </a:fillRef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6993" autoAdjust="0"/>
    <p:restoredTop sz="94741" autoAdjust="0"/>
  </p:normalViewPr>
  <p:slideViewPr>
    <p:cSldViewPr snapToGrid="0" showGuides="1">
      <p:cViewPr varScale="1">
        <p:scale>
          <a:sx n="161" d="100"/>
          <a:sy n="161" d="100"/>
        </p:scale>
        <p:origin x="150" y="168"/>
      </p:cViewPr>
      <p:guideLst/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Grid="0">
      <p:cViewPr varScale="1">
        <p:scale>
          <a:sx n="91" d="100"/>
          <a:sy n="91" d="100"/>
        </p:scale>
        <p:origin x="3672" y="84"/>
      </p:cViewPr>
      <p:guideLst/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8.xml"/><Relationship Id="rId13" Type="http://schemas.openxmlformats.org/officeDocument/2006/relationships/customXml" Target="../customXml/item13.xml"/><Relationship Id="rId18" Type="http://schemas.openxmlformats.org/officeDocument/2006/relationships/slide" Target="slides/slide1.xml"/><Relationship Id="rId26" Type="http://schemas.openxmlformats.org/officeDocument/2006/relationships/slide" Target="slides/slide9.xml"/><Relationship Id="rId39" Type="http://schemas.openxmlformats.org/officeDocument/2006/relationships/tableStyles" Target="tableStyles.xml"/><Relationship Id="rId3" Type="http://schemas.openxmlformats.org/officeDocument/2006/relationships/customXml" Target="../customXml/item3.xml"/><Relationship Id="rId21" Type="http://schemas.openxmlformats.org/officeDocument/2006/relationships/slide" Target="slides/slide4.xml"/><Relationship Id="rId34" Type="http://schemas.openxmlformats.org/officeDocument/2006/relationships/font" Target="fonts/font3.fntdata"/><Relationship Id="rId7" Type="http://schemas.openxmlformats.org/officeDocument/2006/relationships/customXml" Target="../customXml/item7.xml"/><Relationship Id="rId12" Type="http://schemas.openxmlformats.org/officeDocument/2006/relationships/customXml" Target="../customXml/item12.xml"/><Relationship Id="rId17" Type="http://schemas.openxmlformats.org/officeDocument/2006/relationships/slideMaster" Target="slideMasters/slideMaster1.xml"/><Relationship Id="rId25" Type="http://schemas.openxmlformats.org/officeDocument/2006/relationships/slide" Target="slides/slide8.xml"/><Relationship Id="rId33" Type="http://schemas.openxmlformats.org/officeDocument/2006/relationships/font" Target="fonts/font2.fntdata"/><Relationship Id="rId38" Type="http://schemas.openxmlformats.org/officeDocument/2006/relationships/theme" Target="theme/theme1.xml"/><Relationship Id="rId2" Type="http://schemas.openxmlformats.org/officeDocument/2006/relationships/customXml" Target="../customXml/item2.xml"/><Relationship Id="rId16" Type="http://schemas.openxmlformats.org/officeDocument/2006/relationships/customXml" Target="../customXml/item16.xml"/><Relationship Id="rId20" Type="http://schemas.openxmlformats.org/officeDocument/2006/relationships/slide" Target="slides/slide3.xml"/><Relationship Id="rId29" Type="http://schemas.openxmlformats.org/officeDocument/2006/relationships/slide" Target="slides/slide12.xml"/><Relationship Id="rId1" Type="http://schemas.openxmlformats.org/officeDocument/2006/relationships/customXml" Target="../customXml/item1.xml"/><Relationship Id="rId6" Type="http://schemas.openxmlformats.org/officeDocument/2006/relationships/customXml" Target="../customXml/item6.xml"/><Relationship Id="rId11" Type="http://schemas.openxmlformats.org/officeDocument/2006/relationships/customXml" Target="../customXml/item11.xml"/><Relationship Id="rId24" Type="http://schemas.openxmlformats.org/officeDocument/2006/relationships/slide" Target="slides/slide7.xml"/><Relationship Id="rId32" Type="http://schemas.openxmlformats.org/officeDocument/2006/relationships/font" Target="fonts/font1.fntdata"/><Relationship Id="rId37" Type="http://schemas.openxmlformats.org/officeDocument/2006/relationships/viewProps" Target="viewProps.xml"/><Relationship Id="rId40" Type="http://schemas.microsoft.com/office/2015/10/relationships/revisionInfo" Target="revisionInfo.xml"/><Relationship Id="rId5" Type="http://schemas.openxmlformats.org/officeDocument/2006/relationships/customXml" Target="../customXml/item5.xml"/><Relationship Id="rId15" Type="http://schemas.openxmlformats.org/officeDocument/2006/relationships/customXml" Target="../customXml/item15.xml"/><Relationship Id="rId23" Type="http://schemas.openxmlformats.org/officeDocument/2006/relationships/slide" Target="slides/slide6.xml"/><Relationship Id="rId28" Type="http://schemas.openxmlformats.org/officeDocument/2006/relationships/slide" Target="slides/slide11.xml"/><Relationship Id="rId36" Type="http://schemas.openxmlformats.org/officeDocument/2006/relationships/presProps" Target="presProps.xml"/><Relationship Id="rId10" Type="http://schemas.openxmlformats.org/officeDocument/2006/relationships/customXml" Target="../customXml/item10.xml"/><Relationship Id="rId19" Type="http://schemas.openxmlformats.org/officeDocument/2006/relationships/slide" Target="slides/slide2.xml"/><Relationship Id="rId31" Type="http://schemas.openxmlformats.org/officeDocument/2006/relationships/handoutMaster" Target="handoutMasters/handoutMaster1.xml"/><Relationship Id="rId4" Type="http://schemas.openxmlformats.org/officeDocument/2006/relationships/customXml" Target="../customXml/item4.xml"/><Relationship Id="rId9" Type="http://schemas.openxmlformats.org/officeDocument/2006/relationships/customXml" Target="../customXml/item9.xml"/><Relationship Id="rId14" Type="http://schemas.openxmlformats.org/officeDocument/2006/relationships/customXml" Target="../customXml/item14.xml"/><Relationship Id="rId22" Type="http://schemas.openxmlformats.org/officeDocument/2006/relationships/slide" Target="slides/slide5.xml"/><Relationship Id="rId27" Type="http://schemas.openxmlformats.org/officeDocument/2006/relationships/slide" Target="slides/slide10.xml"/><Relationship Id="rId30" Type="http://schemas.openxmlformats.org/officeDocument/2006/relationships/notesMaster" Target="notesMasters/notesMaster1.xml"/><Relationship Id="rId35" Type="http://schemas.openxmlformats.org/officeDocument/2006/relationships/font" Target="fonts/font4.fntdata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/>
          <p:cNvSpPr>
            <a:spLocks noGrp="1"/>
          </p:cNvSpPr>
          <p:nvPr>
            <p:ph type="ftr" sz="quarter" idx="2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pPr rtl="0"/>
            <a:endParaRPr lang="en-GB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3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pPr rtl="0"/>
            <a:fld id="{5D8382C0-1D05-4229-918E-CDD7B7E48B4A}" type="slidenum">
              <a:rPr lang="en-GB" smtClean="0"/>
              <a:t>‹#›</a:t>
            </a:fld>
            <a:endParaRPr lang="en-GB"/>
          </a:p>
        </p:txBody>
      </p:sp>
      <p:sp>
        <p:nvSpPr>
          <p:cNvPr id="8" name="Date Placeholder 7"/>
          <p:cNvSpPr>
            <a:spLocks noGrp="1"/>
          </p:cNvSpPr>
          <p:nvPr>
            <p:ph type="dt" sz="quarter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pPr rtl="0"/>
            <a:fld id="{13F6AEEE-E778-402E-8B8F-9A98AED26EB8}" type="datetimeFigureOut">
              <a:rPr lang="en-GB" smtClean="0"/>
              <a:t>22/08/2022</a:t>
            </a:fld>
            <a:endParaRPr lang="en-GB"/>
          </a:p>
        </p:txBody>
      </p:sp>
      <p:sp>
        <p:nvSpPr>
          <p:cNvPr id="9" name="Header Placeholder 8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pPr rt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394799716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Notes Placeholder 7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 rtl="0"/>
            <a:r>
              <a:rPr lang="sv-se"/>
              <a:t>Edit Master text styles</a:t>
            </a:r>
          </a:p>
          <a:p>
            <a:pPr lvl="1" rtl="0"/>
            <a:r>
              <a:rPr lang="sv-se"/>
              <a:t>Second level</a:t>
            </a:r>
          </a:p>
          <a:p>
            <a:pPr lvl="2" rtl="0"/>
            <a:r>
              <a:rPr lang="sv-se"/>
              <a:t>Third level</a:t>
            </a:r>
          </a:p>
          <a:p>
            <a:pPr lvl="3" rtl="0"/>
            <a:r>
              <a:rPr lang="sv-se"/>
              <a:t>Fourth level</a:t>
            </a:r>
          </a:p>
          <a:p>
            <a:pPr lvl="4" rtl="0"/>
            <a:r>
              <a:rPr lang="sv-se"/>
              <a:t>Fifth level</a:t>
            </a:r>
            <a:endParaRPr lang="en-GB" dirty="0"/>
          </a:p>
        </p:txBody>
      </p:sp>
      <p:sp>
        <p:nvSpPr>
          <p:cNvPr id="9" name="Date Placeholder 8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000"/>
            </a:lvl1pPr>
          </a:lstStyle>
          <a:p>
            <a:pPr rtl="0"/>
            <a:fld id="{1386E511-D742-4EFE-90B5-C9FC42762E0F}" type="datetimeFigureOut">
              <a:rPr lang="en-GB" smtClean="0"/>
              <a:pPr rtl="0"/>
              <a:t>22/08/2022</a:t>
            </a:fld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000"/>
            </a:lvl1pPr>
          </a:lstStyle>
          <a:p>
            <a:pPr rtl="0"/>
            <a:fld id="{A16CFAD1-D197-4A88-B173-A6412E995EE5}" type="slidenum">
              <a:rPr lang="en-GB" smtClean="0"/>
              <a:pPr/>
              <a:t>‹#›</a:t>
            </a:fld>
            <a:endParaRPr lang="en-GB"/>
          </a:p>
        </p:txBody>
      </p:sp>
      <p:sp>
        <p:nvSpPr>
          <p:cNvPr id="11" name="Footer Placeholder 10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000"/>
            </a:lvl1pPr>
          </a:lstStyle>
          <a:p>
            <a:pPr rtl="0"/>
            <a:endParaRPr lang="en-GB"/>
          </a:p>
        </p:txBody>
      </p:sp>
      <p:sp>
        <p:nvSpPr>
          <p:cNvPr id="12" name="Slide Image Placeholder 11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pPr rtl="0"/>
            <a:endParaRPr lang="en-GB"/>
          </a:p>
        </p:txBody>
      </p:sp>
      <p:sp>
        <p:nvSpPr>
          <p:cNvPr id="13" name="Header Placeholder 12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000"/>
            </a:lvl1pPr>
          </a:lstStyle>
          <a:p>
            <a:pPr rtl="0"/>
            <a:endParaRPr lang="en-GB"/>
          </a:p>
        </p:txBody>
      </p:sp>
    </p:spTree>
    <p:extLst>
      <p:ext uri="{BB962C8B-B14F-4D97-AF65-F5344CB8AC3E}">
        <p14:creationId xmlns:p14="http://schemas.microsoft.com/office/powerpoint/2010/main" val="1200601147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6.svg"/><Relationship Id="rId2" Type="http://schemas.openxmlformats.org/officeDocument/2006/relationships/image" Target="../media/image5.png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7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3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0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svg"/><Relationship Id="rId2" Type="http://schemas.openxmlformats.org/officeDocument/2006/relationships/image" Target="../media/image8.png"/><Relationship Id="rId1" Type="http://schemas.openxmlformats.org/officeDocument/2006/relationships/slideMaster" Target="../slideMasters/slideMaster1.xml"/></Relationships>
</file>

<file path=ppt/slideLayouts/_rels/slideLayout4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sv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8.png"/><Relationship Id="rId3" Type="http://schemas.openxmlformats.org/officeDocument/2006/relationships/image" Target="../media/image13.png"/><Relationship Id="rId7" Type="http://schemas.openxmlformats.org/officeDocument/2006/relationships/image" Target="../media/image17.png"/><Relationship Id="rId12" Type="http://schemas.openxmlformats.org/officeDocument/2006/relationships/image" Target="../media/image22.png"/><Relationship Id="rId2" Type="http://schemas.openxmlformats.org/officeDocument/2006/relationships/image" Target="../media/image12.png"/><Relationship Id="rId1" Type="http://schemas.openxmlformats.org/officeDocument/2006/relationships/slideMaster" Target="../slideMasters/slideMaster1.xml"/><Relationship Id="rId6" Type="http://schemas.openxmlformats.org/officeDocument/2006/relationships/image" Target="../media/image16.png"/><Relationship Id="rId11" Type="http://schemas.openxmlformats.org/officeDocument/2006/relationships/image" Target="../media/image21.png"/><Relationship Id="rId5" Type="http://schemas.openxmlformats.org/officeDocument/2006/relationships/image" Target="../media/image15.png"/><Relationship Id="rId10" Type="http://schemas.openxmlformats.org/officeDocument/2006/relationships/image" Target="../media/image20.png"/><Relationship Id="rId4" Type="http://schemas.openxmlformats.org/officeDocument/2006/relationships/image" Target="../media/image14.png"/><Relationship Id="rId9" Type="http://schemas.openxmlformats.org/officeDocument/2006/relationships/image" Target="../media/image19.png"/></Relationships>
</file>

<file path=ppt/slideLayouts/_rels/slideLayout4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8.png"/><Relationship Id="rId2" Type="http://schemas.openxmlformats.org/officeDocument/2006/relationships/image" Target="../media/image7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9.svg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10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2.svg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sv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11.png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mørk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1692" name="Placeholder picture">
            <a:extLst>
              <a:ext uri="{FF2B5EF4-FFF2-40B4-BE49-F238E27FC236}">
                <a16:creationId xmlns:a16="http://schemas.microsoft.com/office/drawing/2014/main" id="{E1BFBBFA-CD81-FA4B-EFDA-09B796440D18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3745675 w 6858000"/>
              <a:gd name="connsiteY0" fmla="*/ 5709890 h 6858000"/>
              <a:gd name="connsiteX1" fmla="*/ 3745675 w 6858000"/>
              <a:gd name="connsiteY1" fmla="*/ 5710334 h 6858000"/>
              <a:gd name="connsiteX2" fmla="*/ 3746119 w 6858000"/>
              <a:gd name="connsiteY2" fmla="*/ 5710334 h 6858000"/>
              <a:gd name="connsiteX3" fmla="*/ 3746119 w 6858000"/>
              <a:gd name="connsiteY3" fmla="*/ 5709890 h 6858000"/>
              <a:gd name="connsiteX4" fmla="*/ 3622617 w 6858000"/>
              <a:gd name="connsiteY4" fmla="*/ 5709890 h 6858000"/>
              <a:gd name="connsiteX5" fmla="*/ 3622617 w 6858000"/>
              <a:gd name="connsiteY5" fmla="*/ 5710334 h 6858000"/>
              <a:gd name="connsiteX6" fmla="*/ 3623061 w 6858000"/>
              <a:gd name="connsiteY6" fmla="*/ 5710334 h 6858000"/>
              <a:gd name="connsiteX7" fmla="*/ 3623061 w 6858000"/>
              <a:gd name="connsiteY7" fmla="*/ 5709890 h 6858000"/>
              <a:gd name="connsiteX8" fmla="*/ 3499523 w 6858000"/>
              <a:gd name="connsiteY8" fmla="*/ 5709890 h 6858000"/>
              <a:gd name="connsiteX9" fmla="*/ 3499523 w 6858000"/>
              <a:gd name="connsiteY9" fmla="*/ 5710334 h 6858000"/>
              <a:gd name="connsiteX10" fmla="*/ 3499967 w 6858000"/>
              <a:gd name="connsiteY10" fmla="*/ 5710334 h 6858000"/>
              <a:gd name="connsiteX11" fmla="*/ 3499967 w 6858000"/>
              <a:gd name="connsiteY11" fmla="*/ 5709890 h 6858000"/>
              <a:gd name="connsiteX12" fmla="*/ 3376466 w 6858000"/>
              <a:gd name="connsiteY12" fmla="*/ 5709890 h 6858000"/>
              <a:gd name="connsiteX13" fmla="*/ 3376466 w 6858000"/>
              <a:gd name="connsiteY13" fmla="*/ 5710334 h 6858000"/>
              <a:gd name="connsiteX14" fmla="*/ 3376910 w 6858000"/>
              <a:gd name="connsiteY14" fmla="*/ 5710334 h 6858000"/>
              <a:gd name="connsiteX15" fmla="*/ 3376910 w 6858000"/>
              <a:gd name="connsiteY15" fmla="*/ 5709890 h 6858000"/>
              <a:gd name="connsiteX16" fmla="*/ 3253408 w 6858000"/>
              <a:gd name="connsiteY16" fmla="*/ 5709890 h 6858000"/>
              <a:gd name="connsiteX17" fmla="*/ 3253408 w 6858000"/>
              <a:gd name="connsiteY17" fmla="*/ 5710334 h 6858000"/>
              <a:gd name="connsiteX18" fmla="*/ 3253852 w 6858000"/>
              <a:gd name="connsiteY18" fmla="*/ 5710334 h 6858000"/>
              <a:gd name="connsiteX19" fmla="*/ 3253852 w 6858000"/>
              <a:gd name="connsiteY19" fmla="*/ 5709890 h 6858000"/>
              <a:gd name="connsiteX20" fmla="*/ 3130351 w 6858000"/>
              <a:gd name="connsiteY20" fmla="*/ 5709890 h 6858000"/>
              <a:gd name="connsiteX21" fmla="*/ 3130351 w 6858000"/>
              <a:gd name="connsiteY21" fmla="*/ 5710334 h 6858000"/>
              <a:gd name="connsiteX22" fmla="*/ 3130795 w 6858000"/>
              <a:gd name="connsiteY22" fmla="*/ 5710334 h 6858000"/>
              <a:gd name="connsiteX23" fmla="*/ 3130795 w 6858000"/>
              <a:gd name="connsiteY23" fmla="*/ 5709890 h 6858000"/>
              <a:gd name="connsiteX24" fmla="*/ 3007294 w 6858000"/>
              <a:gd name="connsiteY24" fmla="*/ 5709890 h 6858000"/>
              <a:gd name="connsiteX25" fmla="*/ 3007294 w 6858000"/>
              <a:gd name="connsiteY25" fmla="*/ 5710334 h 6858000"/>
              <a:gd name="connsiteX26" fmla="*/ 3007738 w 6858000"/>
              <a:gd name="connsiteY26" fmla="*/ 5710334 h 6858000"/>
              <a:gd name="connsiteX27" fmla="*/ 3007738 w 6858000"/>
              <a:gd name="connsiteY27" fmla="*/ 5709890 h 6858000"/>
              <a:gd name="connsiteX28" fmla="*/ 2884237 w 6858000"/>
              <a:gd name="connsiteY28" fmla="*/ 5709890 h 6858000"/>
              <a:gd name="connsiteX29" fmla="*/ 2884237 w 6858000"/>
              <a:gd name="connsiteY29" fmla="*/ 5710334 h 6858000"/>
              <a:gd name="connsiteX30" fmla="*/ 2884681 w 6858000"/>
              <a:gd name="connsiteY30" fmla="*/ 5710334 h 6858000"/>
              <a:gd name="connsiteX31" fmla="*/ 2884681 w 6858000"/>
              <a:gd name="connsiteY31" fmla="*/ 5709890 h 6858000"/>
              <a:gd name="connsiteX32" fmla="*/ 2761179 w 6858000"/>
              <a:gd name="connsiteY32" fmla="*/ 5709890 h 6858000"/>
              <a:gd name="connsiteX33" fmla="*/ 2761179 w 6858000"/>
              <a:gd name="connsiteY33" fmla="*/ 5710334 h 6858000"/>
              <a:gd name="connsiteX34" fmla="*/ 2761623 w 6858000"/>
              <a:gd name="connsiteY34" fmla="*/ 5710334 h 6858000"/>
              <a:gd name="connsiteX35" fmla="*/ 2761623 w 6858000"/>
              <a:gd name="connsiteY35" fmla="*/ 5709890 h 6858000"/>
              <a:gd name="connsiteX36" fmla="*/ 2638122 w 6858000"/>
              <a:gd name="connsiteY36" fmla="*/ 5709890 h 6858000"/>
              <a:gd name="connsiteX37" fmla="*/ 2638122 w 6858000"/>
              <a:gd name="connsiteY37" fmla="*/ 5710334 h 6858000"/>
              <a:gd name="connsiteX38" fmla="*/ 2638566 w 6858000"/>
              <a:gd name="connsiteY38" fmla="*/ 5710334 h 6858000"/>
              <a:gd name="connsiteX39" fmla="*/ 2638566 w 6858000"/>
              <a:gd name="connsiteY39" fmla="*/ 5709890 h 6858000"/>
              <a:gd name="connsiteX40" fmla="*/ 2515065 w 6858000"/>
              <a:gd name="connsiteY40" fmla="*/ 5709890 h 6858000"/>
              <a:gd name="connsiteX41" fmla="*/ 2515065 w 6858000"/>
              <a:gd name="connsiteY41" fmla="*/ 5710334 h 6858000"/>
              <a:gd name="connsiteX42" fmla="*/ 2515509 w 6858000"/>
              <a:gd name="connsiteY42" fmla="*/ 5710334 h 6858000"/>
              <a:gd name="connsiteX43" fmla="*/ 2515509 w 6858000"/>
              <a:gd name="connsiteY43" fmla="*/ 5709890 h 6858000"/>
              <a:gd name="connsiteX44" fmla="*/ 2392007 w 6858000"/>
              <a:gd name="connsiteY44" fmla="*/ 5709890 h 6858000"/>
              <a:gd name="connsiteX45" fmla="*/ 2392007 w 6858000"/>
              <a:gd name="connsiteY45" fmla="*/ 5710334 h 6858000"/>
              <a:gd name="connsiteX46" fmla="*/ 2392451 w 6858000"/>
              <a:gd name="connsiteY46" fmla="*/ 5710334 h 6858000"/>
              <a:gd name="connsiteX47" fmla="*/ 2392451 w 6858000"/>
              <a:gd name="connsiteY47" fmla="*/ 5709890 h 6858000"/>
              <a:gd name="connsiteX48" fmla="*/ 2268950 w 6858000"/>
              <a:gd name="connsiteY48" fmla="*/ 5709890 h 6858000"/>
              <a:gd name="connsiteX49" fmla="*/ 2268950 w 6858000"/>
              <a:gd name="connsiteY49" fmla="*/ 5710334 h 6858000"/>
              <a:gd name="connsiteX50" fmla="*/ 2269394 w 6858000"/>
              <a:gd name="connsiteY50" fmla="*/ 5710334 h 6858000"/>
              <a:gd name="connsiteX51" fmla="*/ 2269394 w 6858000"/>
              <a:gd name="connsiteY51" fmla="*/ 5709890 h 6858000"/>
              <a:gd name="connsiteX52" fmla="*/ 2145893 w 6858000"/>
              <a:gd name="connsiteY52" fmla="*/ 5709890 h 6858000"/>
              <a:gd name="connsiteX53" fmla="*/ 2145893 w 6858000"/>
              <a:gd name="connsiteY53" fmla="*/ 5710334 h 6858000"/>
              <a:gd name="connsiteX54" fmla="*/ 2146337 w 6858000"/>
              <a:gd name="connsiteY54" fmla="*/ 5710334 h 6858000"/>
              <a:gd name="connsiteX55" fmla="*/ 2146337 w 6858000"/>
              <a:gd name="connsiteY55" fmla="*/ 5709890 h 6858000"/>
              <a:gd name="connsiteX56" fmla="*/ 2022835 w 6858000"/>
              <a:gd name="connsiteY56" fmla="*/ 5709890 h 6858000"/>
              <a:gd name="connsiteX57" fmla="*/ 2022835 w 6858000"/>
              <a:gd name="connsiteY57" fmla="*/ 5710334 h 6858000"/>
              <a:gd name="connsiteX58" fmla="*/ 2023279 w 6858000"/>
              <a:gd name="connsiteY58" fmla="*/ 5710334 h 6858000"/>
              <a:gd name="connsiteX59" fmla="*/ 2023279 w 6858000"/>
              <a:gd name="connsiteY59" fmla="*/ 5709890 h 6858000"/>
              <a:gd name="connsiteX60" fmla="*/ 1899741 w 6858000"/>
              <a:gd name="connsiteY60" fmla="*/ 5709890 h 6858000"/>
              <a:gd name="connsiteX61" fmla="*/ 1899741 w 6858000"/>
              <a:gd name="connsiteY61" fmla="*/ 5710334 h 6858000"/>
              <a:gd name="connsiteX62" fmla="*/ 1900185 w 6858000"/>
              <a:gd name="connsiteY62" fmla="*/ 5710334 h 6858000"/>
              <a:gd name="connsiteX63" fmla="*/ 1900185 w 6858000"/>
              <a:gd name="connsiteY63" fmla="*/ 5709890 h 6858000"/>
              <a:gd name="connsiteX64" fmla="*/ 1776684 w 6858000"/>
              <a:gd name="connsiteY64" fmla="*/ 5709890 h 6858000"/>
              <a:gd name="connsiteX65" fmla="*/ 1776684 w 6858000"/>
              <a:gd name="connsiteY65" fmla="*/ 5710334 h 6858000"/>
              <a:gd name="connsiteX66" fmla="*/ 1777128 w 6858000"/>
              <a:gd name="connsiteY66" fmla="*/ 5710334 h 6858000"/>
              <a:gd name="connsiteX67" fmla="*/ 1777128 w 6858000"/>
              <a:gd name="connsiteY67" fmla="*/ 5709890 h 6858000"/>
              <a:gd name="connsiteX68" fmla="*/ 1653626 w 6858000"/>
              <a:gd name="connsiteY68" fmla="*/ 5709890 h 6858000"/>
              <a:gd name="connsiteX69" fmla="*/ 1653626 w 6858000"/>
              <a:gd name="connsiteY69" fmla="*/ 5710334 h 6858000"/>
              <a:gd name="connsiteX70" fmla="*/ 1654070 w 6858000"/>
              <a:gd name="connsiteY70" fmla="*/ 5710334 h 6858000"/>
              <a:gd name="connsiteX71" fmla="*/ 1654070 w 6858000"/>
              <a:gd name="connsiteY71" fmla="*/ 5709890 h 6858000"/>
              <a:gd name="connsiteX72" fmla="*/ 1530569 w 6858000"/>
              <a:gd name="connsiteY72" fmla="*/ 5709890 h 6858000"/>
              <a:gd name="connsiteX73" fmla="*/ 1530569 w 6858000"/>
              <a:gd name="connsiteY73" fmla="*/ 5710334 h 6858000"/>
              <a:gd name="connsiteX74" fmla="*/ 1531013 w 6858000"/>
              <a:gd name="connsiteY74" fmla="*/ 5710334 h 6858000"/>
              <a:gd name="connsiteX75" fmla="*/ 1531013 w 6858000"/>
              <a:gd name="connsiteY75" fmla="*/ 5709890 h 6858000"/>
              <a:gd name="connsiteX76" fmla="*/ 1407512 w 6858000"/>
              <a:gd name="connsiteY76" fmla="*/ 5709890 h 6858000"/>
              <a:gd name="connsiteX77" fmla="*/ 1407512 w 6858000"/>
              <a:gd name="connsiteY77" fmla="*/ 5710334 h 6858000"/>
              <a:gd name="connsiteX78" fmla="*/ 1407956 w 6858000"/>
              <a:gd name="connsiteY78" fmla="*/ 5710334 h 6858000"/>
              <a:gd name="connsiteX79" fmla="*/ 1407956 w 6858000"/>
              <a:gd name="connsiteY79" fmla="*/ 5709890 h 6858000"/>
              <a:gd name="connsiteX80" fmla="*/ 1284454 w 6858000"/>
              <a:gd name="connsiteY80" fmla="*/ 5709890 h 6858000"/>
              <a:gd name="connsiteX81" fmla="*/ 1284454 w 6858000"/>
              <a:gd name="connsiteY81" fmla="*/ 5710334 h 6858000"/>
              <a:gd name="connsiteX82" fmla="*/ 1284898 w 6858000"/>
              <a:gd name="connsiteY82" fmla="*/ 5710334 h 6858000"/>
              <a:gd name="connsiteX83" fmla="*/ 1284898 w 6858000"/>
              <a:gd name="connsiteY83" fmla="*/ 5709890 h 6858000"/>
              <a:gd name="connsiteX84" fmla="*/ 1161397 w 6858000"/>
              <a:gd name="connsiteY84" fmla="*/ 5709890 h 6858000"/>
              <a:gd name="connsiteX85" fmla="*/ 1161397 w 6858000"/>
              <a:gd name="connsiteY85" fmla="*/ 5710334 h 6858000"/>
              <a:gd name="connsiteX86" fmla="*/ 1161841 w 6858000"/>
              <a:gd name="connsiteY86" fmla="*/ 5710334 h 6858000"/>
              <a:gd name="connsiteX87" fmla="*/ 1161841 w 6858000"/>
              <a:gd name="connsiteY87" fmla="*/ 5709890 h 6858000"/>
              <a:gd name="connsiteX88" fmla="*/ 1038340 w 6858000"/>
              <a:gd name="connsiteY88" fmla="*/ 5709890 h 6858000"/>
              <a:gd name="connsiteX89" fmla="*/ 1038340 w 6858000"/>
              <a:gd name="connsiteY89" fmla="*/ 5710334 h 6858000"/>
              <a:gd name="connsiteX90" fmla="*/ 1038784 w 6858000"/>
              <a:gd name="connsiteY90" fmla="*/ 5710334 h 6858000"/>
              <a:gd name="connsiteX91" fmla="*/ 1038784 w 6858000"/>
              <a:gd name="connsiteY91" fmla="*/ 5709890 h 6858000"/>
              <a:gd name="connsiteX92" fmla="*/ 3745675 w 6858000"/>
              <a:gd name="connsiteY92" fmla="*/ 5586833 h 6858000"/>
              <a:gd name="connsiteX93" fmla="*/ 3745675 w 6858000"/>
              <a:gd name="connsiteY93" fmla="*/ 5587277 h 6858000"/>
              <a:gd name="connsiteX94" fmla="*/ 3746119 w 6858000"/>
              <a:gd name="connsiteY94" fmla="*/ 5587277 h 6858000"/>
              <a:gd name="connsiteX95" fmla="*/ 3746119 w 6858000"/>
              <a:gd name="connsiteY95" fmla="*/ 5586833 h 6858000"/>
              <a:gd name="connsiteX96" fmla="*/ 3622617 w 6858000"/>
              <a:gd name="connsiteY96" fmla="*/ 5586833 h 6858000"/>
              <a:gd name="connsiteX97" fmla="*/ 3622617 w 6858000"/>
              <a:gd name="connsiteY97" fmla="*/ 5587277 h 6858000"/>
              <a:gd name="connsiteX98" fmla="*/ 3623061 w 6858000"/>
              <a:gd name="connsiteY98" fmla="*/ 5587277 h 6858000"/>
              <a:gd name="connsiteX99" fmla="*/ 3623061 w 6858000"/>
              <a:gd name="connsiteY99" fmla="*/ 5586833 h 6858000"/>
              <a:gd name="connsiteX100" fmla="*/ 3499523 w 6858000"/>
              <a:gd name="connsiteY100" fmla="*/ 5586833 h 6858000"/>
              <a:gd name="connsiteX101" fmla="*/ 3499523 w 6858000"/>
              <a:gd name="connsiteY101" fmla="*/ 5587277 h 6858000"/>
              <a:gd name="connsiteX102" fmla="*/ 3499967 w 6858000"/>
              <a:gd name="connsiteY102" fmla="*/ 5587277 h 6858000"/>
              <a:gd name="connsiteX103" fmla="*/ 3499967 w 6858000"/>
              <a:gd name="connsiteY103" fmla="*/ 5586833 h 6858000"/>
              <a:gd name="connsiteX104" fmla="*/ 3376466 w 6858000"/>
              <a:gd name="connsiteY104" fmla="*/ 5586833 h 6858000"/>
              <a:gd name="connsiteX105" fmla="*/ 3376466 w 6858000"/>
              <a:gd name="connsiteY105" fmla="*/ 5587277 h 6858000"/>
              <a:gd name="connsiteX106" fmla="*/ 3376910 w 6858000"/>
              <a:gd name="connsiteY106" fmla="*/ 5587277 h 6858000"/>
              <a:gd name="connsiteX107" fmla="*/ 3376910 w 6858000"/>
              <a:gd name="connsiteY107" fmla="*/ 5586833 h 6858000"/>
              <a:gd name="connsiteX108" fmla="*/ 3253408 w 6858000"/>
              <a:gd name="connsiteY108" fmla="*/ 5586833 h 6858000"/>
              <a:gd name="connsiteX109" fmla="*/ 3253408 w 6858000"/>
              <a:gd name="connsiteY109" fmla="*/ 5587277 h 6858000"/>
              <a:gd name="connsiteX110" fmla="*/ 3253852 w 6858000"/>
              <a:gd name="connsiteY110" fmla="*/ 5587277 h 6858000"/>
              <a:gd name="connsiteX111" fmla="*/ 3253852 w 6858000"/>
              <a:gd name="connsiteY111" fmla="*/ 5586833 h 6858000"/>
              <a:gd name="connsiteX112" fmla="*/ 3130351 w 6858000"/>
              <a:gd name="connsiteY112" fmla="*/ 5586833 h 6858000"/>
              <a:gd name="connsiteX113" fmla="*/ 3130351 w 6858000"/>
              <a:gd name="connsiteY113" fmla="*/ 5587277 h 6858000"/>
              <a:gd name="connsiteX114" fmla="*/ 3130795 w 6858000"/>
              <a:gd name="connsiteY114" fmla="*/ 5587277 h 6858000"/>
              <a:gd name="connsiteX115" fmla="*/ 3130795 w 6858000"/>
              <a:gd name="connsiteY115" fmla="*/ 5586833 h 6858000"/>
              <a:gd name="connsiteX116" fmla="*/ 3007294 w 6858000"/>
              <a:gd name="connsiteY116" fmla="*/ 5586833 h 6858000"/>
              <a:gd name="connsiteX117" fmla="*/ 3007294 w 6858000"/>
              <a:gd name="connsiteY117" fmla="*/ 5587277 h 6858000"/>
              <a:gd name="connsiteX118" fmla="*/ 3007738 w 6858000"/>
              <a:gd name="connsiteY118" fmla="*/ 5587277 h 6858000"/>
              <a:gd name="connsiteX119" fmla="*/ 3007738 w 6858000"/>
              <a:gd name="connsiteY119" fmla="*/ 5586833 h 6858000"/>
              <a:gd name="connsiteX120" fmla="*/ 2884237 w 6858000"/>
              <a:gd name="connsiteY120" fmla="*/ 5586833 h 6858000"/>
              <a:gd name="connsiteX121" fmla="*/ 2884237 w 6858000"/>
              <a:gd name="connsiteY121" fmla="*/ 5587277 h 6858000"/>
              <a:gd name="connsiteX122" fmla="*/ 2884681 w 6858000"/>
              <a:gd name="connsiteY122" fmla="*/ 5587277 h 6858000"/>
              <a:gd name="connsiteX123" fmla="*/ 2884681 w 6858000"/>
              <a:gd name="connsiteY123" fmla="*/ 5586833 h 6858000"/>
              <a:gd name="connsiteX124" fmla="*/ 2761179 w 6858000"/>
              <a:gd name="connsiteY124" fmla="*/ 5586833 h 6858000"/>
              <a:gd name="connsiteX125" fmla="*/ 2761179 w 6858000"/>
              <a:gd name="connsiteY125" fmla="*/ 5587277 h 6858000"/>
              <a:gd name="connsiteX126" fmla="*/ 2761623 w 6858000"/>
              <a:gd name="connsiteY126" fmla="*/ 5587277 h 6858000"/>
              <a:gd name="connsiteX127" fmla="*/ 2761623 w 6858000"/>
              <a:gd name="connsiteY127" fmla="*/ 5586833 h 6858000"/>
              <a:gd name="connsiteX128" fmla="*/ 2638122 w 6858000"/>
              <a:gd name="connsiteY128" fmla="*/ 5586833 h 6858000"/>
              <a:gd name="connsiteX129" fmla="*/ 2638122 w 6858000"/>
              <a:gd name="connsiteY129" fmla="*/ 5587277 h 6858000"/>
              <a:gd name="connsiteX130" fmla="*/ 2638566 w 6858000"/>
              <a:gd name="connsiteY130" fmla="*/ 5587277 h 6858000"/>
              <a:gd name="connsiteX131" fmla="*/ 2638566 w 6858000"/>
              <a:gd name="connsiteY131" fmla="*/ 5586833 h 6858000"/>
              <a:gd name="connsiteX132" fmla="*/ 2515065 w 6858000"/>
              <a:gd name="connsiteY132" fmla="*/ 5586833 h 6858000"/>
              <a:gd name="connsiteX133" fmla="*/ 2515065 w 6858000"/>
              <a:gd name="connsiteY133" fmla="*/ 5587277 h 6858000"/>
              <a:gd name="connsiteX134" fmla="*/ 2515509 w 6858000"/>
              <a:gd name="connsiteY134" fmla="*/ 5587277 h 6858000"/>
              <a:gd name="connsiteX135" fmla="*/ 2515509 w 6858000"/>
              <a:gd name="connsiteY135" fmla="*/ 5586833 h 6858000"/>
              <a:gd name="connsiteX136" fmla="*/ 2392007 w 6858000"/>
              <a:gd name="connsiteY136" fmla="*/ 5586833 h 6858000"/>
              <a:gd name="connsiteX137" fmla="*/ 2392007 w 6858000"/>
              <a:gd name="connsiteY137" fmla="*/ 5587277 h 6858000"/>
              <a:gd name="connsiteX138" fmla="*/ 2392451 w 6858000"/>
              <a:gd name="connsiteY138" fmla="*/ 5587277 h 6858000"/>
              <a:gd name="connsiteX139" fmla="*/ 2392451 w 6858000"/>
              <a:gd name="connsiteY139" fmla="*/ 5586833 h 6858000"/>
              <a:gd name="connsiteX140" fmla="*/ 2268950 w 6858000"/>
              <a:gd name="connsiteY140" fmla="*/ 5586833 h 6858000"/>
              <a:gd name="connsiteX141" fmla="*/ 2268950 w 6858000"/>
              <a:gd name="connsiteY141" fmla="*/ 5587277 h 6858000"/>
              <a:gd name="connsiteX142" fmla="*/ 2269394 w 6858000"/>
              <a:gd name="connsiteY142" fmla="*/ 5587277 h 6858000"/>
              <a:gd name="connsiteX143" fmla="*/ 2269394 w 6858000"/>
              <a:gd name="connsiteY143" fmla="*/ 5586833 h 6858000"/>
              <a:gd name="connsiteX144" fmla="*/ 2145893 w 6858000"/>
              <a:gd name="connsiteY144" fmla="*/ 5586833 h 6858000"/>
              <a:gd name="connsiteX145" fmla="*/ 2145893 w 6858000"/>
              <a:gd name="connsiteY145" fmla="*/ 5587277 h 6858000"/>
              <a:gd name="connsiteX146" fmla="*/ 2146337 w 6858000"/>
              <a:gd name="connsiteY146" fmla="*/ 5587277 h 6858000"/>
              <a:gd name="connsiteX147" fmla="*/ 2146337 w 6858000"/>
              <a:gd name="connsiteY147" fmla="*/ 5586833 h 6858000"/>
              <a:gd name="connsiteX148" fmla="*/ 2022835 w 6858000"/>
              <a:gd name="connsiteY148" fmla="*/ 5586833 h 6858000"/>
              <a:gd name="connsiteX149" fmla="*/ 2022835 w 6858000"/>
              <a:gd name="connsiteY149" fmla="*/ 5587277 h 6858000"/>
              <a:gd name="connsiteX150" fmla="*/ 2023279 w 6858000"/>
              <a:gd name="connsiteY150" fmla="*/ 5587277 h 6858000"/>
              <a:gd name="connsiteX151" fmla="*/ 2023279 w 6858000"/>
              <a:gd name="connsiteY151" fmla="*/ 5586833 h 6858000"/>
              <a:gd name="connsiteX152" fmla="*/ 1899741 w 6858000"/>
              <a:gd name="connsiteY152" fmla="*/ 5586833 h 6858000"/>
              <a:gd name="connsiteX153" fmla="*/ 1899741 w 6858000"/>
              <a:gd name="connsiteY153" fmla="*/ 5587277 h 6858000"/>
              <a:gd name="connsiteX154" fmla="*/ 1900185 w 6858000"/>
              <a:gd name="connsiteY154" fmla="*/ 5587277 h 6858000"/>
              <a:gd name="connsiteX155" fmla="*/ 1900185 w 6858000"/>
              <a:gd name="connsiteY155" fmla="*/ 5586833 h 6858000"/>
              <a:gd name="connsiteX156" fmla="*/ 1776684 w 6858000"/>
              <a:gd name="connsiteY156" fmla="*/ 5586833 h 6858000"/>
              <a:gd name="connsiteX157" fmla="*/ 1776684 w 6858000"/>
              <a:gd name="connsiteY157" fmla="*/ 5587277 h 6858000"/>
              <a:gd name="connsiteX158" fmla="*/ 1777128 w 6858000"/>
              <a:gd name="connsiteY158" fmla="*/ 5587277 h 6858000"/>
              <a:gd name="connsiteX159" fmla="*/ 1777128 w 6858000"/>
              <a:gd name="connsiteY159" fmla="*/ 5586833 h 6858000"/>
              <a:gd name="connsiteX160" fmla="*/ 1653626 w 6858000"/>
              <a:gd name="connsiteY160" fmla="*/ 5586833 h 6858000"/>
              <a:gd name="connsiteX161" fmla="*/ 1653626 w 6858000"/>
              <a:gd name="connsiteY161" fmla="*/ 5587277 h 6858000"/>
              <a:gd name="connsiteX162" fmla="*/ 1654070 w 6858000"/>
              <a:gd name="connsiteY162" fmla="*/ 5587277 h 6858000"/>
              <a:gd name="connsiteX163" fmla="*/ 1654070 w 6858000"/>
              <a:gd name="connsiteY163" fmla="*/ 5586833 h 6858000"/>
              <a:gd name="connsiteX164" fmla="*/ 1530569 w 6858000"/>
              <a:gd name="connsiteY164" fmla="*/ 5586833 h 6858000"/>
              <a:gd name="connsiteX165" fmla="*/ 1530569 w 6858000"/>
              <a:gd name="connsiteY165" fmla="*/ 5587277 h 6858000"/>
              <a:gd name="connsiteX166" fmla="*/ 1531013 w 6858000"/>
              <a:gd name="connsiteY166" fmla="*/ 5587277 h 6858000"/>
              <a:gd name="connsiteX167" fmla="*/ 1531013 w 6858000"/>
              <a:gd name="connsiteY167" fmla="*/ 5586833 h 6858000"/>
              <a:gd name="connsiteX168" fmla="*/ 1407512 w 6858000"/>
              <a:gd name="connsiteY168" fmla="*/ 5586833 h 6858000"/>
              <a:gd name="connsiteX169" fmla="*/ 1407512 w 6858000"/>
              <a:gd name="connsiteY169" fmla="*/ 5587277 h 6858000"/>
              <a:gd name="connsiteX170" fmla="*/ 1407956 w 6858000"/>
              <a:gd name="connsiteY170" fmla="*/ 5587277 h 6858000"/>
              <a:gd name="connsiteX171" fmla="*/ 1407956 w 6858000"/>
              <a:gd name="connsiteY171" fmla="*/ 5586833 h 6858000"/>
              <a:gd name="connsiteX172" fmla="*/ 1284454 w 6858000"/>
              <a:gd name="connsiteY172" fmla="*/ 5586833 h 6858000"/>
              <a:gd name="connsiteX173" fmla="*/ 1284454 w 6858000"/>
              <a:gd name="connsiteY173" fmla="*/ 5587277 h 6858000"/>
              <a:gd name="connsiteX174" fmla="*/ 1284898 w 6858000"/>
              <a:gd name="connsiteY174" fmla="*/ 5587277 h 6858000"/>
              <a:gd name="connsiteX175" fmla="*/ 1284898 w 6858000"/>
              <a:gd name="connsiteY175" fmla="*/ 5586833 h 6858000"/>
              <a:gd name="connsiteX176" fmla="*/ 1161397 w 6858000"/>
              <a:gd name="connsiteY176" fmla="*/ 5586833 h 6858000"/>
              <a:gd name="connsiteX177" fmla="*/ 1161397 w 6858000"/>
              <a:gd name="connsiteY177" fmla="*/ 5587277 h 6858000"/>
              <a:gd name="connsiteX178" fmla="*/ 1161841 w 6858000"/>
              <a:gd name="connsiteY178" fmla="*/ 5587277 h 6858000"/>
              <a:gd name="connsiteX179" fmla="*/ 1161841 w 6858000"/>
              <a:gd name="connsiteY179" fmla="*/ 5586833 h 6858000"/>
              <a:gd name="connsiteX180" fmla="*/ 1038340 w 6858000"/>
              <a:gd name="connsiteY180" fmla="*/ 5586833 h 6858000"/>
              <a:gd name="connsiteX181" fmla="*/ 1038340 w 6858000"/>
              <a:gd name="connsiteY181" fmla="*/ 5587277 h 6858000"/>
              <a:gd name="connsiteX182" fmla="*/ 1038784 w 6858000"/>
              <a:gd name="connsiteY182" fmla="*/ 5587277 h 6858000"/>
              <a:gd name="connsiteX183" fmla="*/ 1038784 w 6858000"/>
              <a:gd name="connsiteY183" fmla="*/ 5586833 h 6858000"/>
              <a:gd name="connsiteX184" fmla="*/ 915282 w 6858000"/>
              <a:gd name="connsiteY184" fmla="*/ 5586833 h 6858000"/>
              <a:gd name="connsiteX185" fmla="*/ 915282 w 6858000"/>
              <a:gd name="connsiteY185" fmla="*/ 5587277 h 6858000"/>
              <a:gd name="connsiteX186" fmla="*/ 915726 w 6858000"/>
              <a:gd name="connsiteY186" fmla="*/ 5587277 h 6858000"/>
              <a:gd name="connsiteX187" fmla="*/ 915726 w 6858000"/>
              <a:gd name="connsiteY187" fmla="*/ 5586833 h 6858000"/>
              <a:gd name="connsiteX188" fmla="*/ 3991789 w 6858000"/>
              <a:gd name="connsiteY188" fmla="*/ 5463776 h 6858000"/>
              <a:gd name="connsiteX189" fmla="*/ 3991789 w 6858000"/>
              <a:gd name="connsiteY189" fmla="*/ 5464220 h 6858000"/>
              <a:gd name="connsiteX190" fmla="*/ 3992234 w 6858000"/>
              <a:gd name="connsiteY190" fmla="*/ 5464220 h 6858000"/>
              <a:gd name="connsiteX191" fmla="*/ 3992234 w 6858000"/>
              <a:gd name="connsiteY191" fmla="*/ 5463776 h 6858000"/>
              <a:gd name="connsiteX192" fmla="*/ 3868732 w 6858000"/>
              <a:gd name="connsiteY192" fmla="*/ 5463776 h 6858000"/>
              <a:gd name="connsiteX193" fmla="*/ 3868732 w 6858000"/>
              <a:gd name="connsiteY193" fmla="*/ 5464220 h 6858000"/>
              <a:gd name="connsiteX194" fmla="*/ 3869176 w 6858000"/>
              <a:gd name="connsiteY194" fmla="*/ 5464220 h 6858000"/>
              <a:gd name="connsiteX195" fmla="*/ 3869176 w 6858000"/>
              <a:gd name="connsiteY195" fmla="*/ 5463776 h 6858000"/>
              <a:gd name="connsiteX196" fmla="*/ 3745675 w 6858000"/>
              <a:gd name="connsiteY196" fmla="*/ 5463776 h 6858000"/>
              <a:gd name="connsiteX197" fmla="*/ 3745675 w 6858000"/>
              <a:gd name="connsiteY197" fmla="*/ 5464220 h 6858000"/>
              <a:gd name="connsiteX198" fmla="*/ 3746119 w 6858000"/>
              <a:gd name="connsiteY198" fmla="*/ 5464220 h 6858000"/>
              <a:gd name="connsiteX199" fmla="*/ 3746119 w 6858000"/>
              <a:gd name="connsiteY199" fmla="*/ 5463776 h 6858000"/>
              <a:gd name="connsiteX200" fmla="*/ 3622617 w 6858000"/>
              <a:gd name="connsiteY200" fmla="*/ 5463776 h 6858000"/>
              <a:gd name="connsiteX201" fmla="*/ 3622617 w 6858000"/>
              <a:gd name="connsiteY201" fmla="*/ 5464220 h 6858000"/>
              <a:gd name="connsiteX202" fmla="*/ 3623061 w 6858000"/>
              <a:gd name="connsiteY202" fmla="*/ 5464220 h 6858000"/>
              <a:gd name="connsiteX203" fmla="*/ 3623061 w 6858000"/>
              <a:gd name="connsiteY203" fmla="*/ 5463776 h 6858000"/>
              <a:gd name="connsiteX204" fmla="*/ 3499523 w 6858000"/>
              <a:gd name="connsiteY204" fmla="*/ 5463776 h 6858000"/>
              <a:gd name="connsiteX205" fmla="*/ 3499523 w 6858000"/>
              <a:gd name="connsiteY205" fmla="*/ 5464220 h 6858000"/>
              <a:gd name="connsiteX206" fmla="*/ 3499967 w 6858000"/>
              <a:gd name="connsiteY206" fmla="*/ 5464220 h 6858000"/>
              <a:gd name="connsiteX207" fmla="*/ 3499967 w 6858000"/>
              <a:gd name="connsiteY207" fmla="*/ 5463776 h 6858000"/>
              <a:gd name="connsiteX208" fmla="*/ 3376466 w 6858000"/>
              <a:gd name="connsiteY208" fmla="*/ 5463776 h 6858000"/>
              <a:gd name="connsiteX209" fmla="*/ 3376466 w 6858000"/>
              <a:gd name="connsiteY209" fmla="*/ 5464220 h 6858000"/>
              <a:gd name="connsiteX210" fmla="*/ 3376910 w 6858000"/>
              <a:gd name="connsiteY210" fmla="*/ 5464220 h 6858000"/>
              <a:gd name="connsiteX211" fmla="*/ 3376910 w 6858000"/>
              <a:gd name="connsiteY211" fmla="*/ 5463776 h 6858000"/>
              <a:gd name="connsiteX212" fmla="*/ 3253408 w 6858000"/>
              <a:gd name="connsiteY212" fmla="*/ 5463776 h 6858000"/>
              <a:gd name="connsiteX213" fmla="*/ 3253408 w 6858000"/>
              <a:gd name="connsiteY213" fmla="*/ 5464220 h 6858000"/>
              <a:gd name="connsiteX214" fmla="*/ 3253852 w 6858000"/>
              <a:gd name="connsiteY214" fmla="*/ 5464220 h 6858000"/>
              <a:gd name="connsiteX215" fmla="*/ 3253852 w 6858000"/>
              <a:gd name="connsiteY215" fmla="*/ 5463776 h 6858000"/>
              <a:gd name="connsiteX216" fmla="*/ 3130351 w 6858000"/>
              <a:gd name="connsiteY216" fmla="*/ 5463776 h 6858000"/>
              <a:gd name="connsiteX217" fmla="*/ 3130351 w 6858000"/>
              <a:gd name="connsiteY217" fmla="*/ 5464220 h 6858000"/>
              <a:gd name="connsiteX218" fmla="*/ 3130795 w 6858000"/>
              <a:gd name="connsiteY218" fmla="*/ 5464220 h 6858000"/>
              <a:gd name="connsiteX219" fmla="*/ 3130795 w 6858000"/>
              <a:gd name="connsiteY219" fmla="*/ 5463776 h 6858000"/>
              <a:gd name="connsiteX220" fmla="*/ 3007294 w 6858000"/>
              <a:gd name="connsiteY220" fmla="*/ 5463776 h 6858000"/>
              <a:gd name="connsiteX221" fmla="*/ 3007294 w 6858000"/>
              <a:gd name="connsiteY221" fmla="*/ 5464220 h 6858000"/>
              <a:gd name="connsiteX222" fmla="*/ 3007738 w 6858000"/>
              <a:gd name="connsiteY222" fmla="*/ 5464220 h 6858000"/>
              <a:gd name="connsiteX223" fmla="*/ 3007738 w 6858000"/>
              <a:gd name="connsiteY223" fmla="*/ 5463776 h 6858000"/>
              <a:gd name="connsiteX224" fmla="*/ 2884237 w 6858000"/>
              <a:gd name="connsiteY224" fmla="*/ 5463776 h 6858000"/>
              <a:gd name="connsiteX225" fmla="*/ 2884237 w 6858000"/>
              <a:gd name="connsiteY225" fmla="*/ 5464220 h 6858000"/>
              <a:gd name="connsiteX226" fmla="*/ 2884681 w 6858000"/>
              <a:gd name="connsiteY226" fmla="*/ 5464220 h 6858000"/>
              <a:gd name="connsiteX227" fmla="*/ 2884681 w 6858000"/>
              <a:gd name="connsiteY227" fmla="*/ 5463776 h 6858000"/>
              <a:gd name="connsiteX228" fmla="*/ 2761179 w 6858000"/>
              <a:gd name="connsiteY228" fmla="*/ 5463776 h 6858000"/>
              <a:gd name="connsiteX229" fmla="*/ 2761179 w 6858000"/>
              <a:gd name="connsiteY229" fmla="*/ 5464220 h 6858000"/>
              <a:gd name="connsiteX230" fmla="*/ 2761623 w 6858000"/>
              <a:gd name="connsiteY230" fmla="*/ 5464220 h 6858000"/>
              <a:gd name="connsiteX231" fmla="*/ 2761623 w 6858000"/>
              <a:gd name="connsiteY231" fmla="*/ 5463776 h 6858000"/>
              <a:gd name="connsiteX232" fmla="*/ 2638122 w 6858000"/>
              <a:gd name="connsiteY232" fmla="*/ 5463776 h 6858000"/>
              <a:gd name="connsiteX233" fmla="*/ 2638122 w 6858000"/>
              <a:gd name="connsiteY233" fmla="*/ 5464220 h 6858000"/>
              <a:gd name="connsiteX234" fmla="*/ 2638566 w 6858000"/>
              <a:gd name="connsiteY234" fmla="*/ 5464220 h 6858000"/>
              <a:gd name="connsiteX235" fmla="*/ 2638566 w 6858000"/>
              <a:gd name="connsiteY235" fmla="*/ 5463776 h 6858000"/>
              <a:gd name="connsiteX236" fmla="*/ 2515065 w 6858000"/>
              <a:gd name="connsiteY236" fmla="*/ 5463776 h 6858000"/>
              <a:gd name="connsiteX237" fmla="*/ 2515065 w 6858000"/>
              <a:gd name="connsiteY237" fmla="*/ 5464220 h 6858000"/>
              <a:gd name="connsiteX238" fmla="*/ 2515509 w 6858000"/>
              <a:gd name="connsiteY238" fmla="*/ 5464220 h 6858000"/>
              <a:gd name="connsiteX239" fmla="*/ 2515509 w 6858000"/>
              <a:gd name="connsiteY239" fmla="*/ 5463776 h 6858000"/>
              <a:gd name="connsiteX240" fmla="*/ 2392007 w 6858000"/>
              <a:gd name="connsiteY240" fmla="*/ 5463776 h 6858000"/>
              <a:gd name="connsiteX241" fmla="*/ 2392007 w 6858000"/>
              <a:gd name="connsiteY241" fmla="*/ 5464220 h 6858000"/>
              <a:gd name="connsiteX242" fmla="*/ 2392451 w 6858000"/>
              <a:gd name="connsiteY242" fmla="*/ 5464220 h 6858000"/>
              <a:gd name="connsiteX243" fmla="*/ 2392451 w 6858000"/>
              <a:gd name="connsiteY243" fmla="*/ 5463776 h 6858000"/>
              <a:gd name="connsiteX244" fmla="*/ 2268950 w 6858000"/>
              <a:gd name="connsiteY244" fmla="*/ 5463776 h 6858000"/>
              <a:gd name="connsiteX245" fmla="*/ 2268950 w 6858000"/>
              <a:gd name="connsiteY245" fmla="*/ 5464220 h 6858000"/>
              <a:gd name="connsiteX246" fmla="*/ 2269394 w 6858000"/>
              <a:gd name="connsiteY246" fmla="*/ 5464220 h 6858000"/>
              <a:gd name="connsiteX247" fmla="*/ 2269394 w 6858000"/>
              <a:gd name="connsiteY247" fmla="*/ 5463776 h 6858000"/>
              <a:gd name="connsiteX248" fmla="*/ 2145893 w 6858000"/>
              <a:gd name="connsiteY248" fmla="*/ 5463776 h 6858000"/>
              <a:gd name="connsiteX249" fmla="*/ 2145893 w 6858000"/>
              <a:gd name="connsiteY249" fmla="*/ 5464220 h 6858000"/>
              <a:gd name="connsiteX250" fmla="*/ 2146337 w 6858000"/>
              <a:gd name="connsiteY250" fmla="*/ 5464220 h 6858000"/>
              <a:gd name="connsiteX251" fmla="*/ 2146337 w 6858000"/>
              <a:gd name="connsiteY251" fmla="*/ 5463776 h 6858000"/>
              <a:gd name="connsiteX252" fmla="*/ 2022835 w 6858000"/>
              <a:gd name="connsiteY252" fmla="*/ 5463776 h 6858000"/>
              <a:gd name="connsiteX253" fmla="*/ 2022835 w 6858000"/>
              <a:gd name="connsiteY253" fmla="*/ 5464220 h 6858000"/>
              <a:gd name="connsiteX254" fmla="*/ 2023279 w 6858000"/>
              <a:gd name="connsiteY254" fmla="*/ 5464220 h 6858000"/>
              <a:gd name="connsiteX255" fmla="*/ 2023279 w 6858000"/>
              <a:gd name="connsiteY255" fmla="*/ 5463776 h 6858000"/>
              <a:gd name="connsiteX256" fmla="*/ 1899741 w 6858000"/>
              <a:gd name="connsiteY256" fmla="*/ 5463776 h 6858000"/>
              <a:gd name="connsiteX257" fmla="*/ 1899741 w 6858000"/>
              <a:gd name="connsiteY257" fmla="*/ 5464220 h 6858000"/>
              <a:gd name="connsiteX258" fmla="*/ 1900185 w 6858000"/>
              <a:gd name="connsiteY258" fmla="*/ 5464220 h 6858000"/>
              <a:gd name="connsiteX259" fmla="*/ 1900185 w 6858000"/>
              <a:gd name="connsiteY259" fmla="*/ 5463776 h 6858000"/>
              <a:gd name="connsiteX260" fmla="*/ 1776684 w 6858000"/>
              <a:gd name="connsiteY260" fmla="*/ 5463776 h 6858000"/>
              <a:gd name="connsiteX261" fmla="*/ 1776684 w 6858000"/>
              <a:gd name="connsiteY261" fmla="*/ 5464220 h 6858000"/>
              <a:gd name="connsiteX262" fmla="*/ 1777128 w 6858000"/>
              <a:gd name="connsiteY262" fmla="*/ 5464220 h 6858000"/>
              <a:gd name="connsiteX263" fmla="*/ 1777128 w 6858000"/>
              <a:gd name="connsiteY263" fmla="*/ 5463776 h 6858000"/>
              <a:gd name="connsiteX264" fmla="*/ 1653626 w 6858000"/>
              <a:gd name="connsiteY264" fmla="*/ 5463776 h 6858000"/>
              <a:gd name="connsiteX265" fmla="*/ 1653626 w 6858000"/>
              <a:gd name="connsiteY265" fmla="*/ 5464220 h 6858000"/>
              <a:gd name="connsiteX266" fmla="*/ 1654070 w 6858000"/>
              <a:gd name="connsiteY266" fmla="*/ 5464220 h 6858000"/>
              <a:gd name="connsiteX267" fmla="*/ 1654070 w 6858000"/>
              <a:gd name="connsiteY267" fmla="*/ 5463776 h 6858000"/>
              <a:gd name="connsiteX268" fmla="*/ 1530569 w 6858000"/>
              <a:gd name="connsiteY268" fmla="*/ 5463776 h 6858000"/>
              <a:gd name="connsiteX269" fmla="*/ 1530569 w 6858000"/>
              <a:gd name="connsiteY269" fmla="*/ 5464220 h 6858000"/>
              <a:gd name="connsiteX270" fmla="*/ 1531013 w 6858000"/>
              <a:gd name="connsiteY270" fmla="*/ 5464220 h 6858000"/>
              <a:gd name="connsiteX271" fmla="*/ 1531013 w 6858000"/>
              <a:gd name="connsiteY271" fmla="*/ 5463776 h 6858000"/>
              <a:gd name="connsiteX272" fmla="*/ 1407512 w 6858000"/>
              <a:gd name="connsiteY272" fmla="*/ 5463776 h 6858000"/>
              <a:gd name="connsiteX273" fmla="*/ 1407512 w 6858000"/>
              <a:gd name="connsiteY273" fmla="*/ 5464220 h 6858000"/>
              <a:gd name="connsiteX274" fmla="*/ 1407956 w 6858000"/>
              <a:gd name="connsiteY274" fmla="*/ 5464220 h 6858000"/>
              <a:gd name="connsiteX275" fmla="*/ 1407956 w 6858000"/>
              <a:gd name="connsiteY275" fmla="*/ 5463776 h 6858000"/>
              <a:gd name="connsiteX276" fmla="*/ 1284454 w 6858000"/>
              <a:gd name="connsiteY276" fmla="*/ 5463776 h 6858000"/>
              <a:gd name="connsiteX277" fmla="*/ 1284454 w 6858000"/>
              <a:gd name="connsiteY277" fmla="*/ 5464220 h 6858000"/>
              <a:gd name="connsiteX278" fmla="*/ 1284898 w 6858000"/>
              <a:gd name="connsiteY278" fmla="*/ 5464220 h 6858000"/>
              <a:gd name="connsiteX279" fmla="*/ 1284898 w 6858000"/>
              <a:gd name="connsiteY279" fmla="*/ 5463776 h 6858000"/>
              <a:gd name="connsiteX280" fmla="*/ 1161397 w 6858000"/>
              <a:gd name="connsiteY280" fmla="*/ 5463776 h 6858000"/>
              <a:gd name="connsiteX281" fmla="*/ 1161397 w 6858000"/>
              <a:gd name="connsiteY281" fmla="*/ 5464220 h 6858000"/>
              <a:gd name="connsiteX282" fmla="*/ 1161841 w 6858000"/>
              <a:gd name="connsiteY282" fmla="*/ 5464220 h 6858000"/>
              <a:gd name="connsiteX283" fmla="*/ 1161841 w 6858000"/>
              <a:gd name="connsiteY283" fmla="*/ 5463776 h 6858000"/>
              <a:gd name="connsiteX284" fmla="*/ 1038340 w 6858000"/>
              <a:gd name="connsiteY284" fmla="*/ 5463776 h 6858000"/>
              <a:gd name="connsiteX285" fmla="*/ 1038340 w 6858000"/>
              <a:gd name="connsiteY285" fmla="*/ 5464220 h 6858000"/>
              <a:gd name="connsiteX286" fmla="*/ 1038784 w 6858000"/>
              <a:gd name="connsiteY286" fmla="*/ 5464220 h 6858000"/>
              <a:gd name="connsiteX287" fmla="*/ 1038784 w 6858000"/>
              <a:gd name="connsiteY287" fmla="*/ 5463776 h 6858000"/>
              <a:gd name="connsiteX288" fmla="*/ 915282 w 6858000"/>
              <a:gd name="connsiteY288" fmla="*/ 5463776 h 6858000"/>
              <a:gd name="connsiteX289" fmla="*/ 915282 w 6858000"/>
              <a:gd name="connsiteY289" fmla="*/ 5464220 h 6858000"/>
              <a:gd name="connsiteX290" fmla="*/ 915726 w 6858000"/>
              <a:gd name="connsiteY290" fmla="*/ 5464220 h 6858000"/>
              <a:gd name="connsiteX291" fmla="*/ 915726 w 6858000"/>
              <a:gd name="connsiteY291" fmla="*/ 5463776 h 6858000"/>
              <a:gd name="connsiteX292" fmla="*/ 792225 w 6858000"/>
              <a:gd name="connsiteY292" fmla="*/ 5463776 h 6858000"/>
              <a:gd name="connsiteX293" fmla="*/ 792225 w 6858000"/>
              <a:gd name="connsiteY293" fmla="*/ 5464220 h 6858000"/>
              <a:gd name="connsiteX294" fmla="*/ 792669 w 6858000"/>
              <a:gd name="connsiteY294" fmla="*/ 5464220 h 6858000"/>
              <a:gd name="connsiteX295" fmla="*/ 792669 w 6858000"/>
              <a:gd name="connsiteY295" fmla="*/ 5463776 h 6858000"/>
              <a:gd name="connsiteX296" fmla="*/ 53844 w 6858000"/>
              <a:gd name="connsiteY296" fmla="*/ 5463776 h 6858000"/>
              <a:gd name="connsiteX297" fmla="*/ 53844 w 6858000"/>
              <a:gd name="connsiteY297" fmla="*/ 5464220 h 6858000"/>
              <a:gd name="connsiteX298" fmla="*/ 54288 w 6858000"/>
              <a:gd name="connsiteY298" fmla="*/ 5464220 h 6858000"/>
              <a:gd name="connsiteX299" fmla="*/ 54288 w 6858000"/>
              <a:gd name="connsiteY299" fmla="*/ 5463776 h 6858000"/>
              <a:gd name="connsiteX300" fmla="*/ 3991789 w 6858000"/>
              <a:gd name="connsiteY300" fmla="*/ 5340718 h 6858000"/>
              <a:gd name="connsiteX301" fmla="*/ 3991789 w 6858000"/>
              <a:gd name="connsiteY301" fmla="*/ 5341162 h 6858000"/>
              <a:gd name="connsiteX302" fmla="*/ 3992234 w 6858000"/>
              <a:gd name="connsiteY302" fmla="*/ 5341162 h 6858000"/>
              <a:gd name="connsiteX303" fmla="*/ 3992234 w 6858000"/>
              <a:gd name="connsiteY303" fmla="*/ 5340718 h 6858000"/>
              <a:gd name="connsiteX304" fmla="*/ 3868732 w 6858000"/>
              <a:gd name="connsiteY304" fmla="*/ 5340718 h 6858000"/>
              <a:gd name="connsiteX305" fmla="*/ 3868732 w 6858000"/>
              <a:gd name="connsiteY305" fmla="*/ 5341162 h 6858000"/>
              <a:gd name="connsiteX306" fmla="*/ 3869176 w 6858000"/>
              <a:gd name="connsiteY306" fmla="*/ 5341162 h 6858000"/>
              <a:gd name="connsiteX307" fmla="*/ 3869176 w 6858000"/>
              <a:gd name="connsiteY307" fmla="*/ 5340718 h 6858000"/>
              <a:gd name="connsiteX308" fmla="*/ 3745675 w 6858000"/>
              <a:gd name="connsiteY308" fmla="*/ 5340718 h 6858000"/>
              <a:gd name="connsiteX309" fmla="*/ 3745675 w 6858000"/>
              <a:gd name="connsiteY309" fmla="*/ 5341162 h 6858000"/>
              <a:gd name="connsiteX310" fmla="*/ 3746119 w 6858000"/>
              <a:gd name="connsiteY310" fmla="*/ 5341162 h 6858000"/>
              <a:gd name="connsiteX311" fmla="*/ 3746119 w 6858000"/>
              <a:gd name="connsiteY311" fmla="*/ 5340718 h 6858000"/>
              <a:gd name="connsiteX312" fmla="*/ 3622617 w 6858000"/>
              <a:gd name="connsiteY312" fmla="*/ 5340718 h 6858000"/>
              <a:gd name="connsiteX313" fmla="*/ 3622617 w 6858000"/>
              <a:gd name="connsiteY313" fmla="*/ 5341162 h 6858000"/>
              <a:gd name="connsiteX314" fmla="*/ 3623061 w 6858000"/>
              <a:gd name="connsiteY314" fmla="*/ 5341162 h 6858000"/>
              <a:gd name="connsiteX315" fmla="*/ 3623061 w 6858000"/>
              <a:gd name="connsiteY315" fmla="*/ 5340718 h 6858000"/>
              <a:gd name="connsiteX316" fmla="*/ 3499523 w 6858000"/>
              <a:gd name="connsiteY316" fmla="*/ 5340718 h 6858000"/>
              <a:gd name="connsiteX317" fmla="*/ 3499523 w 6858000"/>
              <a:gd name="connsiteY317" fmla="*/ 5341162 h 6858000"/>
              <a:gd name="connsiteX318" fmla="*/ 3499967 w 6858000"/>
              <a:gd name="connsiteY318" fmla="*/ 5341162 h 6858000"/>
              <a:gd name="connsiteX319" fmla="*/ 3499967 w 6858000"/>
              <a:gd name="connsiteY319" fmla="*/ 5340718 h 6858000"/>
              <a:gd name="connsiteX320" fmla="*/ 3376466 w 6858000"/>
              <a:gd name="connsiteY320" fmla="*/ 5340718 h 6858000"/>
              <a:gd name="connsiteX321" fmla="*/ 3376466 w 6858000"/>
              <a:gd name="connsiteY321" fmla="*/ 5341162 h 6858000"/>
              <a:gd name="connsiteX322" fmla="*/ 3376910 w 6858000"/>
              <a:gd name="connsiteY322" fmla="*/ 5341162 h 6858000"/>
              <a:gd name="connsiteX323" fmla="*/ 3376910 w 6858000"/>
              <a:gd name="connsiteY323" fmla="*/ 5340718 h 6858000"/>
              <a:gd name="connsiteX324" fmla="*/ 3253408 w 6858000"/>
              <a:gd name="connsiteY324" fmla="*/ 5340718 h 6858000"/>
              <a:gd name="connsiteX325" fmla="*/ 3253408 w 6858000"/>
              <a:gd name="connsiteY325" fmla="*/ 5341162 h 6858000"/>
              <a:gd name="connsiteX326" fmla="*/ 3253852 w 6858000"/>
              <a:gd name="connsiteY326" fmla="*/ 5341162 h 6858000"/>
              <a:gd name="connsiteX327" fmla="*/ 3253852 w 6858000"/>
              <a:gd name="connsiteY327" fmla="*/ 5340718 h 6858000"/>
              <a:gd name="connsiteX328" fmla="*/ 3130351 w 6858000"/>
              <a:gd name="connsiteY328" fmla="*/ 5340718 h 6858000"/>
              <a:gd name="connsiteX329" fmla="*/ 3130351 w 6858000"/>
              <a:gd name="connsiteY329" fmla="*/ 5341162 h 6858000"/>
              <a:gd name="connsiteX330" fmla="*/ 3130795 w 6858000"/>
              <a:gd name="connsiteY330" fmla="*/ 5341162 h 6858000"/>
              <a:gd name="connsiteX331" fmla="*/ 3130795 w 6858000"/>
              <a:gd name="connsiteY331" fmla="*/ 5340718 h 6858000"/>
              <a:gd name="connsiteX332" fmla="*/ 3007294 w 6858000"/>
              <a:gd name="connsiteY332" fmla="*/ 5340718 h 6858000"/>
              <a:gd name="connsiteX333" fmla="*/ 3007294 w 6858000"/>
              <a:gd name="connsiteY333" fmla="*/ 5341162 h 6858000"/>
              <a:gd name="connsiteX334" fmla="*/ 3007738 w 6858000"/>
              <a:gd name="connsiteY334" fmla="*/ 5341162 h 6858000"/>
              <a:gd name="connsiteX335" fmla="*/ 3007738 w 6858000"/>
              <a:gd name="connsiteY335" fmla="*/ 5340718 h 6858000"/>
              <a:gd name="connsiteX336" fmla="*/ 2884237 w 6858000"/>
              <a:gd name="connsiteY336" fmla="*/ 5340718 h 6858000"/>
              <a:gd name="connsiteX337" fmla="*/ 2884237 w 6858000"/>
              <a:gd name="connsiteY337" fmla="*/ 5341162 h 6858000"/>
              <a:gd name="connsiteX338" fmla="*/ 2884681 w 6858000"/>
              <a:gd name="connsiteY338" fmla="*/ 5341162 h 6858000"/>
              <a:gd name="connsiteX339" fmla="*/ 2884681 w 6858000"/>
              <a:gd name="connsiteY339" fmla="*/ 5340718 h 6858000"/>
              <a:gd name="connsiteX340" fmla="*/ 2761179 w 6858000"/>
              <a:gd name="connsiteY340" fmla="*/ 5340718 h 6858000"/>
              <a:gd name="connsiteX341" fmla="*/ 2761179 w 6858000"/>
              <a:gd name="connsiteY341" fmla="*/ 5341162 h 6858000"/>
              <a:gd name="connsiteX342" fmla="*/ 2761623 w 6858000"/>
              <a:gd name="connsiteY342" fmla="*/ 5341162 h 6858000"/>
              <a:gd name="connsiteX343" fmla="*/ 2761623 w 6858000"/>
              <a:gd name="connsiteY343" fmla="*/ 5340718 h 6858000"/>
              <a:gd name="connsiteX344" fmla="*/ 2638122 w 6858000"/>
              <a:gd name="connsiteY344" fmla="*/ 5340718 h 6858000"/>
              <a:gd name="connsiteX345" fmla="*/ 2638122 w 6858000"/>
              <a:gd name="connsiteY345" fmla="*/ 5341162 h 6858000"/>
              <a:gd name="connsiteX346" fmla="*/ 2638566 w 6858000"/>
              <a:gd name="connsiteY346" fmla="*/ 5341162 h 6858000"/>
              <a:gd name="connsiteX347" fmla="*/ 2638566 w 6858000"/>
              <a:gd name="connsiteY347" fmla="*/ 5340718 h 6858000"/>
              <a:gd name="connsiteX348" fmla="*/ 2515065 w 6858000"/>
              <a:gd name="connsiteY348" fmla="*/ 5340718 h 6858000"/>
              <a:gd name="connsiteX349" fmla="*/ 2515065 w 6858000"/>
              <a:gd name="connsiteY349" fmla="*/ 5341162 h 6858000"/>
              <a:gd name="connsiteX350" fmla="*/ 2515509 w 6858000"/>
              <a:gd name="connsiteY350" fmla="*/ 5341162 h 6858000"/>
              <a:gd name="connsiteX351" fmla="*/ 2515509 w 6858000"/>
              <a:gd name="connsiteY351" fmla="*/ 5340718 h 6858000"/>
              <a:gd name="connsiteX352" fmla="*/ 2392007 w 6858000"/>
              <a:gd name="connsiteY352" fmla="*/ 5340718 h 6858000"/>
              <a:gd name="connsiteX353" fmla="*/ 2392007 w 6858000"/>
              <a:gd name="connsiteY353" fmla="*/ 5341162 h 6858000"/>
              <a:gd name="connsiteX354" fmla="*/ 2392451 w 6858000"/>
              <a:gd name="connsiteY354" fmla="*/ 5341162 h 6858000"/>
              <a:gd name="connsiteX355" fmla="*/ 2392451 w 6858000"/>
              <a:gd name="connsiteY355" fmla="*/ 5340718 h 6858000"/>
              <a:gd name="connsiteX356" fmla="*/ 1161397 w 6858000"/>
              <a:gd name="connsiteY356" fmla="*/ 5340718 h 6858000"/>
              <a:gd name="connsiteX357" fmla="*/ 1161397 w 6858000"/>
              <a:gd name="connsiteY357" fmla="*/ 5341162 h 6858000"/>
              <a:gd name="connsiteX358" fmla="*/ 1161841 w 6858000"/>
              <a:gd name="connsiteY358" fmla="*/ 5341162 h 6858000"/>
              <a:gd name="connsiteX359" fmla="*/ 1161841 w 6858000"/>
              <a:gd name="connsiteY359" fmla="*/ 5340718 h 6858000"/>
              <a:gd name="connsiteX360" fmla="*/ 1038340 w 6858000"/>
              <a:gd name="connsiteY360" fmla="*/ 5340718 h 6858000"/>
              <a:gd name="connsiteX361" fmla="*/ 1038340 w 6858000"/>
              <a:gd name="connsiteY361" fmla="*/ 5341162 h 6858000"/>
              <a:gd name="connsiteX362" fmla="*/ 1038784 w 6858000"/>
              <a:gd name="connsiteY362" fmla="*/ 5341162 h 6858000"/>
              <a:gd name="connsiteX363" fmla="*/ 1038784 w 6858000"/>
              <a:gd name="connsiteY363" fmla="*/ 5340718 h 6858000"/>
              <a:gd name="connsiteX364" fmla="*/ 915282 w 6858000"/>
              <a:gd name="connsiteY364" fmla="*/ 5340718 h 6858000"/>
              <a:gd name="connsiteX365" fmla="*/ 915282 w 6858000"/>
              <a:gd name="connsiteY365" fmla="*/ 5341162 h 6858000"/>
              <a:gd name="connsiteX366" fmla="*/ 915726 w 6858000"/>
              <a:gd name="connsiteY366" fmla="*/ 5341162 h 6858000"/>
              <a:gd name="connsiteX367" fmla="*/ 915726 w 6858000"/>
              <a:gd name="connsiteY367" fmla="*/ 5340718 h 6858000"/>
              <a:gd name="connsiteX368" fmla="*/ 792225 w 6858000"/>
              <a:gd name="connsiteY368" fmla="*/ 5340718 h 6858000"/>
              <a:gd name="connsiteX369" fmla="*/ 792225 w 6858000"/>
              <a:gd name="connsiteY369" fmla="*/ 5341162 h 6858000"/>
              <a:gd name="connsiteX370" fmla="*/ 792669 w 6858000"/>
              <a:gd name="connsiteY370" fmla="*/ 5341162 h 6858000"/>
              <a:gd name="connsiteX371" fmla="*/ 792669 w 6858000"/>
              <a:gd name="connsiteY371" fmla="*/ 5340718 h 6858000"/>
              <a:gd name="connsiteX372" fmla="*/ 299959 w 6858000"/>
              <a:gd name="connsiteY372" fmla="*/ 5340718 h 6858000"/>
              <a:gd name="connsiteX373" fmla="*/ 299959 w 6858000"/>
              <a:gd name="connsiteY373" fmla="*/ 5341162 h 6858000"/>
              <a:gd name="connsiteX374" fmla="*/ 300403 w 6858000"/>
              <a:gd name="connsiteY374" fmla="*/ 5341162 h 6858000"/>
              <a:gd name="connsiteX375" fmla="*/ 300403 w 6858000"/>
              <a:gd name="connsiteY375" fmla="*/ 5340718 h 6858000"/>
              <a:gd name="connsiteX376" fmla="*/ 176901 w 6858000"/>
              <a:gd name="connsiteY376" fmla="*/ 5340718 h 6858000"/>
              <a:gd name="connsiteX377" fmla="*/ 176901 w 6858000"/>
              <a:gd name="connsiteY377" fmla="*/ 5341162 h 6858000"/>
              <a:gd name="connsiteX378" fmla="*/ 177345 w 6858000"/>
              <a:gd name="connsiteY378" fmla="*/ 5341162 h 6858000"/>
              <a:gd name="connsiteX379" fmla="*/ 177345 w 6858000"/>
              <a:gd name="connsiteY379" fmla="*/ 5340718 h 6858000"/>
              <a:gd name="connsiteX380" fmla="*/ 53844 w 6858000"/>
              <a:gd name="connsiteY380" fmla="*/ 5340718 h 6858000"/>
              <a:gd name="connsiteX381" fmla="*/ 53844 w 6858000"/>
              <a:gd name="connsiteY381" fmla="*/ 5341162 h 6858000"/>
              <a:gd name="connsiteX382" fmla="*/ 54288 w 6858000"/>
              <a:gd name="connsiteY382" fmla="*/ 5341162 h 6858000"/>
              <a:gd name="connsiteX383" fmla="*/ 54288 w 6858000"/>
              <a:gd name="connsiteY383" fmla="*/ 5340718 h 6858000"/>
              <a:gd name="connsiteX384" fmla="*/ 2268728 w 6858000"/>
              <a:gd name="connsiteY384" fmla="*/ 5340533 h 6858000"/>
              <a:gd name="connsiteX385" fmla="*/ 2268728 w 6858000"/>
              <a:gd name="connsiteY385" fmla="*/ 5341385 h 6858000"/>
              <a:gd name="connsiteX386" fmla="*/ 2269580 w 6858000"/>
              <a:gd name="connsiteY386" fmla="*/ 5341385 h 6858000"/>
              <a:gd name="connsiteX387" fmla="*/ 2269580 w 6858000"/>
              <a:gd name="connsiteY387" fmla="*/ 5340533 h 6858000"/>
              <a:gd name="connsiteX388" fmla="*/ 2145670 w 6858000"/>
              <a:gd name="connsiteY388" fmla="*/ 5340533 h 6858000"/>
              <a:gd name="connsiteX389" fmla="*/ 2145670 w 6858000"/>
              <a:gd name="connsiteY389" fmla="*/ 5341385 h 6858000"/>
              <a:gd name="connsiteX390" fmla="*/ 2146522 w 6858000"/>
              <a:gd name="connsiteY390" fmla="*/ 5341385 h 6858000"/>
              <a:gd name="connsiteX391" fmla="*/ 2146522 w 6858000"/>
              <a:gd name="connsiteY391" fmla="*/ 5340533 h 6858000"/>
              <a:gd name="connsiteX392" fmla="*/ 2022613 w 6858000"/>
              <a:gd name="connsiteY392" fmla="*/ 5340533 h 6858000"/>
              <a:gd name="connsiteX393" fmla="*/ 2022613 w 6858000"/>
              <a:gd name="connsiteY393" fmla="*/ 5341385 h 6858000"/>
              <a:gd name="connsiteX394" fmla="*/ 2023465 w 6858000"/>
              <a:gd name="connsiteY394" fmla="*/ 5341385 h 6858000"/>
              <a:gd name="connsiteX395" fmla="*/ 2023465 w 6858000"/>
              <a:gd name="connsiteY395" fmla="*/ 5340533 h 6858000"/>
              <a:gd name="connsiteX396" fmla="*/ 1899556 w 6858000"/>
              <a:gd name="connsiteY396" fmla="*/ 5340533 h 6858000"/>
              <a:gd name="connsiteX397" fmla="*/ 1899556 w 6858000"/>
              <a:gd name="connsiteY397" fmla="*/ 5341385 h 6858000"/>
              <a:gd name="connsiteX398" fmla="*/ 1900408 w 6858000"/>
              <a:gd name="connsiteY398" fmla="*/ 5341385 h 6858000"/>
              <a:gd name="connsiteX399" fmla="*/ 1900408 w 6858000"/>
              <a:gd name="connsiteY399" fmla="*/ 5340533 h 6858000"/>
              <a:gd name="connsiteX400" fmla="*/ 1776498 w 6858000"/>
              <a:gd name="connsiteY400" fmla="*/ 5340533 h 6858000"/>
              <a:gd name="connsiteX401" fmla="*/ 1776498 w 6858000"/>
              <a:gd name="connsiteY401" fmla="*/ 5341385 h 6858000"/>
              <a:gd name="connsiteX402" fmla="*/ 1777350 w 6858000"/>
              <a:gd name="connsiteY402" fmla="*/ 5341385 h 6858000"/>
              <a:gd name="connsiteX403" fmla="*/ 1777350 w 6858000"/>
              <a:gd name="connsiteY403" fmla="*/ 5340533 h 6858000"/>
              <a:gd name="connsiteX404" fmla="*/ 1653404 w 6858000"/>
              <a:gd name="connsiteY404" fmla="*/ 5340533 h 6858000"/>
              <a:gd name="connsiteX405" fmla="*/ 1653404 w 6858000"/>
              <a:gd name="connsiteY405" fmla="*/ 5341385 h 6858000"/>
              <a:gd name="connsiteX406" fmla="*/ 1654256 w 6858000"/>
              <a:gd name="connsiteY406" fmla="*/ 5341385 h 6858000"/>
              <a:gd name="connsiteX407" fmla="*/ 1654256 w 6858000"/>
              <a:gd name="connsiteY407" fmla="*/ 5340533 h 6858000"/>
              <a:gd name="connsiteX408" fmla="*/ 1530347 w 6858000"/>
              <a:gd name="connsiteY408" fmla="*/ 5340533 h 6858000"/>
              <a:gd name="connsiteX409" fmla="*/ 1530347 w 6858000"/>
              <a:gd name="connsiteY409" fmla="*/ 5341385 h 6858000"/>
              <a:gd name="connsiteX410" fmla="*/ 1531199 w 6858000"/>
              <a:gd name="connsiteY410" fmla="*/ 5341385 h 6858000"/>
              <a:gd name="connsiteX411" fmla="*/ 1531199 w 6858000"/>
              <a:gd name="connsiteY411" fmla="*/ 5340533 h 6858000"/>
              <a:gd name="connsiteX412" fmla="*/ 1407289 w 6858000"/>
              <a:gd name="connsiteY412" fmla="*/ 5340533 h 6858000"/>
              <a:gd name="connsiteX413" fmla="*/ 1407289 w 6858000"/>
              <a:gd name="connsiteY413" fmla="*/ 5341385 h 6858000"/>
              <a:gd name="connsiteX414" fmla="*/ 1408141 w 6858000"/>
              <a:gd name="connsiteY414" fmla="*/ 5341385 h 6858000"/>
              <a:gd name="connsiteX415" fmla="*/ 1408141 w 6858000"/>
              <a:gd name="connsiteY415" fmla="*/ 5340533 h 6858000"/>
              <a:gd name="connsiteX416" fmla="*/ 1284232 w 6858000"/>
              <a:gd name="connsiteY416" fmla="*/ 5340533 h 6858000"/>
              <a:gd name="connsiteX417" fmla="*/ 1284232 w 6858000"/>
              <a:gd name="connsiteY417" fmla="*/ 5341385 h 6858000"/>
              <a:gd name="connsiteX418" fmla="*/ 1285084 w 6858000"/>
              <a:gd name="connsiteY418" fmla="*/ 5341385 h 6858000"/>
              <a:gd name="connsiteX419" fmla="*/ 1285084 w 6858000"/>
              <a:gd name="connsiteY419" fmla="*/ 5340533 h 6858000"/>
              <a:gd name="connsiteX420" fmla="*/ 3991789 w 6858000"/>
              <a:gd name="connsiteY420" fmla="*/ 5217661 h 6858000"/>
              <a:gd name="connsiteX421" fmla="*/ 3991789 w 6858000"/>
              <a:gd name="connsiteY421" fmla="*/ 5218105 h 6858000"/>
              <a:gd name="connsiteX422" fmla="*/ 3992234 w 6858000"/>
              <a:gd name="connsiteY422" fmla="*/ 5218105 h 6858000"/>
              <a:gd name="connsiteX423" fmla="*/ 3992234 w 6858000"/>
              <a:gd name="connsiteY423" fmla="*/ 5217661 h 6858000"/>
              <a:gd name="connsiteX424" fmla="*/ 3868732 w 6858000"/>
              <a:gd name="connsiteY424" fmla="*/ 5217661 h 6858000"/>
              <a:gd name="connsiteX425" fmla="*/ 3868732 w 6858000"/>
              <a:gd name="connsiteY425" fmla="*/ 5218105 h 6858000"/>
              <a:gd name="connsiteX426" fmla="*/ 3869176 w 6858000"/>
              <a:gd name="connsiteY426" fmla="*/ 5218105 h 6858000"/>
              <a:gd name="connsiteX427" fmla="*/ 3869176 w 6858000"/>
              <a:gd name="connsiteY427" fmla="*/ 5217661 h 6858000"/>
              <a:gd name="connsiteX428" fmla="*/ 3745675 w 6858000"/>
              <a:gd name="connsiteY428" fmla="*/ 5217661 h 6858000"/>
              <a:gd name="connsiteX429" fmla="*/ 3745675 w 6858000"/>
              <a:gd name="connsiteY429" fmla="*/ 5218105 h 6858000"/>
              <a:gd name="connsiteX430" fmla="*/ 3746119 w 6858000"/>
              <a:gd name="connsiteY430" fmla="*/ 5218105 h 6858000"/>
              <a:gd name="connsiteX431" fmla="*/ 3746119 w 6858000"/>
              <a:gd name="connsiteY431" fmla="*/ 5217661 h 6858000"/>
              <a:gd name="connsiteX432" fmla="*/ 3622617 w 6858000"/>
              <a:gd name="connsiteY432" fmla="*/ 5217661 h 6858000"/>
              <a:gd name="connsiteX433" fmla="*/ 3622617 w 6858000"/>
              <a:gd name="connsiteY433" fmla="*/ 5218105 h 6858000"/>
              <a:gd name="connsiteX434" fmla="*/ 3623061 w 6858000"/>
              <a:gd name="connsiteY434" fmla="*/ 5218105 h 6858000"/>
              <a:gd name="connsiteX435" fmla="*/ 3623061 w 6858000"/>
              <a:gd name="connsiteY435" fmla="*/ 5217661 h 6858000"/>
              <a:gd name="connsiteX436" fmla="*/ 3499523 w 6858000"/>
              <a:gd name="connsiteY436" fmla="*/ 5217661 h 6858000"/>
              <a:gd name="connsiteX437" fmla="*/ 3499523 w 6858000"/>
              <a:gd name="connsiteY437" fmla="*/ 5218105 h 6858000"/>
              <a:gd name="connsiteX438" fmla="*/ 3499967 w 6858000"/>
              <a:gd name="connsiteY438" fmla="*/ 5218105 h 6858000"/>
              <a:gd name="connsiteX439" fmla="*/ 3499967 w 6858000"/>
              <a:gd name="connsiteY439" fmla="*/ 5217661 h 6858000"/>
              <a:gd name="connsiteX440" fmla="*/ 3376466 w 6858000"/>
              <a:gd name="connsiteY440" fmla="*/ 5217661 h 6858000"/>
              <a:gd name="connsiteX441" fmla="*/ 3376466 w 6858000"/>
              <a:gd name="connsiteY441" fmla="*/ 5218105 h 6858000"/>
              <a:gd name="connsiteX442" fmla="*/ 3376910 w 6858000"/>
              <a:gd name="connsiteY442" fmla="*/ 5218105 h 6858000"/>
              <a:gd name="connsiteX443" fmla="*/ 3376910 w 6858000"/>
              <a:gd name="connsiteY443" fmla="*/ 5217661 h 6858000"/>
              <a:gd name="connsiteX444" fmla="*/ 3253408 w 6858000"/>
              <a:gd name="connsiteY444" fmla="*/ 5217661 h 6858000"/>
              <a:gd name="connsiteX445" fmla="*/ 3253408 w 6858000"/>
              <a:gd name="connsiteY445" fmla="*/ 5218105 h 6858000"/>
              <a:gd name="connsiteX446" fmla="*/ 3253852 w 6858000"/>
              <a:gd name="connsiteY446" fmla="*/ 5218105 h 6858000"/>
              <a:gd name="connsiteX447" fmla="*/ 3253852 w 6858000"/>
              <a:gd name="connsiteY447" fmla="*/ 5217661 h 6858000"/>
              <a:gd name="connsiteX448" fmla="*/ 3130351 w 6858000"/>
              <a:gd name="connsiteY448" fmla="*/ 5217661 h 6858000"/>
              <a:gd name="connsiteX449" fmla="*/ 3130351 w 6858000"/>
              <a:gd name="connsiteY449" fmla="*/ 5218105 h 6858000"/>
              <a:gd name="connsiteX450" fmla="*/ 3130795 w 6858000"/>
              <a:gd name="connsiteY450" fmla="*/ 5218105 h 6858000"/>
              <a:gd name="connsiteX451" fmla="*/ 3130795 w 6858000"/>
              <a:gd name="connsiteY451" fmla="*/ 5217661 h 6858000"/>
              <a:gd name="connsiteX452" fmla="*/ 3007294 w 6858000"/>
              <a:gd name="connsiteY452" fmla="*/ 5217661 h 6858000"/>
              <a:gd name="connsiteX453" fmla="*/ 3007294 w 6858000"/>
              <a:gd name="connsiteY453" fmla="*/ 5218105 h 6858000"/>
              <a:gd name="connsiteX454" fmla="*/ 3007738 w 6858000"/>
              <a:gd name="connsiteY454" fmla="*/ 5218105 h 6858000"/>
              <a:gd name="connsiteX455" fmla="*/ 3007738 w 6858000"/>
              <a:gd name="connsiteY455" fmla="*/ 5217661 h 6858000"/>
              <a:gd name="connsiteX456" fmla="*/ 2884237 w 6858000"/>
              <a:gd name="connsiteY456" fmla="*/ 5217661 h 6858000"/>
              <a:gd name="connsiteX457" fmla="*/ 2884237 w 6858000"/>
              <a:gd name="connsiteY457" fmla="*/ 5218105 h 6858000"/>
              <a:gd name="connsiteX458" fmla="*/ 2884681 w 6858000"/>
              <a:gd name="connsiteY458" fmla="*/ 5218105 h 6858000"/>
              <a:gd name="connsiteX459" fmla="*/ 2884681 w 6858000"/>
              <a:gd name="connsiteY459" fmla="*/ 5217661 h 6858000"/>
              <a:gd name="connsiteX460" fmla="*/ 2761179 w 6858000"/>
              <a:gd name="connsiteY460" fmla="*/ 5217661 h 6858000"/>
              <a:gd name="connsiteX461" fmla="*/ 2761179 w 6858000"/>
              <a:gd name="connsiteY461" fmla="*/ 5218105 h 6858000"/>
              <a:gd name="connsiteX462" fmla="*/ 2761623 w 6858000"/>
              <a:gd name="connsiteY462" fmla="*/ 5218105 h 6858000"/>
              <a:gd name="connsiteX463" fmla="*/ 2761623 w 6858000"/>
              <a:gd name="connsiteY463" fmla="*/ 5217661 h 6858000"/>
              <a:gd name="connsiteX464" fmla="*/ 792225 w 6858000"/>
              <a:gd name="connsiteY464" fmla="*/ 5217661 h 6858000"/>
              <a:gd name="connsiteX465" fmla="*/ 792225 w 6858000"/>
              <a:gd name="connsiteY465" fmla="*/ 5218105 h 6858000"/>
              <a:gd name="connsiteX466" fmla="*/ 792669 w 6858000"/>
              <a:gd name="connsiteY466" fmla="*/ 5218105 h 6858000"/>
              <a:gd name="connsiteX467" fmla="*/ 792669 w 6858000"/>
              <a:gd name="connsiteY467" fmla="*/ 5217661 h 6858000"/>
              <a:gd name="connsiteX468" fmla="*/ 669168 w 6858000"/>
              <a:gd name="connsiteY468" fmla="*/ 5217661 h 6858000"/>
              <a:gd name="connsiteX469" fmla="*/ 669168 w 6858000"/>
              <a:gd name="connsiteY469" fmla="*/ 5218105 h 6858000"/>
              <a:gd name="connsiteX470" fmla="*/ 669612 w 6858000"/>
              <a:gd name="connsiteY470" fmla="*/ 5218105 h 6858000"/>
              <a:gd name="connsiteX471" fmla="*/ 669612 w 6858000"/>
              <a:gd name="connsiteY471" fmla="*/ 5217661 h 6858000"/>
              <a:gd name="connsiteX472" fmla="*/ 423053 w 6858000"/>
              <a:gd name="connsiteY472" fmla="*/ 5217661 h 6858000"/>
              <a:gd name="connsiteX473" fmla="*/ 423053 w 6858000"/>
              <a:gd name="connsiteY473" fmla="*/ 5218105 h 6858000"/>
              <a:gd name="connsiteX474" fmla="*/ 423497 w 6858000"/>
              <a:gd name="connsiteY474" fmla="*/ 5218105 h 6858000"/>
              <a:gd name="connsiteX475" fmla="*/ 423497 w 6858000"/>
              <a:gd name="connsiteY475" fmla="*/ 5217661 h 6858000"/>
              <a:gd name="connsiteX476" fmla="*/ 299959 w 6858000"/>
              <a:gd name="connsiteY476" fmla="*/ 5217661 h 6858000"/>
              <a:gd name="connsiteX477" fmla="*/ 299959 w 6858000"/>
              <a:gd name="connsiteY477" fmla="*/ 5218105 h 6858000"/>
              <a:gd name="connsiteX478" fmla="*/ 300403 w 6858000"/>
              <a:gd name="connsiteY478" fmla="*/ 5218105 h 6858000"/>
              <a:gd name="connsiteX479" fmla="*/ 300403 w 6858000"/>
              <a:gd name="connsiteY479" fmla="*/ 5217661 h 6858000"/>
              <a:gd name="connsiteX480" fmla="*/ 176901 w 6858000"/>
              <a:gd name="connsiteY480" fmla="*/ 5217661 h 6858000"/>
              <a:gd name="connsiteX481" fmla="*/ 176901 w 6858000"/>
              <a:gd name="connsiteY481" fmla="*/ 5218105 h 6858000"/>
              <a:gd name="connsiteX482" fmla="*/ 177345 w 6858000"/>
              <a:gd name="connsiteY482" fmla="*/ 5218105 h 6858000"/>
              <a:gd name="connsiteX483" fmla="*/ 177345 w 6858000"/>
              <a:gd name="connsiteY483" fmla="*/ 5217661 h 6858000"/>
              <a:gd name="connsiteX484" fmla="*/ 53844 w 6858000"/>
              <a:gd name="connsiteY484" fmla="*/ 5217661 h 6858000"/>
              <a:gd name="connsiteX485" fmla="*/ 53844 w 6858000"/>
              <a:gd name="connsiteY485" fmla="*/ 5218105 h 6858000"/>
              <a:gd name="connsiteX486" fmla="*/ 54288 w 6858000"/>
              <a:gd name="connsiteY486" fmla="*/ 5218105 h 6858000"/>
              <a:gd name="connsiteX487" fmla="*/ 54288 w 6858000"/>
              <a:gd name="connsiteY487" fmla="*/ 5217661 h 6858000"/>
              <a:gd name="connsiteX488" fmla="*/ 2637900 w 6858000"/>
              <a:gd name="connsiteY488" fmla="*/ 5217475 h 6858000"/>
              <a:gd name="connsiteX489" fmla="*/ 2637900 w 6858000"/>
              <a:gd name="connsiteY489" fmla="*/ 5218327 h 6858000"/>
              <a:gd name="connsiteX490" fmla="*/ 2638752 w 6858000"/>
              <a:gd name="connsiteY490" fmla="*/ 5218327 h 6858000"/>
              <a:gd name="connsiteX491" fmla="*/ 2638752 w 6858000"/>
              <a:gd name="connsiteY491" fmla="*/ 5217475 h 6858000"/>
              <a:gd name="connsiteX492" fmla="*/ 2514842 w 6858000"/>
              <a:gd name="connsiteY492" fmla="*/ 5217475 h 6858000"/>
              <a:gd name="connsiteX493" fmla="*/ 2514842 w 6858000"/>
              <a:gd name="connsiteY493" fmla="*/ 5218327 h 6858000"/>
              <a:gd name="connsiteX494" fmla="*/ 2515694 w 6858000"/>
              <a:gd name="connsiteY494" fmla="*/ 5218327 h 6858000"/>
              <a:gd name="connsiteX495" fmla="*/ 2515694 w 6858000"/>
              <a:gd name="connsiteY495" fmla="*/ 5217475 h 6858000"/>
              <a:gd name="connsiteX496" fmla="*/ 2391785 w 6858000"/>
              <a:gd name="connsiteY496" fmla="*/ 5217475 h 6858000"/>
              <a:gd name="connsiteX497" fmla="*/ 2391785 w 6858000"/>
              <a:gd name="connsiteY497" fmla="*/ 5218327 h 6858000"/>
              <a:gd name="connsiteX498" fmla="*/ 2392637 w 6858000"/>
              <a:gd name="connsiteY498" fmla="*/ 5218327 h 6858000"/>
              <a:gd name="connsiteX499" fmla="*/ 2392637 w 6858000"/>
              <a:gd name="connsiteY499" fmla="*/ 5217475 h 6858000"/>
              <a:gd name="connsiteX500" fmla="*/ 2268728 w 6858000"/>
              <a:gd name="connsiteY500" fmla="*/ 5217475 h 6858000"/>
              <a:gd name="connsiteX501" fmla="*/ 2268728 w 6858000"/>
              <a:gd name="connsiteY501" fmla="*/ 5218327 h 6858000"/>
              <a:gd name="connsiteX502" fmla="*/ 2269580 w 6858000"/>
              <a:gd name="connsiteY502" fmla="*/ 5218327 h 6858000"/>
              <a:gd name="connsiteX503" fmla="*/ 2269580 w 6858000"/>
              <a:gd name="connsiteY503" fmla="*/ 5217475 h 6858000"/>
              <a:gd name="connsiteX504" fmla="*/ 2145670 w 6858000"/>
              <a:gd name="connsiteY504" fmla="*/ 5217475 h 6858000"/>
              <a:gd name="connsiteX505" fmla="*/ 2145670 w 6858000"/>
              <a:gd name="connsiteY505" fmla="*/ 5218327 h 6858000"/>
              <a:gd name="connsiteX506" fmla="*/ 2146522 w 6858000"/>
              <a:gd name="connsiteY506" fmla="*/ 5218327 h 6858000"/>
              <a:gd name="connsiteX507" fmla="*/ 2146522 w 6858000"/>
              <a:gd name="connsiteY507" fmla="*/ 5217475 h 6858000"/>
              <a:gd name="connsiteX508" fmla="*/ 1161175 w 6858000"/>
              <a:gd name="connsiteY508" fmla="*/ 5217475 h 6858000"/>
              <a:gd name="connsiteX509" fmla="*/ 1161175 w 6858000"/>
              <a:gd name="connsiteY509" fmla="*/ 5218327 h 6858000"/>
              <a:gd name="connsiteX510" fmla="*/ 1162027 w 6858000"/>
              <a:gd name="connsiteY510" fmla="*/ 5218327 h 6858000"/>
              <a:gd name="connsiteX511" fmla="*/ 1162027 w 6858000"/>
              <a:gd name="connsiteY511" fmla="*/ 5217475 h 6858000"/>
              <a:gd name="connsiteX512" fmla="*/ 1038117 w 6858000"/>
              <a:gd name="connsiteY512" fmla="*/ 5217475 h 6858000"/>
              <a:gd name="connsiteX513" fmla="*/ 1038117 w 6858000"/>
              <a:gd name="connsiteY513" fmla="*/ 5218327 h 6858000"/>
              <a:gd name="connsiteX514" fmla="*/ 1038969 w 6858000"/>
              <a:gd name="connsiteY514" fmla="*/ 5218327 h 6858000"/>
              <a:gd name="connsiteX515" fmla="*/ 1038969 w 6858000"/>
              <a:gd name="connsiteY515" fmla="*/ 5217475 h 6858000"/>
              <a:gd name="connsiteX516" fmla="*/ 915060 w 6858000"/>
              <a:gd name="connsiteY516" fmla="*/ 5217475 h 6858000"/>
              <a:gd name="connsiteX517" fmla="*/ 915060 w 6858000"/>
              <a:gd name="connsiteY517" fmla="*/ 5218327 h 6858000"/>
              <a:gd name="connsiteX518" fmla="*/ 915912 w 6858000"/>
              <a:gd name="connsiteY518" fmla="*/ 5218327 h 6858000"/>
              <a:gd name="connsiteX519" fmla="*/ 915912 w 6858000"/>
              <a:gd name="connsiteY519" fmla="*/ 5217475 h 6858000"/>
              <a:gd name="connsiteX520" fmla="*/ 2022391 w 6858000"/>
              <a:gd name="connsiteY520" fmla="*/ 5217216 h 6858000"/>
              <a:gd name="connsiteX521" fmla="*/ 2022391 w 6858000"/>
              <a:gd name="connsiteY521" fmla="*/ 5218512 h 6858000"/>
              <a:gd name="connsiteX522" fmla="*/ 2023687 w 6858000"/>
              <a:gd name="connsiteY522" fmla="*/ 5218512 h 6858000"/>
              <a:gd name="connsiteX523" fmla="*/ 2023687 w 6858000"/>
              <a:gd name="connsiteY523" fmla="*/ 5217216 h 6858000"/>
              <a:gd name="connsiteX524" fmla="*/ 1899334 w 6858000"/>
              <a:gd name="connsiteY524" fmla="*/ 5217216 h 6858000"/>
              <a:gd name="connsiteX525" fmla="*/ 1899334 w 6858000"/>
              <a:gd name="connsiteY525" fmla="*/ 5218512 h 6858000"/>
              <a:gd name="connsiteX526" fmla="*/ 1900630 w 6858000"/>
              <a:gd name="connsiteY526" fmla="*/ 5218512 h 6858000"/>
              <a:gd name="connsiteX527" fmla="*/ 1900630 w 6858000"/>
              <a:gd name="connsiteY527" fmla="*/ 5217216 h 6858000"/>
              <a:gd name="connsiteX528" fmla="*/ 1776276 w 6858000"/>
              <a:gd name="connsiteY528" fmla="*/ 5217216 h 6858000"/>
              <a:gd name="connsiteX529" fmla="*/ 1776276 w 6858000"/>
              <a:gd name="connsiteY529" fmla="*/ 5218512 h 6858000"/>
              <a:gd name="connsiteX530" fmla="*/ 1777572 w 6858000"/>
              <a:gd name="connsiteY530" fmla="*/ 5218512 h 6858000"/>
              <a:gd name="connsiteX531" fmla="*/ 1777572 w 6858000"/>
              <a:gd name="connsiteY531" fmla="*/ 5217216 h 6858000"/>
              <a:gd name="connsiteX532" fmla="*/ 1653219 w 6858000"/>
              <a:gd name="connsiteY532" fmla="*/ 5217216 h 6858000"/>
              <a:gd name="connsiteX533" fmla="*/ 1653219 w 6858000"/>
              <a:gd name="connsiteY533" fmla="*/ 5218512 h 6858000"/>
              <a:gd name="connsiteX534" fmla="*/ 1654515 w 6858000"/>
              <a:gd name="connsiteY534" fmla="*/ 5218512 h 6858000"/>
              <a:gd name="connsiteX535" fmla="*/ 1654515 w 6858000"/>
              <a:gd name="connsiteY535" fmla="*/ 5217216 h 6858000"/>
              <a:gd name="connsiteX536" fmla="*/ 1530162 w 6858000"/>
              <a:gd name="connsiteY536" fmla="*/ 5217216 h 6858000"/>
              <a:gd name="connsiteX537" fmla="*/ 1530162 w 6858000"/>
              <a:gd name="connsiteY537" fmla="*/ 5218512 h 6858000"/>
              <a:gd name="connsiteX538" fmla="*/ 1531458 w 6858000"/>
              <a:gd name="connsiteY538" fmla="*/ 5218512 h 6858000"/>
              <a:gd name="connsiteX539" fmla="*/ 1531458 w 6858000"/>
              <a:gd name="connsiteY539" fmla="*/ 5217216 h 6858000"/>
              <a:gd name="connsiteX540" fmla="*/ 1407067 w 6858000"/>
              <a:gd name="connsiteY540" fmla="*/ 5217216 h 6858000"/>
              <a:gd name="connsiteX541" fmla="*/ 1407067 w 6858000"/>
              <a:gd name="connsiteY541" fmla="*/ 5218512 h 6858000"/>
              <a:gd name="connsiteX542" fmla="*/ 1408363 w 6858000"/>
              <a:gd name="connsiteY542" fmla="*/ 5218512 h 6858000"/>
              <a:gd name="connsiteX543" fmla="*/ 1408363 w 6858000"/>
              <a:gd name="connsiteY543" fmla="*/ 5217216 h 6858000"/>
              <a:gd name="connsiteX544" fmla="*/ 1284010 w 6858000"/>
              <a:gd name="connsiteY544" fmla="*/ 5217216 h 6858000"/>
              <a:gd name="connsiteX545" fmla="*/ 1284010 w 6858000"/>
              <a:gd name="connsiteY545" fmla="*/ 5218512 h 6858000"/>
              <a:gd name="connsiteX546" fmla="*/ 1285306 w 6858000"/>
              <a:gd name="connsiteY546" fmla="*/ 5218512 h 6858000"/>
              <a:gd name="connsiteX547" fmla="*/ 1285306 w 6858000"/>
              <a:gd name="connsiteY547" fmla="*/ 5217216 h 6858000"/>
              <a:gd name="connsiteX548" fmla="*/ 4114847 w 6858000"/>
              <a:gd name="connsiteY548" fmla="*/ 5094604 h 6858000"/>
              <a:gd name="connsiteX549" fmla="*/ 4114847 w 6858000"/>
              <a:gd name="connsiteY549" fmla="*/ 5095048 h 6858000"/>
              <a:gd name="connsiteX550" fmla="*/ 4115291 w 6858000"/>
              <a:gd name="connsiteY550" fmla="*/ 5095048 h 6858000"/>
              <a:gd name="connsiteX551" fmla="*/ 4115291 w 6858000"/>
              <a:gd name="connsiteY551" fmla="*/ 5094604 h 6858000"/>
              <a:gd name="connsiteX552" fmla="*/ 3991789 w 6858000"/>
              <a:gd name="connsiteY552" fmla="*/ 5094604 h 6858000"/>
              <a:gd name="connsiteX553" fmla="*/ 3991789 w 6858000"/>
              <a:gd name="connsiteY553" fmla="*/ 5095048 h 6858000"/>
              <a:gd name="connsiteX554" fmla="*/ 3992234 w 6858000"/>
              <a:gd name="connsiteY554" fmla="*/ 5095048 h 6858000"/>
              <a:gd name="connsiteX555" fmla="*/ 3992234 w 6858000"/>
              <a:gd name="connsiteY555" fmla="*/ 5094604 h 6858000"/>
              <a:gd name="connsiteX556" fmla="*/ 3868732 w 6858000"/>
              <a:gd name="connsiteY556" fmla="*/ 5094604 h 6858000"/>
              <a:gd name="connsiteX557" fmla="*/ 3868732 w 6858000"/>
              <a:gd name="connsiteY557" fmla="*/ 5095048 h 6858000"/>
              <a:gd name="connsiteX558" fmla="*/ 3869176 w 6858000"/>
              <a:gd name="connsiteY558" fmla="*/ 5095048 h 6858000"/>
              <a:gd name="connsiteX559" fmla="*/ 3869176 w 6858000"/>
              <a:gd name="connsiteY559" fmla="*/ 5094604 h 6858000"/>
              <a:gd name="connsiteX560" fmla="*/ 3745675 w 6858000"/>
              <a:gd name="connsiteY560" fmla="*/ 5094604 h 6858000"/>
              <a:gd name="connsiteX561" fmla="*/ 3745675 w 6858000"/>
              <a:gd name="connsiteY561" fmla="*/ 5095048 h 6858000"/>
              <a:gd name="connsiteX562" fmla="*/ 3746119 w 6858000"/>
              <a:gd name="connsiteY562" fmla="*/ 5095048 h 6858000"/>
              <a:gd name="connsiteX563" fmla="*/ 3746119 w 6858000"/>
              <a:gd name="connsiteY563" fmla="*/ 5094604 h 6858000"/>
              <a:gd name="connsiteX564" fmla="*/ 3622617 w 6858000"/>
              <a:gd name="connsiteY564" fmla="*/ 5094604 h 6858000"/>
              <a:gd name="connsiteX565" fmla="*/ 3622617 w 6858000"/>
              <a:gd name="connsiteY565" fmla="*/ 5095048 h 6858000"/>
              <a:gd name="connsiteX566" fmla="*/ 3623061 w 6858000"/>
              <a:gd name="connsiteY566" fmla="*/ 5095048 h 6858000"/>
              <a:gd name="connsiteX567" fmla="*/ 3623061 w 6858000"/>
              <a:gd name="connsiteY567" fmla="*/ 5094604 h 6858000"/>
              <a:gd name="connsiteX568" fmla="*/ 3499523 w 6858000"/>
              <a:gd name="connsiteY568" fmla="*/ 5094604 h 6858000"/>
              <a:gd name="connsiteX569" fmla="*/ 3499523 w 6858000"/>
              <a:gd name="connsiteY569" fmla="*/ 5095048 h 6858000"/>
              <a:gd name="connsiteX570" fmla="*/ 3499967 w 6858000"/>
              <a:gd name="connsiteY570" fmla="*/ 5095048 h 6858000"/>
              <a:gd name="connsiteX571" fmla="*/ 3499967 w 6858000"/>
              <a:gd name="connsiteY571" fmla="*/ 5094604 h 6858000"/>
              <a:gd name="connsiteX572" fmla="*/ 3376466 w 6858000"/>
              <a:gd name="connsiteY572" fmla="*/ 5094604 h 6858000"/>
              <a:gd name="connsiteX573" fmla="*/ 3376466 w 6858000"/>
              <a:gd name="connsiteY573" fmla="*/ 5095048 h 6858000"/>
              <a:gd name="connsiteX574" fmla="*/ 3376910 w 6858000"/>
              <a:gd name="connsiteY574" fmla="*/ 5095048 h 6858000"/>
              <a:gd name="connsiteX575" fmla="*/ 3376910 w 6858000"/>
              <a:gd name="connsiteY575" fmla="*/ 5094604 h 6858000"/>
              <a:gd name="connsiteX576" fmla="*/ 3253408 w 6858000"/>
              <a:gd name="connsiteY576" fmla="*/ 5094604 h 6858000"/>
              <a:gd name="connsiteX577" fmla="*/ 3253408 w 6858000"/>
              <a:gd name="connsiteY577" fmla="*/ 5095048 h 6858000"/>
              <a:gd name="connsiteX578" fmla="*/ 3253852 w 6858000"/>
              <a:gd name="connsiteY578" fmla="*/ 5095048 h 6858000"/>
              <a:gd name="connsiteX579" fmla="*/ 3253852 w 6858000"/>
              <a:gd name="connsiteY579" fmla="*/ 5094604 h 6858000"/>
              <a:gd name="connsiteX580" fmla="*/ 3130351 w 6858000"/>
              <a:gd name="connsiteY580" fmla="*/ 5094604 h 6858000"/>
              <a:gd name="connsiteX581" fmla="*/ 3130351 w 6858000"/>
              <a:gd name="connsiteY581" fmla="*/ 5095048 h 6858000"/>
              <a:gd name="connsiteX582" fmla="*/ 3130795 w 6858000"/>
              <a:gd name="connsiteY582" fmla="*/ 5095048 h 6858000"/>
              <a:gd name="connsiteX583" fmla="*/ 3130795 w 6858000"/>
              <a:gd name="connsiteY583" fmla="*/ 5094604 h 6858000"/>
              <a:gd name="connsiteX584" fmla="*/ 3007294 w 6858000"/>
              <a:gd name="connsiteY584" fmla="*/ 5094604 h 6858000"/>
              <a:gd name="connsiteX585" fmla="*/ 3007294 w 6858000"/>
              <a:gd name="connsiteY585" fmla="*/ 5095048 h 6858000"/>
              <a:gd name="connsiteX586" fmla="*/ 3007738 w 6858000"/>
              <a:gd name="connsiteY586" fmla="*/ 5095048 h 6858000"/>
              <a:gd name="connsiteX587" fmla="*/ 3007738 w 6858000"/>
              <a:gd name="connsiteY587" fmla="*/ 5094604 h 6858000"/>
              <a:gd name="connsiteX588" fmla="*/ 669168 w 6858000"/>
              <a:gd name="connsiteY588" fmla="*/ 5094604 h 6858000"/>
              <a:gd name="connsiteX589" fmla="*/ 669168 w 6858000"/>
              <a:gd name="connsiteY589" fmla="*/ 5095048 h 6858000"/>
              <a:gd name="connsiteX590" fmla="*/ 669612 w 6858000"/>
              <a:gd name="connsiteY590" fmla="*/ 5095048 h 6858000"/>
              <a:gd name="connsiteX591" fmla="*/ 669612 w 6858000"/>
              <a:gd name="connsiteY591" fmla="*/ 5094604 h 6858000"/>
              <a:gd name="connsiteX592" fmla="*/ 546110 w 6858000"/>
              <a:gd name="connsiteY592" fmla="*/ 5094604 h 6858000"/>
              <a:gd name="connsiteX593" fmla="*/ 546110 w 6858000"/>
              <a:gd name="connsiteY593" fmla="*/ 5095048 h 6858000"/>
              <a:gd name="connsiteX594" fmla="*/ 546554 w 6858000"/>
              <a:gd name="connsiteY594" fmla="*/ 5095048 h 6858000"/>
              <a:gd name="connsiteX595" fmla="*/ 546554 w 6858000"/>
              <a:gd name="connsiteY595" fmla="*/ 5094604 h 6858000"/>
              <a:gd name="connsiteX596" fmla="*/ 423053 w 6858000"/>
              <a:gd name="connsiteY596" fmla="*/ 5094604 h 6858000"/>
              <a:gd name="connsiteX597" fmla="*/ 423053 w 6858000"/>
              <a:gd name="connsiteY597" fmla="*/ 5095048 h 6858000"/>
              <a:gd name="connsiteX598" fmla="*/ 423497 w 6858000"/>
              <a:gd name="connsiteY598" fmla="*/ 5095048 h 6858000"/>
              <a:gd name="connsiteX599" fmla="*/ 423497 w 6858000"/>
              <a:gd name="connsiteY599" fmla="*/ 5094604 h 6858000"/>
              <a:gd name="connsiteX600" fmla="*/ 2884014 w 6858000"/>
              <a:gd name="connsiteY600" fmla="*/ 5094381 h 6858000"/>
              <a:gd name="connsiteX601" fmla="*/ 2884014 w 6858000"/>
              <a:gd name="connsiteY601" fmla="*/ 5095233 h 6858000"/>
              <a:gd name="connsiteX602" fmla="*/ 2884866 w 6858000"/>
              <a:gd name="connsiteY602" fmla="*/ 5095233 h 6858000"/>
              <a:gd name="connsiteX603" fmla="*/ 2884866 w 6858000"/>
              <a:gd name="connsiteY603" fmla="*/ 5094381 h 6858000"/>
              <a:gd name="connsiteX604" fmla="*/ 2760957 w 6858000"/>
              <a:gd name="connsiteY604" fmla="*/ 5094381 h 6858000"/>
              <a:gd name="connsiteX605" fmla="*/ 2760957 w 6858000"/>
              <a:gd name="connsiteY605" fmla="*/ 5095233 h 6858000"/>
              <a:gd name="connsiteX606" fmla="*/ 2761809 w 6858000"/>
              <a:gd name="connsiteY606" fmla="*/ 5095233 h 6858000"/>
              <a:gd name="connsiteX607" fmla="*/ 2761809 w 6858000"/>
              <a:gd name="connsiteY607" fmla="*/ 5094381 h 6858000"/>
              <a:gd name="connsiteX608" fmla="*/ 2637900 w 6858000"/>
              <a:gd name="connsiteY608" fmla="*/ 5094381 h 6858000"/>
              <a:gd name="connsiteX609" fmla="*/ 2637900 w 6858000"/>
              <a:gd name="connsiteY609" fmla="*/ 5095233 h 6858000"/>
              <a:gd name="connsiteX610" fmla="*/ 2638752 w 6858000"/>
              <a:gd name="connsiteY610" fmla="*/ 5095233 h 6858000"/>
              <a:gd name="connsiteX611" fmla="*/ 2638752 w 6858000"/>
              <a:gd name="connsiteY611" fmla="*/ 5094381 h 6858000"/>
              <a:gd name="connsiteX612" fmla="*/ 792003 w 6858000"/>
              <a:gd name="connsiteY612" fmla="*/ 5094381 h 6858000"/>
              <a:gd name="connsiteX613" fmla="*/ 792003 w 6858000"/>
              <a:gd name="connsiteY613" fmla="*/ 5095233 h 6858000"/>
              <a:gd name="connsiteX614" fmla="*/ 792855 w 6858000"/>
              <a:gd name="connsiteY614" fmla="*/ 5095233 h 6858000"/>
              <a:gd name="connsiteX615" fmla="*/ 792855 w 6858000"/>
              <a:gd name="connsiteY615" fmla="*/ 5094381 h 6858000"/>
              <a:gd name="connsiteX616" fmla="*/ 299774 w 6858000"/>
              <a:gd name="connsiteY616" fmla="*/ 5094381 h 6858000"/>
              <a:gd name="connsiteX617" fmla="*/ 299774 w 6858000"/>
              <a:gd name="connsiteY617" fmla="*/ 5095233 h 6858000"/>
              <a:gd name="connsiteX618" fmla="*/ 300626 w 6858000"/>
              <a:gd name="connsiteY618" fmla="*/ 5095233 h 6858000"/>
              <a:gd name="connsiteX619" fmla="*/ 300626 w 6858000"/>
              <a:gd name="connsiteY619" fmla="*/ 5094381 h 6858000"/>
              <a:gd name="connsiteX620" fmla="*/ 176716 w 6858000"/>
              <a:gd name="connsiteY620" fmla="*/ 5094381 h 6858000"/>
              <a:gd name="connsiteX621" fmla="*/ 176716 w 6858000"/>
              <a:gd name="connsiteY621" fmla="*/ 5095233 h 6858000"/>
              <a:gd name="connsiteX622" fmla="*/ 177568 w 6858000"/>
              <a:gd name="connsiteY622" fmla="*/ 5095233 h 6858000"/>
              <a:gd name="connsiteX623" fmla="*/ 177568 w 6858000"/>
              <a:gd name="connsiteY623" fmla="*/ 5094381 h 6858000"/>
              <a:gd name="connsiteX624" fmla="*/ 53622 w 6858000"/>
              <a:gd name="connsiteY624" fmla="*/ 5094381 h 6858000"/>
              <a:gd name="connsiteX625" fmla="*/ 53622 w 6858000"/>
              <a:gd name="connsiteY625" fmla="*/ 5095233 h 6858000"/>
              <a:gd name="connsiteX626" fmla="*/ 54474 w 6858000"/>
              <a:gd name="connsiteY626" fmla="*/ 5095233 h 6858000"/>
              <a:gd name="connsiteX627" fmla="*/ 54474 w 6858000"/>
              <a:gd name="connsiteY627" fmla="*/ 5094381 h 6858000"/>
              <a:gd name="connsiteX628" fmla="*/ 2514620 w 6858000"/>
              <a:gd name="connsiteY628" fmla="*/ 5094159 h 6858000"/>
              <a:gd name="connsiteX629" fmla="*/ 2514620 w 6858000"/>
              <a:gd name="connsiteY629" fmla="*/ 5095455 h 6858000"/>
              <a:gd name="connsiteX630" fmla="*/ 2515916 w 6858000"/>
              <a:gd name="connsiteY630" fmla="*/ 5095455 h 6858000"/>
              <a:gd name="connsiteX631" fmla="*/ 2515916 w 6858000"/>
              <a:gd name="connsiteY631" fmla="*/ 5094159 h 6858000"/>
              <a:gd name="connsiteX632" fmla="*/ 2391563 w 6858000"/>
              <a:gd name="connsiteY632" fmla="*/ 5094159 h 6858000"/>
              <a:gd name="connsiteX633" fmla="*/ 2391563 w 6858000"/>
              <a:gd name="connsiteY633" fmla="*/ 5095455 h 6858000"/>
              <a:gd name="connsiteX634" fmla="*/ 2392859 w 6858000"/>
              <a:gd name="connsiteY634" fmla="*/ 5095455 h 6858000"/>
              <a:gd name="connsiteX635" fmla="*/ 2392859 w 6858000"/>
              <a:gd name="connsiteY635" fmla="*/ 5094159 h 6858000"/>
              <a:gd name="connsiteX636" fmla="*/ 2268506 w 6858000"/>
              <a:gd name="connsiteY636" fmla="*/ 5094159 h 6858000"/>
              <a:gd name="connsiteX637" fmla="*/ 2268506 w 6858000"/>
              <a:gd name="connsiteY637" fmla="*/ 5095455 h 6858000"/>
              <a:gd name="connsiteX638" fmla="*/ 2269802 w 6858000"/>
              <a:gd name="connsiteY638" fmla="*/ 5095455 h 6858000"/>
              <a:gd name="connsiteX639" fmla="*/ 2269802 w 6858000"/>
              <a:gd name="connsiteY639" fmla="*/ 5094159 h 6858000"/>
              <a:gd name="connsiteX640" fmla="*/ 1037895 w 6858000"/>
              <a:gd name="connsiteY640" fmla="*/ 5094159 h 6858000"/>
              <a:gd name="connsiteX641" fmla="*/ 1037895 w 6858000"/>
              <a:gd name="connsiteY641" fmla="*/ 5095455 h 6858000"/>
              <a:gd name="connsiteX642" fmla="*/ 1039191 w 6858000"/>
              <a:gd name="connsiteY642" fmla="*/ 5095455 h 6858000"/>
              <a:gd name="connsiteX643" fmla="*/ 1039191 w 6858000"/>
              <a:gd name="connsiteY643" fmla="*/ 5094159 h 6858000"/>
              <a:gd name="connsiteX644" fmla="*/ 914838 w 6858000"/>
              <a:gd name="connsiteY644" fmla="*/ 5094159 h 6858000"/>
              <a:gd name="connsiteX645" fmla="*/ 914838 w 6858000"/>
              <a:gd name="connsiteY645" fmla="*/ 5095455 h 6858000"/>
              <a:gd name="connsiteX646" fmla="*/ 916134 w 6858000"/>
              <a:gd name="connsiteY646" fmla="*/ 5095455 h 6858000"/>
              <a:gd name="connsiteX647" fmla="*/ 916134 w 6858000"/>
              <a:gd name="connsiteY647" fmla="*/ 5094159 h 6858000"/>
              <a:gd name="connsiteX648" fmla="*/ 2145226 w 6858000"/>
              <a:gd name="connsiteY648" fmla="*/ 5093937 h 6858000"/>
              <a:gd name="connsiteX649" fmla="*/ 2145226 w 6858000"/>
              <a:gd name="connsiteY649" fmla="*/ 5095677 h 6858000"/>
              <a:gd name="connsiteX650" fmla="*/ 2146966 w 6858000"/>
              <a:gd name="connsiteY650" fmla="*/ 5095677 h 6858000"/>
              <a:gd name="connsiteX651" fmla="*/ 2146966 w 6858000"/>
              <a:gd name="connsiteY651" fmla="*/ 5093937 h 6858000"/>
              <a:gd name="connsiteX652" fmla="*/ 2022169 w 6858000"/>
              <a:gd name="connsiteY652" fmla="*/ 5093937 h 6858000"/>
              <a:gd name="connsiteX653" fmla="*/ 2022169 w 6858000"/>
              <a:gd name="connsiteY653" fmla="*/ 5095677 h 6858000"/>
              <a:gd name="connsiteX654" fmla="*/ 2023909 w 6858000"/>
              <a:gd name="connsiteY654" fmla="*/ 5095677 h 6858000"/>
              <a:gd name="connsiteX655" fmla="*/ 2023909 w 6858000"/>
              <a:gd name="connsiteY655" fmla="*/ 5093937 h 6858000"/>
              <a:gd name="connsiteX656" fmla="*/ 1899111 w 6858000"/>
              <a:gd name="connsiteY656" fmla="*/ 5093937 h 6858000"/>
              <a:gd name="connsiteX657" fmla="*/ 1899111 w 6858000"/>
              <a:gd name="connsiteY657" fmla="*/ 5095677 h 6858000"/>
              <a:gd name="connsiteX658" fmla="*/ 1900851 w 6858000"/>
              <a:gd name="connsiteY658" fmla="*/ 5095677 h 6858000"/>
              <a:gd name="connsiteX659" fmla="*/ 1900851 w 6858000"/>
              <a:gd name="connsiteY659" fmla="*/ 5093937 h 6858000"/>
              <a:gd name="connsiteX660" fmla="*/ 1776054 w 6858000"/>
              <a:gd name="connsiteY660" fmla="*/ 5093937 h 6858000"/>
              <a:gd name="connsiteX661" fmla="*/ 1776054 w 6858000"/>
              <a:gd name="connsiteY661" fmla="*/ 5095677 h 6858000"/>
              <a:gd name="connsiteX662" fmla="*/ 1777795 w 6858000"/>
              <a:gd name="connsiteY662" fmla="*/ 5095677 h 6858000"/>
              <a:gd name="connsiteX663" fmla="*/ 1777795 w 6858000"/>
              <a:gd name="connsiteY663" fmla="*/ 5093937 h 6858000"/>
              <a:gd name="connsiteX664" fmla="*/ 1652997 w 6858000"/>
              <a:gd name="connsiteY664" fmla="*/ 5093937 h 6858000"/>
              <a:gd name="connsiteX665" fmla="*/ 1652997 w 6858000"/>
              <a:gd name="connsiteY665" fmla="*/ 5095677 h 6858000"/>
              <a:gd name="connsiteX666" fmla="*/ 1654737 w 6858000"/>
              <a:gd name="connsiteY666" fmla="*/ 5095677 h 6858000"/>
              <a:gd name="connsiteX667" fmla="*/ 1654737 w 6858000"/>
              <a:gd name="connsiteY667" fmla="*/ 5093937 h 6858000"/>
              <a:gd name="connsiteX668" fmla="*/ 1529939 w 6858000"/>
              <a:gd name="connsiteY668" fmla="*/ 5093937 h 6858000"/>
              <a:gd name="connsiteX669" fmla="*/ 1529939 w 6858000"/>
              <a:gd name="connsiteY669" fmla="*/ 5095677 h 6858000"/>
              <a:gd name="connsiteX670" fmla="*/ 1531680 w 6858000"/>
              <a:gd name="connsiteY670" fmla="*/ 5095677 h 6858000"/>
              <a:gd name="connsiteX671" fmla="*/ 1531680 w 6858000"/>
              <a:gd name="connsiteY671" fmla="*/ 5093937 h 6858000"/>
              <a:gd name="connsiteX672" fmla="*/ 1406882 w 6858000"/>
              <a:gd name="connsiteY672" fmla="*/ 5093937 h 6858000"/>
              <a:gd name="connsiteX673" fmla="*/ 1406882 w 6858000"/>
              <a:gd name="connsiteY673" fmla="*/ 5095677 h 6858000"/>
              <a:gd name="connsiteX674" fmla="*/ 1408623 w 6858000"/>
              <a:gd name="connsiteY674" fmla="*/ 5095677 h 6858000"/>
              <a:gd name="connsiteX675" fmla="*/ 1408623 w 6858000"/>
              <a:gd name="connsiteY675" fmla="*/ 5093937 h 6858000"/>
              <a:gd name="connsiteX676" fmla="*/ 1283825 w 6858000"/>
              <a:gd name="connsiteY676" fmla="*/ 5093937 h 6858000"/>
              <a:gd name="connsiteX677" fmla="*/ 1283825 w 6858000"/>
              <a:gd name="connsiteY677" fmla="*/ 5095677 h 6858000"/>
              <a:gd name="connsiteX678" fmla="*/ 1285565 w 6858000"/>
              <a:gd name="connsiteY678" fmla="*/ 5095677 h 6858000"/>
              <a:gd name="connsiteX679" fmla="*/ 1285565 w 6858000"/>
              <a:gd name="connsiteY679" fmla="*/ 5093937 h 6858000"/>
              <a:gd name="connsiteX680" fmla="*/ 1160730 w 6858000"/>
              <a:gd name="connsiteY680" fmla="*/ 5093937 h 6858000"/>
              <a:gd name="connsiteX681" fmla="*/ 1160730 w 6858000"/>
              <a:gd name="connsiteY681" fmla="*/ 5095677 h 6858000"/>
              <a:gd name="connsiteX682" fmla="*/ 1162471 w 6858000"/>
              <a:gd name="connsiteY682" fmla="*/ 5095677 h 6858000"/>
              <a:gd name="connsiteX683" fmla="*/ 1162471 w 6858000"/>
              <a:gd name="connsiteY683" fmla="*/ 5093937 h 6858000"/>
              <a:gd name="connsiteX684" fmla="*/ 4114847 w 6858000"/>
              <a:gd name="connsiteY684" fmla="*/ 4971546 h 6858000"/>
              <a:gd name="connsiteX685" fmla="*/ 4114847 w 6858000"/>
              <a:gd name="connsiteY685" fmla="*/ 4971990 h 6858000"/>
              <a:gd name="connsiteX686" fmla="*/ 4115291 w 6858000"/>
              <a:gd name="connsiteY686" fmla="*/ 4971990 h 6858000"/>
              <a:gd name="connsiteX687" fmla="*/ 4115291 w 6858000"/>
              <a:gd name="connsiteY687" fmla="*/ 4971546 h 6858000"/>
              <a:gd name="connsiteX688" fmla="*/ 3991789 w 6858000"/>
              <a:gd name="connsiteY688" fmla="*/ 4971546 h 6858000"/>
              <a:gd name="connsiteX689" fmla="*/ 3991789 w 6858000"/>
              <a:gd name="connsiteY689" fmla="*/ 4971990 h 6858000"/>
              <a:gd name="connsiteX690" fmla="*/ 3992234 w 6858000"/>
              <a:gd name="connsiteY690" fmla="*/ 4971990 h 6858000"/>
              <a:gd name="connsiteX691" fmla="*/ 3992234 w 6858000"/>
              <a:gd name="connsiteY691" fmla="*/ 4971546 h 6858000"/>
              <a:gd name="connsiteX692" fmla="*/ 3868732 w 6858000"/>
              <a:gd name="connsiteY692" fmla="*/ 4971546 h 6858000"/>
              <a:gd name="connsiteX693" fmla="*/ 3868732 w 6858000"/>
              <a:gd name="connsiteY693" fmla="*/ 4971990 h 6858000"/>
              <a:gd name="connsiteX694" fmla="*/ 3869176 w 6858000"/>
              <a:gd name="connsiteY694" fmla="*/ 4971990 h 6858000"/>
              <a:gd name="connsiteX695" fmla="*/ 3869176 w 6858000"/>
              <a:gd name="connsiteY695" fmla="*/ 4971546 h 6858000"/>
              <a:gd name="connsiteX696" fmla="*/ 3745675 w 6858000"/>
              <a:gd name="connsiteY696" fmla="*/ 4971546 h 6858000"/>
              <a:gd name="connsiteX697" fmla="*/ 3745675 w 6858000"/>
              <a:gd name="connsiteY697" fmla="*/ 4971990 h 6858000"/>
              <a:gd name="connsiteX698" fmla="*/ 3746119 w 6858000"/>
              <a:gd name="connsiteY698" fmla="*/ 4971990 h 6858000"/>
              <a:gd name="connsiteX699" fmla="*/ 3746119 w 6858000"/>
              <a:gd name="connsiteY699" fmla="*/ 4971546 h 6858000"/>
              <a:gd name="connsiteX700" fmla="*/ 3622617 w 6858000"/>
              <a:gd name="connsiteY700" fmla="*/ 4971546 h 6858000"/>
              <a:gd name="connsiteX701" fmla="*/ 3622617 w 6858000"/>
              <a:gd name="connsiteY701" fmla="*/ 4971990 h 6858000"/>
              <a:gd name="connsiteX702" fmla="*/ 3623061 w 6858000"/>
              <a:gd name="connsiteY702" fmla="*/ 4971990 h 6858000"/>
              <a:gd name="connsiteX703" fmla="*/ 3623061 w 6858000"/>
              <a:gd name="connsiteY703" fmla="*/ 4971546 h 6858000"/>
              <a:gd name="connsiteX704" fmla="*/ 3499523 w 6858000"/>
              <a:gd name="connsiteY704" fmla="*/ 4971546 h 6858000"/>
              <a:gd name="connsiteX705" fmla="*/ 3499523 w 6858000"/>
              <a:gd name="connsiteY705" fmla="*/ 4971990 h 6858000"/>
              <a:gd name="connsiteX706" fmla="*/ 3499967 w 6858000"/>
              <a:gd name="connsiteY706" fmla="*/ 4971990 h 6858000"/>
              <a:gd name="connsiteX707" fmla="*/ 3499967 w 6858000"/>
              <a:gd name="connsiteY707" fmla="*/ 4971546 h 6858000"/>
              <a:gd name="connsiteX708" fmla="*/ 3376466 w 6858000"/>
              <a:gd name="connsiteY708" fmla="*/ 4971546 h 6858000"/>
              <a:gd name="connsiteX709" fmla="*/ 3376466 w 6858000"/>
              <a:gd name="connsiteY709" fmla="*/ 4971990 h 6858000"/>
              <a:gd name="connsiteX710" fmla="*/ 3376910 w 6858000"/>
              <a:gd name="connsiteY710" fmla="*/ 4971990 h 6858000"/>
              <a:gd name="connsiteX711" fmla="*/ 3376910 w 6858000"/>
              <a:gd name="connsiteY711" fmla="*/ 4971546 h 6858000"/>
              <a:gd name="connsiteX712" fmla="*/ 3253408 w 6858000"/>
              <a:gd name="connsiteY712" fmla="*/ 4971546 h 6858000"/>
              <a:gd name="connsiteX713" fmla="*/ 3253408 w 6858000"/>
              <a:gd name="connsiteY713" fmla="*/ 4971990 h 6858000"/>
              <a:gd name="connsiteX714" fmla="*/ 3253852 w 6858000"/>
              <a:gd name="connsiteY714" fmla="*/ 4971990 h 6858000"/>
              <a:gd name="connsiteX715" fmla="*/ 3253852 w 6858000"/>
              <a:gd name="connsiteY715" fmla="*/ 4971546 h 6858000"/>
              <a:gd name="connsiteX716" fmla="*/ 3130129 w 6858000"/>
              <a:gd name="connsiteY716" fmla="*/ 4971324 h 6858000"/>
              <a:gd name="connsiteX717" fmla="*/ 3130129 w 6858000"/>
              <a:gd name="connsiteY717" fmla="*/ 4972176 h 6858000"/>
              <a:gd name="connsiteX718" fmla="*/ 3130981 w 6858000"/>
              <a:gd name="connsiteY718" fmla="*/ 4972176 h 6858000"/>
              <a:gd name="connsiteX719" fmla="*/ 3130981 w 6858000"/>
              <a:gd name="connsiteY719" fmla="*/ 4971324 h 6858000"/>
              <a:gd name="connsiteX720" fmla="*/ 3007072 w 6858000"/>
              <a:gd name="connsiteY720" fmla="*/ 4971324 h 6858000"/>
              <a:gd name="connsiteX721" fmla="*/ 3007072 w 6858000"/>
              <a:gd name="connsiteY721" fmla="*/ 4972176 h 6858000"/>
              <a:gd name="connsiteX722" fmla="*/ 3007924 w 6858000"/>
              <a:gd name="connsiteY722" fmla="*/ 4972176 h 6858000"/>
              <a:gd name="connsiteX723" fmla="*/ 3007924 w 6858000"/>
              <a:gd name="connsiteY723" fmla="*/ 4971324 h 6858000"/>
              <a:gd name="connsiteX724" fmla="*/ 2884014 w 6858000"/>
              <a:gd name="connsiteY724" fmla="*/ 4971324 h 6858000"/>
              <a:gd name="connsiteX725" fmla="*/ 2884014 w 6858000"/>
              <a:gd name="connsiteY725" fmla="*/ 4972176 h 6858000"/>
              <a:gd name="connsiteX726" fmla="*/ 2884866 w 6858000"/>
              <a:gd name="connsiteY726" fmla="*/ 4972176 h 6858000"/>
              <a:gd name="connsiteX727" fmla="*/ 2884866 w 6858000"/>
              <a:gd name="connsiteY727" fmla="*/ 4971324 h 6858000"/>
              <a:gd name="connsiteX728" fmla="*/ 2760957 w 6858000"/>
              <a:gd name="connsiteY728" fmla="*/ 4971324 h 6858000"/>
              <a:gd name="connsiteX729" fmla="*/ 2760957 w 6858000"/>
              <a:gd name="connsiteY729" fmla="*/ 4972176 h 6858000"/>
              <a:gd name="connsiteX730" fmla="*/ 2761809 w 6858000"/>
              <a:gd name="connsiteY730" fmla="*/ 4972176 h 6858000"/>
              <a:gd name="connsiteX731" fmla="*/ 2761809 w 6858000"/>
              <a:gd name="connsiteY731" fmla="*/ 4971324 h 6858000"/>
              <a:gd name="connsiteX732" fmla="*/ 545888 w 6858000"/>
              <a:gd name="connsiteY732" fmla="*/ 4971324 h 6858000"/>
              <a:gd name="connsiteX733" fmla="*/ 545888 w 6858000"/>
              <a:gd name="connsiteY733" fmla="*/ 4972176 h 6858000"/>
              <a:gd name="connsiteX734" fmla="*/ 546740 w 6858000"/>
              <a:gd name="connsiteY734" fmla="*/ 4972176 h 6858000"/>
              <a:gd name="connsiteX735" fmla="*/ 546740 w 6858000"/>
              <a:gd name="connsiteY735" fmla="*/ 4971324 h 6858000"/>
              <a:gd name="connsiteX736" fmla="*/ 2637677 w 6858000"/>
              <a:gd name="connsiteY736" fmla="*/ 4971102 h 6858000"/>
              <a:gd name="connsiteX737" fmla="*/ 2637677 w 6858000"/>
              <a:gd name="connsiteY737" fmla="*/ 4972398 h 6858000"/>
              <a:gd name="connsiteX738" fmla="*/ 2638973 w 6858000"/>
              <a:gd name="connsiteY738" fmla="*/ 4972398 h 6858000"/>
              <a:gd name="connsiteX739" fmla="*/ 2638973 w 6858000"/>
              <a:gd name="connsiteY739" fmla="*/ 4971102 h 6858000"/>
              <a:gd name="connsiteX740" fmla="*/ 2514620 w 6858000"/>
              <a:gd name="connsiteY740" fmla="*/ 4971102 h 6858000"/>
              <a:gd name="connsiteX741" fmla="*/ 2514620 w 6858000"/>
              <a:gd name="connsiteY741" fmla="*/ 4972398 h 6858000"/>
              <a:gd name="connsiteX742" fmla="*/ 2515916 w 6858000"/>
              <a:gd name="connsiteY742" fmla="*/ 4972398 h 6858000"/>
              <a:gd name="connsiteX743" fmla="*/ 2515916 w 6858000"/>
              <a:gd name="connsiteY743" fmla="*/ 4971102 h 6858000"/>
              <a:gd name="connsiteX744" fmla="*/ 668723 w 6858000"/>
              <a:gd name="connsiteY744" fmla="*/ 4971102 h 6858000"/>
              <a:gd name="connsiteX745" fmla="*/ 668723 w 6858000"/>
              <a:gd name="connsiteY745" fmla="*/ 4972398 h 6858000"/>
              <a:gd name="connsiteX746" fmla="*/ 670019 w 6858000"/>
              <a:gd name="connsiteY746" fmla="*/ 4972398 h 6858000"/>
              <a:gd name="connsiteX747" fmla="*/ 670019 w 6858000"/>
              <a:gd name="connsiteY747" fmla="*/ 4971102 h 6858000"/>
              <a:gd name="connsiteX748" fmla="*/ 422609 w 6858000"/>
              <a:gd name="connsiteY748" fmla="*/ 4971102 h 6858000"/>
              <a:gd name="connsiteX749" fmla="*/ 422609 w 6858000"/>
              <a:gd name="connsiteY749" fmla="*/ 4972398 h 6858000"/>
              <a:gd name="connsiteX750" fmla="*/ 423905 w 6858000"/>
              <a:gd name="connsiteY750" fmla="*/ 4972398 h 6858000"/>
              <a:gd name="connsiteX751" fmla="*/ 423905 w 6858000"/>
              <a:gd name="connsiteY751" fmla="*/ 4971102 h 6858000"/>
              <a:gd name="connsiteX752" fmla="*/ 2391341 w 6858000"/>
              <a:gd name="connsiteY752" fmla="*/ 4970879 h 6858000"/>
              <a:gd name="connsiteX753" fmla="*/ 2391341 w 6858000"/>
              <a:gd name="connsiteY753" fmla="*/ 4972620 h 6858000"/>
              <a:gd name="connsiteX754" fmla="*/ 2393081 w 6858000"/>
              <a:gd name="connsiteY754" fmla="*/ 4972620 h 6858000"/>
              <a:gd name="connsiteX755" fmla="*/ 2393081 w 6858000"/>
              <a:gd name="connsiteY755" fmla="*/ 4970879 h 6858000"/>
              <a:gd name="connsiteX756" fmla="*/ 2268283 w 6858000"/>
              <a:gd name="connsiteY756" fmla="*/ 4970879 h 6858000"/>
              <a:gd name="connsiteX757" fmla="*/ 2268283 w 6858000"/>
              <a:gd name="connsiteY757" fmla="*/ 4972620 h 6858000"/>
              <a:gd name="connsiteX758" fmla="*/ 2270023 w 6858000"/>
              <a:gd name="connsiteY758" fmla="*/ 4972620 h 6858000"/>
              <a:gd name="connsiteX759" fmla="*/ 2270023 w 6858000"/>
              <a:gd name="connsiteY759" fmla="*/ 4970879 h 6858000"/>
              <a:gd name="connsiteX760" fmla="*/ 791558 w 6858000"/>
              <a:gd name="connsiteY760" fmla="*/ 4970879 h 6858000"/>
              <a:gd name="connsiteX761" fmla="*/ 791558 w 6858000"/>
              <a:gd name="connsiteY761" fmla="*/ 4972620 h 6858000"/>
              <a:gd name="connsiteX762" fmla="*/ 793299 w 6858000"/>
              <a:gd name="connsiteY762" fmla="*/ 4972620 h 6858000"/>
              <a:gd name="connsiteX763" fmla="*/ 793299 w 6858000"/>
              <a:gd name="connsiteY763" fmla="*/ 4970879 h 6858000"/>
              <a:gd name="connsiteX764" fmla="*/ 299329 w 6858000"/>
              <a:gd name="connsiteY764" fmla="*/ 4970879 h 6858000"/>
              <a:gd name="connsiteX765" fmla="*/ 299329 w 6858000"/>
              <a:gd name="connsiteY765" fmla="*/ 4972620 h 6858000"/>
              <a:gd name="connsiteX766" fmla="*/ 301070 w 6858000"/>
              <a:gd name="connsiteY766" fmla="*/ 4972620 h 6858000"/>
              <a:gd name="connsiteX767" fmla="*/ 301070 w 6858000"/>
              <a:gd name="connsiteY767" fmla="*/ 4970879 h 6858000"/>
              <a:gd name="connsiteX768" fmla="*/ 176272 w 6858000"/>
              <a:gd name="connsiteY768" fmla="*/ 4970879 h 6858000"/>
              <a:gd name="connsiteX769" fmla="*/ 176272 w 6858000"/>
              <a:gd name="connsiteY769" fmla="*/ 4972620 h 6858000"/>
              <a:gd name="connsiteX770" fmla="*/ 178013 w 6858000"/>
              <a:gd name="connsiteY770" fmla="*/ 4972620 h 6858000"/>
              <a:gd name="connsiteX771" fmla="*/ 178013 w 6858000"/>
              <a:gd name="connsiteY771" fmla="*/ 4970879 h 6858000"/>
              <a:gd name="connsiteX772" fmla="*/ 2145004 w 6858000"/>
              <a:gd name="connsiteY772" fmla="*/ 4970657 h 6858000"/>
              <a:gd name="connsiteX773" fmla="*/ 2145004 w 6858000"/>
              <a:gd name="connsiteY773" fmla="*/ 4972842 h 6858000"/>
              <a:gd name="connsiteX774" fmla="*/ 2147189 w 6858000"/>
              <a:gd name="connsiteY774" fmla="*/ 4972842 h 6858000"/>
              <a:gd name="connsiteX775" fmla="*/ 2147189 w 6858000"/>
              <a:gd name="connsiteY775" fmla="*/ 4970657 h 6858000"/>
              <a:gd name="connsiteX776" fmla="*/ 2021946 w 6858000"/>
              <a:gd name="connsiteY776" fmla="*/ 4970657 h 6858000"/>
              <a:gd name="connsiteX777" fmla="*/ 2021946 w 6858000"/>
              <a:gd name="connsiteY777" fmla="*/ 4972842 h 6858000"/>
              <a:gd name="connsiteX778" fmla="*/ 2024131 w 6858000"/>
              <a:gd name="connsiteY778" fmla="*/ 4972842 h 6858000"/>
              <a:gd name="connsiteX779" fmla="*/ 2024131 w 6858000"/>
              <a:gd name="connsiteY779" fmla="*/ 4970657 h 6858000"/>
              <a:gd name="connsiteX780" fmla="*/ 1898889 w 6858000"/>
              <a:gd name="connsiteY780" fmla="*/ 4970657 h 6858000"/>
              <a:gd name="connsiteX781" fmla="*/ 1898889 w 6858000"/>
              <a:gd name="connsiteY781" fmla="*/ 4972842 h 6858000"/>
              <a:gd name="connsiteX782" fmla="*/ 1901074 w 6858000"/>
              <a:gd name="connsiteY782" fmla="*/ 4972842 h 6858000"/>
              <a:gd name="connsiteX783" fmla="*/ 1901074 w 6858000"/>
              <a:gd name="connsiteY783" fmla="*/ 4970657 h 6858000"/>
              <a:gd name="connsiteX784" fmla="*/ 1037451 w 6858000"/>
              <a:gd name="connsiteY784" fmla="*/ 4970657 h 6858000"/>
              <a:gd name="connsiteX785" fmla="*/ 1037451 w 6858000"/>
              <a:gd name="connsiteY785" fmla="*/ 4972842 h 6858000"/>
              <a:gd name="connsiteX786" fmla="*/ 1039636 w 6858000"/>
              <a:gd name="connsiteY786" fmla="*/ 4972842 h 6858000"/>
              <a:gd name="connsiteX787" fmla="*/ 1039636 w 6858000"/>
              <a:gd name="connsiteY787" fmla="*/ 4970657 h 6858000"/>
              <a:gd name="connsiteX788" fmla="*/ 914394 w 6858000"/>
              <a:gd name="connsiteY788" fmla="*/ 4970657 h 6858000"/>
              <a:gd name="connsiteX789" fmla="*/ 914394 w 6858000"/>
              <a:gd name="connsiteY789" fmla="*/ 4972842 h 6858000"/>
              <a:gd name="connsiteX790" fmla="*/ 916579 w 6858000"/>
              <a:gd name="connsiteY790" fmla="*/ 4972842 h 6858000"/>
              <a:gd name="connsiteX791" fmla="*/ 916579 w 6858000"/>
              <a:gd name="connsiteY791" fmla="*/ 4970657 h 6858000"/>
              <a:gd name="connsiteX792" fmla="*/ 52992 w 6858000"/>
              <a:gd name="connsiteY792" fmla="*/ 4970657 h 6858000"/>
              <a:gd name="connsiteX793" fmla="*/ 52992 w 6858000"/>
              <a:gd name="connsiteY793" fmla="*/ 4972842 h 6858000"/>
              <a:gd name="connsiteX794" fmla="*/ 55177 w 6858000"/>
              <a:gd name="connsiteY794" fmla="*/ 4972842 h 6858000"/>
              <a:gd name="connsiteX795" fmla="*/ 55177 w 6858000"/>
              <a:gd name="connsiteY795" fmla="*/ 4970657 h 6858000"/>
              <a:gd name="connsiteX796" fmla="*/ 1775610 w 6858000"/>
              <a:gd name="connsiteY796" fmla="*/ 4970472 h 6858000"/>
              <a:gd name="connsiteX797" fmla="*/ 1775610 w 6858000"/>
              <a:gd name="connsiteY797" fmla="*/ 4973064 h 6858000"/>
              <a:gd name="connsiteX798" fmla="*/ 1778202 w 6858000"/>
              <a:gd name="connsiteY798" fmla="*/ 4973064 h 6858000"/>
              <a:gd name="connsiteX799" fmla="*/ 1778202 w 6858000"/>
              <a:gd name="connsiteY799" fmla="*/ 4970472 h 6858000"/>
              <a:gd name="connsiteX800" fmla="*/ 1652552 w 6858000"/>
              <a:gd name="connsiteY800" fmla="*/ 4970472 h 6858000"/>
              <a:gd name="connsiteX801" fmla="*/ 1652552 w 6858000"/>
              <a:gd name="connsiteY801" fmla="*/ 4973064 h 6858000"/>
              <a:gd name="connsiteX802" fmla="*/ 1655144 w 6858000"/>
              <a:gd name="connsiteY802" fmla="*/ 4973064 h 6858000"/>
              <a:gd name="connsiteX803" fmla="*/ 1655144 w 6858000"/>
              <a:gd name="connsiteY803" fmla="*/ 4970472 h 6858000"/>
              <a:gd name="connsiteX804" fmla="*/ 1529495 w 6858000"/>
              <a:gd name="connsiteY804" fmla="*/ 4970472 h 6858000"/>
              <a:gd name="connsiteX805" fmla="*/ 1529495 w 6858000"/>
              <a:gd name="connsiteY805" fmla="*/ 4973064 h 6858000"/>
              <a:gd name="connsiteX806" fmla="*/ 1532087 w 6858000"/>
              <a:gd name="connsiteY806" fmla="*/ 4973064 h 6858000"/>
              <a:gd name="connsiteX807" fmla="*/ 1532087 w 6858000"/>
              <a:gd name="connsiteY807" fmla="*/ 4970472 h 6858000"/>
              <a:gd name="connsiteX808" fmla="*/ 1406438 w 6858000"/>
              <a:gd name="connsiteY808" fmla="*/ 4970472 h 6858000"/>
              <a:gd name="connsiteX809" fmla="*/ 1406438 w 6858000"/>
              <a:gd name="connsiteY809" fmla="*/ 4973064 h 6858000"/>
              <a:gd name="connsiteX810" fmla="*/ 1409030 w 6858000"/>
              <a:gd name="connsiteY810" fmla="*/ 4973064 h 6858000"/>
              <a:gd name="connsiteX811" fmla="*/ 1409030 w 6858000"/>
              <a:gd name="connsiteY811" fmla="*/ 4970472 h 6858000"/>
              <a:gd name="connsiteX812" fmla="*/ 1283380 w 6858000"/>
              <a:gd name="connsiteY812" fmla="*/ 4970472 h 6858000"/>
              <a:gd name="connsiteX813" fmla="*/ 1283380 w 6858000"/>
              <a:gd name="connsiteY813" fmla="*/ 4973064 h 6858000"/>
              <a:gd name="connsiteX814" fmla="*/ 1285972 w 6858000"/>
              <a:gd name="connsiteY814" fmla="*/ 4973064 h 6858000"/>
              <a:gd name="connsiteX815" fmla="*/ 1285972 w 6858000"/>
              <a:gd name="connsiteY815" fmla="*/ 4970472 h 6858000"/>
              <a:gd name="connsiteX816" fmla="*/ 1160323 w 6858000"/>
              <a:gd name="connsiteY816" fmla="*/ 4970472 h 6858000"/>
              <a:gd name="connsiteX817" fmla="*/ 1160323 w 6858000"/>
              <a:gd name="connsiteY817" fmla="*/ 4973064 h 6858000"/>
              <a:gd name="connsiteX818" fmla="*/ 1162915 w 6858000"/>
              <a:gd name="connsiteY818" fmla="*/ 4973064 h 6858000"/>
              <a:gd name="connsiteX819" fmla="*/ 1162915 w 6858000"/>
              <a:gd name="connsiteY819" fmla="*/ 4970472 h 6858000"/>
              <a:gd name="connsiteX820" fmla="*/ 4237904 w 6858000"/>
              <a:gd name="connsiteY820" fmla="*/ 4848452 h 6858000"/>
              <a:gd name="connsiteX821" fmla="*/ 4237904 w 6858000"/>
              <a:gd name="connsiteY821" fmla="*/ 4848896 h 6858000"/>
              <a:gd name="connsiteX822" fmla="*/ 4238348 w 6858000"/>
              <a:gd name="connsiteY822" fmla="*/ 4848896 h 6858000"/>
              <a:gd name="connsiteX823" fmla="*/ 4238348 w 6858000"/>
              <a:gd name="connsiteY823" fmla="*/ 4848452 h 6858000"/>
              <a:gd name="connsiteX824" fmla="*/ 4114847 w 6858000"/>
              <a:gd name="connsiteY824" fmla="*/ 4848452 h 6858000"/>
              <a:gd name="connsiteX825" fmla="*/ 4114847 w 6858000"/>
              <a:gd name="connsiteY825" fmla="*/ 4848896 h 6858000"/>
              <a:gd name="connsiteX826" fmla="*/ 4115291 w 6858000"/>
              <a:gd name="connsiteY826" fmla="*/ 4848896 h 6858000"/>
              <a:gd name="connsiteX827" fmla="*/ 4115291 w 6858000"/>
              <a:gd name="connsiteY827" fmla="*/ 4848452 h 6858000"/>
              <a:gd name="connsiteX828" fmla="*/ 3991789 w 6858000"/>
              <a:gd name="connsiteY828" fmla="*/ 4848452 h 6858000"/>
              <a:gd name="connsiteX829" fmla="*/ 3991789 w 6858000"/>
              <a:gd name="connsiteY829" fmla="*/ 4848896 h 6858000"/>
              <a:gd name="connsiteX830" fmla="*/ 3992234 w 6858000"/>
              <a:gd name="connsiteY830" fmla="*/ 4848896 h 6858000"/>
              <a:gd name="connsiteX831" fmla="*/ 3992234 w 6858000"/>
              <a:gd name="connsiteY831" fmla="*/ 4848452 h 6858000"/>
              <a:gd name="connsiteX832" fmla="*/ 3868732 w 6858000"/>
              <a:gd name="connsiteY832" fmla="*/ 4848452 h 6858000"/>
              <a:gd name="connsiteX833" fmla="*/ 3868732 w 6858000"/>
              <a:gd name="connsiteY833" fmla="*/ 4848896 h 6858000"/>
              <a:gd name="connsiteX834" fmla="*/ 3869176 w 6858000"/>
              <a:gd name="connsiteY834" fmla="*/ 4848896 h 6858000"/>
              <a:gd name="connsiteX835" fmla="*/ 3869176 w 6858000"/>
              <a:gd name="connsiteY835" fmla="*/ 4848452 h 6858000"/>
              <a:gd name="connsiteX836" fmla="*/ 3745675 w 6858000"/>
              <a:gd name="connsiteY836" fmla="*/ 4848452 h 6858000"/>
              <a:gd name="connsiteX837" fmla="*/ 3745675 w 6858000"/>
              <a:gd name="connsiteY837" fmla="*/ 4848896 h 6858000"/>
              <a:gd name="connsiteX838" fmla="*/ 3746119 w 6858000"/>
              <a:gd name="connsiteY838" fmla="*/ 4848896 h 6858000"/>
              <a:gd name="connsiteX839" fmla="*/ 3746119 w 6858000"/>
              <a:gd name="connsiteY839" fmla="*/ 4848452 h 6858000"/>
              <a:gd name="connsiteX840" fmla="*/ 3622617 w 6858000"/>
              <a:gd name="connsiteY840" fmla="*/ 4848452 h 6858000"/>
              <a:gd name="connsiteX841" fmla="*/ 3622617 w 6858000"/>
              <a:gd name="connsiteY841" fmla="*/ 4848896 h 6858000"/>
              <a:gd name="connsiteX842" fmla="*/ 3623061 w 6858000"/>
              <a:gd name="connsiteY842" fmla="*/ 4848896 h 6858000"/>
              <a:gd name="connsiteX843" fmla="*/ 3623061 w 6858000"/>
              <a:gd name="connsiteY843" fmla="*/ 4848452 h 6858000"/>
              <a:gd name="connsiteX844" fmla="*/ 3499523 w 6858000"/>
              <a:gd name="connsiteY844" fmla="*/ 4848452 h 6858000"/>
              <a:gd name="connsiteX845" fmla="*/ 3499523 w 6858000"/>
              <a:gd name="connsiteY845" fmla="*/ 4848896 h 6858000"/>
              <a:gd name="connsiteX846" fmla="*/ 3499967 w 6858000"/>
              <a:gd name="connsiteY846" fmla="*/ 4848896 h 6858000"/>
              <a:gd name="connsiteX847" fmla="*/ 3499967 w 6858000"/>
              <a:gd name="connsiteY847" fmla="*/ 4848452 h 6858000"/>
              <a:gd name="connsiteX848" fmla="*/ 3376466 w 6858000"/>
              <a:gd name="connsiteY848" fmla="*/ 4848452 h 6858000"/>
              <a:gd name="connsiteX849" fmla="*/ 3376466 w 6858000"/>
              <a:gd name="connsiteY849" fmla="*/ 4848896 h 6858000"/>
              <a:gd name="connsiteX850" fmla="*/ 3376910 w 6858000"/>
              <a:gd name="connsiteY850" fmla="*/ 4848896 h 6858000"/>
              <a:gd name="connsiteX851" fmla="*/ 3376910 w 6858000"/>
              <a:gd name="connsiteY851" fmla="*/ 4848452 h 6858000"/>
              <a:gd name="connsiteX852" fmla="*/ 3253186 w 6858000"/>
              <a:gd name="connsiteY852" fmla="*/ 4848266 h 6858000"/>
              <a:gd name="connsiteX853" fmla="*/ 3253186 w 6858000"/>
              <a:gd name="connsiteY853" fmla="*/ 4849118 h 6858000"/>
              <a:gd name="connsiteX854" fmla="*/ 3254038 w 6858000"/>
              <a:gd name="connsiteY854" fmla="*/ 4849118 h 6858000"/>
              <a:gd name="connsiteX855" fmla="*/ 3254038 w 6858000"/>
              <a:gd name="connsiteY855" fmla="*/ 4848266 h 6858000"/>
              <a:gd name="connsiteX856" fmla="*/ 3130129 w 6858000"/>
              <a:gd name="connsiteY856" fmla="*/ 4848266 h 6858000"/>
              <a:gd name="connsiteX857" fmla="*/ 3130129 w 6858000"/>
              <a:gd name="connsiteY857" fmla="*/ 4849118 h 6858000"/>
              <a:gd name="connsiteX858" fmla="*/ 3130981 w 6858000"/>
              <a:gd name="connsiteY858" fmla="*/ 4849118 h 6858000"/>
              <a:gd name="connsiteX859" fmla="*/ 3130981 w 6858000"/>
              <a:gd name="connsiteY859" fmla="*/ 4848266 h 6858000"/>
              <a:gd name="connsiteX860" fmla="*/ 3007072 w 6858000"/>
              <a:gd name="connsiteY860" fmla="*/ 4848266 h 6858000"/>
              <a:gd name="connsiteX861" fmla="*/ 3007072 w 6858000"/>
              <a:gd name="connsiteY861" fmla="*/ 4849118 h 6858000"/>
              <a:gd name="connsiteX862" fmla="*/ 3007924 w 6858000"/>
              <a:gd name="connsiteY862" fmla="*/ 4849118 h 6858000"/>
              <a:gd name="connsiteX863" fmla="*/ 3007924 w 6858000"/>
              <a:gd name="connsiteY863" fmla="*/ 4848266 h 6858000"/>
              <a:gd name="connsiteX864" fmla="*/ 2883792 w 6858000"/>
              <a:gd name="connsiteY864" fmla="*/ 4848044 h 6858000"/>
              <a:gd name="connsiteX865" fmla="*/ 2883792 w 6858000"/>
              <a:gd name="connsiteY865" fmla="*/ 4849340 h 6858000"/>
              <a:gd name="connsiteX866" fmla="*/ 2885088 w 6858000"/>
              <a:gd name="connsiteY866" fmla="*/ 4849340 h 6858000"/>
              <a:gd name="connsiteX867" fmla="*/ 2885088 w 6858000"/>
              <a:gd name="connsiteY867" fmla="*/ 4848044 h 6858000"/>
              <a:gd name="connsiteX868" fmla="*/ 2760735 w 6858000"/>
              <a:gd name="connsiteY868" fmla="*/ 4848044 h 6858000"/>
              <a:gd name="connsiteX869" fmla="*/ 2760735 w 6858000"/>
              <a:gd name="connsiteY869" fmla="*/ 4849340 h 6858000"/>
              <a:gd name="connsiteX870" fmla="*/ 2762031 w 6858000"/>
              <a:gd name="connsiteY870" fmla="*/ 4849340 h 6858000"/>
              <a:gd name="connsiteX871" fmla="*/ 2762031 w 6858000"/>
              <a:gd name="connsiteY871" fmla="*/ 4848044 h 6858000"/>
              <a:gd name="connsiteX872" fmla="*/ 2637455 w 6858000"/>
              <a:gd name="connsiteY872" fmla="*/ 4847822 h 6858000"/>
              <a:gd name="connsiteX873" fmla="*/ 2637455 w 6858000"/>
              <a:gd name="connsiteY873" fmla="*/ 4849563 h 6858000"/>
              <a:gd name="connsiteX874" fmla="*/ 2639195 w 6858000"/>
              <a:gd name="connsiteY874" fmla="*/ 4849563 h 6858000"/>
              <a:gd name="connsiteX875" fmla="*/ 2639195 w 6858000"/>
              <a:gd name="connsiteY875" fmla="*/ 4847822 h 6858000"/>
              <a:gd name="connsiteX876" fmla="*/ 2514398 w 6858000"/>
              <a:gd name="connsiteY876" fmla="*/ 4847822 h 6858000"/>
              <a:gd name="connsiteX877" fmla="*/ 2514398 w 6858000"/>
              <a:gd name="connsiteY877" fmla="*/ 4849563 h 6858000"/>
              <a:gd name="connsiteX878" fmla="*/ 2516138 w 6858000"/>
              <a:gd name="connsiteY878" fmla="*/ 4849563 h 6858000"/>
              <a:gd name="connsiteX879" fmla="*/ 2516138 w 6858000"/>
              <a:gd name="connsiteY879" fmla="*/ 4847822 h 6858000"/>
              <a:gd name="connsiteX880" fmla="*/ 2391118 w 6858000"/>
              <a:gd name="connsiteY880" fmla="*/ 4847600 h 6858000"/>
              <a:gd name="connsiteX881" fmla="*/ 2391118 w 6858000"/>
              <a:gd name="connsiteY881" fmla="*/ 4849785 h 6858000"/>
              <a:gd name="connsiteX882" fmla="*/ 2393303 w 6858000"/>
              <a:gd name="connsiteY882" fmla="*/ 4849785 h 6858000"/>
              <a:gd name="connsiteX883" fmla="*/ 2393303 w 6858000"/>
              <a:gd name="connsiteY883" fmla="*/ 4847600 h 6858000"/>
              <a:gd name="connsiteX884" fmla="*/ 2268061 w 6858000"/>
              <a:gd name="connsiteY884" fmla="*/ 4847600 h 6858000"/>
              <a:gd name="connsiteX885" fmla="*/ 2268061 w 6858000"/>
              <a:gd name="connsiteY885" fmla="*/ 4849785 h 6858000"/>
              <a:gd name="connsiteX886" fmla="*/ 2270246 w 6858000"/>
              <a:gd name="connsiteY886" fmla="*/ 4849785 h 6858000"/>
              <a:gd name="connsiteX887" fmla="*/ 2270246 w 6858000"/>
              <a:gd name="connsiteY887" fmla="*/ 4847600 h 6858000"/>
              <a:gd name="connsiteX888" fmla="*/ 2144782 w 6858000"/>
              <a:gd name="connsiteY888" fmla="*/ 4847415 h 6858000"/>
              <a:gd name="connsiteX889" fmla="*/ 2144782 w 6858000"/>
              <a:gd name="connsiteY889" fmla="*/ 4850007 h 6858000"/>
              <a:gd name="connsiteX890" fmla="*/ 2147374 w 6858000"/>
              <a:gd name="connsiteY890" fmla="*/ 4850007 h 6858000"/>
              <a:gd name="connsiteX891" fmla="*/ 2147374 w 6858000"/>
              <a:gd name="connsiteY891" fmla="*/ 4847415 h 6858000"/>
              <a:gd name="connsiteX892" fmla="*/ 668057 w 6858000"/>
              <a:gd name="connsiteY892" fmla="*/ 4847415 h 6858000"/>
              <a:gd name="connsiteX893" fmla="*/ 668057 w 6858000"/>
              <a:gd name="connsiteY893" fmla="*/ 4850007 h 6858000"/>
              <a:gd name="connsiteX894" fmla="*/ 670649 w 6858000"/>
              <a:gd name="connsiteY894" fmla="*/ 4850007 h 6858000"/>
              <a:gd name="connsiteX895" fmla="*/ 670649 w 6858000"/>
              <a:gd name="connsiteY895" fmla="*/ 4847415 h 6858000"/>
              <a:gd name="connsiteX896" fmla="*/ 544999 w 6858000"/>
              <a:gd name="connsiteY896" fmla="*/ 4847415 h 6858000"/>
              <a:gd name="connsiteX897" fmla="*/ 544999 w 6858000"/>
              <a:gd name="connsiteY897" fmla="*/ 4850007 h 6858000"/>
              <a:gd name="connsiteX898" fmla="*/ 547591 w 6858000"/>
              <a:gd name="connsiteY898" fmla="*/ 4850007 h 6858000"/>
              <a:gd name="connsiteX899" fmla="*/ 547591 w 6858000"/>
              <a:gd name="connsiteY899" fmla="*/ 4847415 h 6858000"/>
              <a:gd name="connsiteX900" fmla="*/ 2021502 w 6858000"/>
              <a:gd name="connsiteY900" fmla="*/ 4847192 h 6858000"/>
              <a:gd name="connsiteX901" fmla="*/ 2021502 w 6858000"/>
              <a:gd name="connsiteY901" fmla="*/ 4850229 h 6858000"/>
              <a:gd name="connsiteX902" fmla="*/ 2024539 w 6858000"/>
              <a:gd name="connsiteY902" fmla="*/ 4850229 h 6858000"/>
              <a:gd name="connsiteX903" fmla="*/ 2024539 w 6858000"/>
              <a:gd name="connsiteY903" fmla="*/ 4847192 h 6858000"/>
              <a:gd name="connsiteX904" fmla="*/ 1898445 w 6858000"/>
              <a:gd name="connsiteY904" fmla="*/ 4847192 h 6858000"/>
              <a:gd name="connsiteX905" fmla="*/ 1898445 w 6858000"/>
              <a:gd name="connsiteY905" fmla="*/ 4850229 h 6858000"/>
              <a:gd name="connsiteX906" fmla="*/ 1901482 w 6858000"/>
              <a:gd name="connsiteY906" fmla="*/ 4850229 h 6858000"/>
              <a:gd name="connsiteX907" fmla="*/ 1901482 w 6858000"/>
              <a:gd name="connsiteY907" fmla="*/ 4847192 h 6858000"/>
              <a:gd name="connsiteX908" fmla="*/ 790929 w 6858000"/>
              <a:gd name="connsiteY908" fmla="*/ 4847192 h 6858000"/>
              <a:gd name="connsiteX909" fmla="*/ 790929 w 6858000"/>
              <a:gd name="connsiteY909" fmla="*/ 4850229 h 6858000"/>
              <a:gd name="connsiteX910" fmla="*/ 793966 w 6858000"/>
              <a:gd name="connsiteY910" fmla="*/ 4850229 h 6858000"/>
              <a:gd name="connsiteX911" fmla="*/ 793966 w 6858000"/>
              <a:gd name="connsiteY911" fmla="*/ 4847192 h 6858000"/>
              <a:gd name="connsiteX912" fmla="*/ 421720 w 6858000"/>
              <a:gd name="connsiteY912" fmla="*/ 4847192 h 6858000"/>
              <a:gd name="connsiteX913" fmla="*/ 421720 w 6858000"/>
              <a:gd name="connsiteY913" fmla="*/ 4850229 h 6858000"/>
              <a:gd name="connsiteX914" fmla="*/ 424757 w 6858000"/>
              <a:gd name="connsiteY914" fmla="*/ 4850229 h 6858000"/>
              <a:gd name="connsiteX915" fmla="*/ 424757 w 6858000"/>
              <a:gd name="connsiteY915" fmla="*/ 4847192 h 6858000"/>
              <a:gd name="connsiteX916" fmla="*/ 298663 w 6858000"/>
              <a:gd name="connsiteY916" fmla="*/ 4847192 h 6858000"/>
              <a:gd name="connsiteX917" fmla="*/ 298663 w 6858000"/>
              <a:gd name="connsiteY917" fmla="*/ 4850229 h 6858000"/>
              <a:gd name="connsiteX918" fmla="*/ 301700 w 6858000"/>
              <a:gd name="connsiteY918" fmla="*/ 4850229 h 6858000"/>
              <a:gd name="connsiteX919" fmla="*/ 301700 w 6858000"/>
              <a:gd name="connsiteY919" fmla="*/ 4847192 h 6858000"/>
              <a:gd name="connsiteX920" fmla="*/ 1775165 w 6858000"/>
              <a:gd name="connsiteY920" fmla="*/ 4846970 h 6858000"/>
              <a:gd name="connsiteX921" fmla="*/ 1775165 w 6858000"/>
              <a:gd name="connsiteY921" fmla="*/ 4850451 h 6858000"/>
              <a:gd name="connsiteX922" fmla="*/ 1778646 w 6858000"/>
              <a:gd name="connsiteY922" fmla="*/ 4850451 h 6858000"/>
              <a:gd name="connsiteX923" fmla="*/ 1778646 w 6858000"/>
              <a:gd name="connsiteY923" fmla="*/ 4846970 h 6858000"/>
              <a:gd name="connsiteX924" fmla="*/ 1652108 w 6858000"/>
              <a:gd name="connsiteY924" fmla="*/ 4846970 h 6858000"/>
              <a:gd name="connsiteX925" fmla="*/ 1652108 w 6858000"/>
              <a:gd name="connsiteY925" fmla="*/ 4850451 h 6858000"/>
              <a:gd name="connsiteX926" fmla="*/ 1655589 w 6858000"/>
              <a:gd name="connsiteY926" fmla="*/ 4850451 h 6858000"/>
              <a:gd name="connsiteX927" fmla="*/ 1655589 w 6858000"/>
              <a:gd name="connsiteY927" fmla="*/ 4846970 h 6858000"/>
              <a:gd name="connsiteX928" fmla="*/ 1529051 w 6858000"/>
              <a:gd name="connsiteY928" fmla="*/ 4846970 h 6858000"/>
              <a:gd name="connsiteX929" fmla="*/ 1529051 w 6858000"/>
              <a:gd name="connsiteY929" fmla="*/ 4850451 h 6858000"/>
              <a:gd name="connsiteX930" fmla="*/ 1532532 w 6858000"/>
              <a:gd name="connsiteY930" fmla="*/ 4850451 h 6858000"/>
              <a:gd name="connsiteX931" fmla="*/ 1532532 w 6858000"/>
              <a:gd name="connsiteY931" fmla="*/ 4846970 h 6858000"/>
              <a:gd name="connsiteX932" fmla="*/ 1405993 w 6858000"/>
              <a:gd name="connsiteY932" fmla="*/ 4846970 h 6858000"/>
              <a:gd name="connsiteX933" fmla="*/ 1405993 w 6858000"/>
              <a:gd name="connsiteY933" fmla="*/ 4850451 h 6858000"/>
              <a:gd name="connsiteX934" fmla="*/ 1409474 w 6858000"/>
              <a:gd name="connsiteY934" fmla="*/ 4850451 h 6858000"/>
              <a:gd name="connsiteX935" fmla="*/ 1409474 w 6858000"/>
              <a:gd name="connsiteY935" fmla="*/ 4846970 h 6858000"/>
              <a:gd name="connsiteX936" fmla="*/ 1282936 w 6858000"/>
              <a:gd name="connsiteY936" fmla="*/ 4846970 h 6858000"/>
              <a:gd name="connsiteX937" fmla="*/ 1282936 w 6858000"/>
              <a:gd name="connsiteY937" fmla="*/ 4850451 h 6858000"/>
              <a:gd name="connsiteX938" fmla="*/ 1286417 w 6858000"/>
              <a:gd name="connsiteY938" fmla="*/ 4850451 h 6858000"/>
              <a:gd name="connsiteX939" fmla="*/ 1286417 w 6858000"/>
              <a:gd name="connsiteY939" fmla="*/ 4846970 h 6858000"/>
              <a:gd name="connsiteX940" fmla="*/ 1159879 w 6858000"/>
              <a:gd name="connsiteY940" fmla="*/ 4846970 h 6858000"/>
              <a:gd name="connsiteX941" fmla="*/ 1159879 w 6858000"/>
              <a:gd name="connsiteY941" fmla="*/ 4850451 h 6858000"/>
              <a:gd name="connsiteX942" fmla="*/ 1163360 w 6858000"/>
              <a:gd name="connsiteY942" fmla="*/ 4850451 h 6858000"/>
              <a:gd name="connsiteX943" fmla="*/ 1163360 w 6858000"/>
              <a:gd name="connsiteY943" fmla="*/ 4846970 h 6858000"/>
              <a:gd name="connsiteX944" fmla="*/ 1036821 w 6858000"/>
              <a:gd name="connsiteY944" fmla="*/ 4846970 h 6858000"/>
              <a:gd name="connsiteX945" fmla="*/ 1036821 w 6858000"/>
              <a:gd name="connsiteY945" fmla="*/ 4850451 h 6858000"/>
              <a:gd name="connsiteX946" fmla="*/ 1040302 w 6858000"/>
              <a:gd name="connsiteY946" fmla="*/ 4850451 h 6858000"/>
              <a:gd name="connsiteX947" fmla="*/ 1040302 w 6858000"/>
              <a:gd name="connsiteY947" fmla="*/ 4846970 h 6858000"/>
              <a:gd name="connsiteX948" fmla="*/ 913764 w 6858000"/>
              <a:gd name="connsiteY948" fmla="*/ 4846970 h 6858000"/>
              <a:gd name="connsiteX949" fmla="*/ 913764 w 6858000"/>
              <a:gd name="connsiteY949" fmla="*/ 4850451 h 6858000"/>
              <a:gd name="connsiteX950" fmla="*/ 917245 w 6858000"/>
              <a:gd name="connsiteY950" fmla="*/ 4850451 h 6858000"/>
              <a:gd name="connsiteX951" fmla="*/ 917245 w 6858000"/>
              <a:gd name="connsiteY951" fmla="*/ 4846970 h 6858000"/>
              <a:gd name="connsiteX952" fmla="*/ 175383 w 6858000"/>
              <a:gd name="connsiteY952" fmla="*/ 4846970 h 6858000"/>
              <a:gd name="connsiteX953" fmla="*/ 175383 w 6858000"/>
              <a:gd name="connsiteY953" fmla="*/ 4850451 h 6858000"/>
              <a:gd name="connsiteX954" fmla="*/ 178864 w 6858000"/>
              <a:gd name="connsiteY954" fmla="*/ 4850451 h 6858000"/>
              <a:gd name="connsiteX955" fmla="*/ 178864 w 6858000"/>
              <a:gd name="connsiteY955" fmla="*/ 4846970 h 6858000"/>
              <a:gd name="connsiteX956" fmla="*/ 52326 w 6858000"/>
              <a:gd name="connsiteY956" fmla="*/ 4846970 h 6858000"/>
              <a:gd name="connsiteX957" fmla="*/ 52326 w 6858000"/>
              <a:gd name="connsiteY957" fmla="*/ 4850451 h 6858000"/>
              <a:gd name="connsiteX958" fmla="*/ 55807 w 6858000"/>
              <a:gd name="connsiteY958" fmla="*/ 4850451 h 6858000"/>
              <a:gd name="connsiteX959" fmla="*/ 55807 w 6858000"/>
              <a:gd name="connsiteY959" fmla="*/ 4846970 h 6858000"/>
              <a:gd name="connsiteX960" fmla="*/ 4237904 w 6858000"/>
              <a:gd name="connsiteY960" fmla="*/ 4725395 h 6858000"/>
              <a:gd name="connsiteX961" fmla="*/ 4237904 w 6858000"/>
              <a:gd name="connsiteY961" fmla="*/ 4725839 h 6858000"/>
              <a:gd name="connsiteX962" fmla="*/ 4238348 w 6858000"/>
              <a:gd name="connsiteY962" fmla="*/ 4725839 h 6858000"/>
              <a:gd name="connsiteX963" fmla="*/ 4238348 w 6858000"/>
              <a:gd name="connsiteY963" fmla="*/ 4725395 h 6858000"/>
              <a:gd name="connsiteX964" fmla="*/ 4114847 w 6858000"/>
              <a:gd name="connsiteY964" fmla="*/ 4725395 h 6858000"/>
              <a:gd name="connsiteX965" fmla="*/ 4114847 w 6858000"/>
              <a:gd name="connsiteY965" fmla="*/ 4725839 h 6858000"/>
              <a:gd name="connsiteX966" fmla="*/ 4115291 w 6858000"/>
              <a:gd name="connsiteY966" fmla="*/ 4725839 h 6858000"/>
              <a:gd name="connsiteX967" fmla="*/ 4115291 w 6858000"/>
              <a:gd name="connsiteY967" fmla="*/ 4725395 h 6858000"/>
              <a:gd name="connsiteX968" fmla="*/ 3991789 w 6858000"/>
              <a:gd name="connsiteY968" fmla="*/ 4725395 h 6858000"/>
              <a:gd name="connsiteX969" fmla="*/ 3991789 w 6858000"/>
              <a:gd name="connsiteY969" fmla="*/ 4725839 h 6858000"/>
              <a:gd name="connsiteX970" fmla="*/ 3992234 w 6858000"/>
              <a:gd name="connsiteY970" fmla="*/ 4725839 h 6858000"/>
              <a:gd name="connsiteX971" fmla="*/ 3992234 w 6858000"/>
              <a:gd name="connsiteY971" fmla="*/ 4725395 h 6858000"/>
              <a:gd name="connsiteX972" fmla="*/ 3868732 w 6858000"/>
              <a:gd name="connsiteY972" fmla="*/ 4725395 h 6858000"/>
              <a:gd name="connsiteX973" fmla="*/ 3868732 w 6858000"/>
              <a:gd name="connsiteY973" fmla="*/ 4725839 h 6858000"/>
              <a:gd name="connsiteX974" fmla="*/ 3869176 w 6858000"/>
              <a:gd name="connsiteY974" fmla="*/ 4725839 h 6858000"/>
              <a:gd name="connsiteX975" fmla="*/ 3869176 w 6858000"/>
              <a:gd name="connsiteY975" fmla="*/ 4725395 h 6858000"/>
              <a:gd name="connsiteX976" fmla="*/ 3745675 w 6858000"/>
              <a:gd name="connsiteY976" fmla="*/ 4725395 h 6858000"/>
              <a:gd name="connsiteX977" fmla="*/ 3745675 w 6858000"/>
              <a:gd name="connsiteY977" fmla="*/ 4725839 h 6858000"/>
              <a:gd name="connsiteX978" fmla="*/ 3746119 w 6858000"/>
              <a:gd name="connsiteY978" fmla="*/ 4725839 h 6858000"/>
              <a:gd name="connsiteX979" fmla="*/ 3746119 w 6858000"/>
              <a:gd name="connsiteY979" fmla="*/ 4725395 h 6858000"/>
              <a:gd name="connsiteX980" fmla="*/ 3622617 w 6858000"/>
              <a:gd name="connsiteY980" fmla="*/ 4725395 h 6858000"/>
              <a:gd name="connsiteX981" fmla="*/ 3622617 w 6858000"/>
              <a:gd name="connsiteY981" fmla="*/ 4725839 h 6858000"/>
              <a:gd name="connsiteX982" fmla="*/ 3623061 w 6858000"/>
              <a:gd name="connsiteY982" fmla="*/ 4725839 h 6858000"/>
              <a:gd name="connsiteX983" fmla="*/ 3623061 w 6858000"/>
              <a:gd name="connsiteY983" fmla="*/ 4725395 h 6858000"/>
              <a:gd name="connsiteX984" fmla="*/ 3499523 w 6858000"/>
              <a:gd name="connsiteY984" fmla="*/ 4725395 h 6858000"/>
              <a:gd name="connsiteX985" fmla="*/ 3499523 w 6858000"/>
              <a:gd name="connsiteY985" fmla="*/ 4725839 h 6858000"/>
              <a:gd name="connsiteX986" fmla="*/ 3499967 w 6858000"/>
              <a:gd name="connsiteY986" fmla="*/ 4725839 h 6858000"/>
              <a:gd name="connsiteX987" fmla="*/ 3499967 w 6858000"/>
              <a:gd name="connsiteY987" fmla="*/ 4725395 h 6858000"/>
              <a:gd name="connsiteX988" fmla="*/ 3376281 w 6858000"/>
              <a:gd name="connsiteY988" fmla="*/ 4725209 h 6858000"/>
              <a:gd name="connsiteX989" fmla="*/ 3376281 w 6858000"/>
              <a:gd name="connsiteY989" fmla="*/ 4726061 h 6858000"/>
              <a:gd name="connsiteX990" fmla="*/ 3377133 w 6858000"/>
              <a:gd name="connsiteY990" fmla="*/ 4726061 h 6858000"/>
              <a:gd name="connsiteX991" fmla="*/ 3377133 w 6858000"/>
              <a:gd name="connsiteY991" fmla="*/ 4725209 h 6858000"/>
              <a:gd name="connsiteX992" fmla="*/ 3253186 w 6858000"/>
              <a:gd name="connsiteY992" fmla="*/ 4725209 h 6858000"/>
              <a:gd name="connsiteX993" fmla="*/ 3253186 w 6858000"/>
              <a:gd name="connsiteY993" fmla="*/ 4726061 h 6858000"/>
              <a:gd name="connsiteX994" fmla="*/ 3254038 w 6858000"/>
              <a:gd name="connsiteY994" fmla="*/ 4726061 h 6858000"/>
              <a:gd name="connsiteX995" fmla="*/ 3254038 w 6858000"/>
              <a:gd name="connsiteY995" fmla="*/ 4725209 h 6858000"/>
              <a:gd name="connsiteX996" fmla="*/ 3130129 w 6858000"/>
              <a:gd name="connsiteY996" fmla="*/ 4725209 h 6858000"/>
              <a:gd name="connsiteX997" fmla="*/ 3130129 w 6858000"/>
              <a:gd name="connsiteY997" fmla="*/ 4726061 h 6858000"/>
              <a:gd name="connsiteX998" fmla="*/ 3130981 w 6858000"/>
              <a:gd name="connsiteY998" fmla="*/ 4726061 h 6858000"/>
              <a:gd name="connsiteX999" fmla="*/ 3130981 w 6858000"/>
              <a:gd name="connsiteY999" fmla="*/ 4725209 h 6858000"/>
              <a:gd name="connsiteX1000" fmla="*/ 3006849 w 6858000"/>
              <a:gd name="connsiteY1000" fmla="*/ 4724987 h 6858000"/>
              <a:gd name="connsiteX1001" fmla="*/ 3006849 w 6858000"/>
              <a:gd name="connsiteY1001" fmla="*/ 4726283 h 6858000"/>
              <a:gd name="connsiteX1002" fmla="*/ 3008145 w 6858000"/>
              <a:gd name="connsiteY1002" fmla="*/ 4726283 h 6858000"/>
              <a:gd name="connsiteX1003" fmla="*/ 3008145 w 6858000"/>
              <a:gd name="connsiteY1003" fmla="*/ 4724987 h 6858000"/>
              <a:gd name="connsiteX1004" fmla="*/ 2883792 w 6858000"/>
              <a:gd name="connsiteY1004" fmla="*/ 4724987 h 6858000"/>
              <a:gd name="connsiteX1005" fmla="*/ 2883792 w 6858000"/>
              <a:gd name="connsiteY1005" fmla="*/ 4726283 h 6858000"/>
              <a:gd name="connsiteX1006" fmla="*/ 2885088 w 6858000"/>
              <a:gd name="connsiteY1006" fmla="*/ 4726283 h 6858000"/>
              <a:gd name="connsiteX1007" fmla="*/ 2885088 w 6858000"/>
              <a:gd name="connsiteY1007" fmla="*/ 4724987 h 6858000"/>
              <a:gd name="connsiteX1008" fmla="*/ 2760513 w 6858000"/>
              <a:gd name="connsiteY1008" fmla="*/ 4724764 h 6858000"/>
              <a:gd name="connsiteX1009" fmla="*/ 2760513 w 6858000"/>
              <a:gd name="connsiteY1009" fmla="*/ 4726505 h 6858000"/>
              <a:gd name="connsiteX1010" fmla="*/ 2762253 w 6858000"/>
              <a:gd name="connsiteY1010" fmla="*/ 4726505 h 6858000"/>
              <a:gd name="connsiteX1011" fmla="*/ 2762253 w 6858000"/>
              <a:gd name="connsiteY1011" fmla="*/ 4724764 h 6858000"/>
              <a:gd name="connsiteX1012" fmla="*/ 2637233 w 6858000"/>
              <a:gd name="connsiteY1012" fmla="*/ 4724542 h 6858000"/>
              <a:gd name="connsiteX1013" fmla="*/ 2637233 w 6858000"/>
              <a:gd name="connsiteY1013" fmla="*/ 4726727 h 6858000"/>
              <a:gd name="connsiteX1014" fmla="*/ 2639418 w 6858000"/>
              <a:gd name="connsiteY1014" fmla="*/ 4726727 h 6858000"/>
              <a:gd name="connsiteX1015" fmla="*/ 2639418 w 6858000"/>
              <a:gd name="connsiteY1015" fmla="*/ 4724542 h 6858000"/>
              <a:gd name="connsiteX1016" fmla="*/ 2514176 w 6858000"/>
              <a:gd name="connsiteY1016" fmla="*/ 4724542 h 6858000"/>
              <a:gd name="connsiteX1017" fmla="*/ 2514176 w 6858000"/>
              <a:gd name="connsiteY1017" fmla="*/ 4726727 h 6858000"/>
              <a:gd name="connsiteX1018" fmla="*/ 2516361 w 6858000"/>
              <a:gd name="connsiteY1018" fmla="*/ 4726727 h 6858000"/>
              <a:gd name="connsiteX1019" fmla="*/ 2516361 w 6858000"/>
              <a:gd name="connsiteY1019" fmla="*/ 4724542 h 6858000"/>
              <a:gd name="connsiteX1020" fmla="*/ 2390896 w 6858000"/>
              <a:gd name="connsiteY1020" fmla="*/ 4724358 h 6858000"/>
              <a:gd name="connsiteX1021" fmla="*/ 2390896 w 6858000"/>
              <a:gd name="connsiteY1021" fmla="*/ 4726950 h 6858000"/>
              <a:gd name="connsiteX1022" fmla="*/ 2393488 w 6858000"/>
              <a:gd name="connsiteY1022" fmla="*/ 4726950 h 6858000"/>
              <a:gd name="connsiteX1023" fmla="*/ 2393488 w 6858000"/>
              <a:gd name="connsiteY1023" fmla="*/ 4724358 h 6858000"/>
              <a:gd name="connsiteX1024" fmla="*/ 2267654 w 6858000"/>
              <a:gd name="connsiteY1024" fmla="*/ 4724135 h 6858000"/>
              <a:gd name="connsiteX1025" fmla="*/ 2267654 w 6858000"/>
              <a:gd name="connsiteY1025" fmla="*/ 4727172 h 6858000"/>
              <a:gd name="connsiteX1026" fmla="*/ 2270691 w 6858000"/>
              <a:gd name="connsiteY1026" fmla="*/ 4727172 h 6858000"/>
              <a:gd name="connsiteX1027" fmla="*/ 2270691 w 6858000"/>
              <a:gd name="connsiteY1027" fmla="*/ 4724135 h 6858000"/>
              <a:gd name="connsiteX1028" fmla="*/ 2144374 w 6858000"/>
              <a:gd name="connsiteY1028" fmla="*/ 4723876 h 6858000"/>
              <a:gd name="connsiteX1029" fmla="*/ 2144374 w 6858000"/>
              <a:gd name="connsiteY1029" fmla="*/ 4727357 h 6858000"/>
              <a:gd name="connsiteX1030" fmla="*/ 2147855 w 6858000"/>
              <a:gd name="connsiteY1030" fmla="*/ 4727357 h 6858000"/>
              <a:gd name="connsiteX1031" fmla="*/ 2147855 w 6858000"/>
              <a:gd name="connsiteY1031" fmla="*/ 4723876 h 6858000"/>
              <a:gd name="connsiteX1032" fmla="*/ 2021095 w 6858000"/>
              <a:gd name="connsiteY1032" fmla="*/ 4723654 h 6858000"/>
              <a:gd name="connsiteX1033" fmla="*/ 2021095 w 6858000"/>
              <a:gd name="connsiteY1033" fmla="*/ 4727579 h 6858000"/>
              <a:gd name="connsiteX1034" fmla="*/ 2025020 w 6858000"/>
              <a:gd name="connsiteY1034" fmla="*/ 4727579 h 6858000"/>
              <a:gd name="connsiteX1035" fmla="*/ 2025020 w 6858000"/>
              <a:gd name="connsiteY1035" fmla="*/ 4723654 h 6858000"/>
              <a:gd name="connsiteX1036" fmla="*/ 1898037 w 6858000"/>
              <a:gd name="connsiteY1036" fmla="*/ 4723654 h 6858000"/>
              <a:gd name="connsiteX1037" fmla="*/ 1898037 w 6858000"/>
              <a:gd name="connsiteY1037" fmla="*/ 4727579 h 6858000"/>
              <a:gd name="connsiteX1038" fmla="*/ 1901962 w 6858000"/>
              <a:gd name="connsiteY1038" fmla="*/ 4727579 h 6858000"/>
              <a:gd name="connsiteX1039" fmla="*/ 1901962 w 6858000"/>
              <a:gd name="connsiteY1039" fmla="*/ 4723654 h 6858000"/>
              <a:gd name="connsiteX1040" fmla="*/ 1774758 w 6858000"/>
              <a:gd name="connsiteY1040" fmla="*/ 4723468 h 6858000"/>
              <a:gd name="connsiteX1041" fmla="*/ 1774758 w 6858000"/>
              <a:gd name="connsiteY1041" fmla="*/ 4727801 h 6858000"/>
              <a:gd name="connsiteX1042" fmla="*/ 1779091 w 6858000"/>
              <a:gd name="connsiteY1042" fmla="*/ 4727801 h 6858000"/>
              <a:gd name="connsiteX1043" fmla="*/ 1779091 w 6858000"/>
              <a:gd name="connsiteY1043" fmla="*/ 4723468 h 6858000"/>
              <a:gd name="connsiteX1044" fmla="*/ 1651478 w 6858000"/>
              <a:gd name="connsiteY1044" fmla="*/ 4723247 h 6858000"/>
              <a:gd name="connsiteX1045" fmla="*/ 1651478 w 6858000"/>
              <a:gd name="connsiteY1045" fmla="*/ 4728024 h 6858000"/>
              <a:gd name="connsiteX1046" fmla="*/ 1656255 w 6858000"/>
              <a:gd name="connsiteY1046" fmla="*/ 4728024 h 6858000"/>
              <a:gd name="connsiteX1047" fmla="*/ 1656255 w 6858000"/>
              <a:gd name="connsiteY1047" fmla="*/ 4723247 h 6858000"/>
              <a:gd name="connsiteX1048" fmla="*/ 1528421 w 6858000"/>
              <a:gd name="connsiteY1048" fmla="*/ 4723247 h 6858000"/>
              <a:gd name="connsiteX1049" fmla="*/ 1528421 w 6858000"/>
              <a:gd name="connsiteY1049" fmla="*/ 4728024 h 6858000"/>
              <a:gd name="connsiteX1050" fmla="*/ 1533198 w 6858000"/>
              <a:gd name="connsiteY1050" fmla="*/ 4728024 h 6858000"/>
              <a:gd name="connsiteX1051" fmla="*/ 1533198 w 6858000"/>
              <a:gd name="connsiteY1051" fmla="*/ 4723247 h 6858000"/>
              <a:gd name="connsiteX1052" fmla="*/ 1159212 w 6858000"/>
              <a:gd name="connsiteY1052" fmla="*/ 4723247 h 6858000"/>
              <a:gd name="connsiteX1053" fmla="*/ 1159212 w 6858000"/>
              <a:gd name="connsiteY1053" fmla="*/ 4728024 h 6858000"/>
              <a:gd name="connsiteX1054" fmla="*/ 1163989 w 6858000"/>
              <a:gd name="connsiteY1054" fmla="*/ 4728024 h 6858000"/>
              <a:gd name="connsiteX1055" fmla="*/ 1163989 w 6858000"/>
              <a:gd name="connsiteY1055" fmla="*/ 4723247 h 6858000"/>
              <a:gd name="connsiteX1056" fmla="*/ 790040 w 6858000"/>
              <a:gd name="connsiteY1056" fmla="*/ 4723247 h 6858000"/>
              <a:gd name="connsiteX1057" fmla="*/ 790040 w 6858000"/>
              <a:gd name="connsiteY1057" fmla="*/ 4728024 h 6858000"/>
              <a:gd name="connsiteX1058" fmla="*/ 794817 w 6858000"/>
              <a:gd name="connsiteY1058" fmla="*/ 4728024 h 6858000"/>
              <a:gd name="connsiteX1059" fmla="*/ 794817 w 6858000"/>
              <a:gd name="connsiteY1059" fmla="*/ 4723247 h 6858000"/>
              <a:gd name="connsiteX1060" fmla="*/ 666983 w 6858000"/>
              <a:gd name="connsiteY1060" fmla="*/ 4723247 h 6858000"/>
              <a:gd name="connsiteX1061" fmla="*/ 666983 w 6858000"/>
              <a:gd name="connsiteY1061" fmla="*/ 4728024 h 6858000"/>
              <a:gd name="connsiteX1062" fmla="*/ 671760 w 6858000"/>
              <a:gd name="connsiteY1062" fmla="*/ 4728024 h 6858000"/>
              <a:gd name="connsiteX1063" fmla="*/ 671760 w 6858000"/>
              <a:gd name="connsiteY1063" fmla="*/ 4723247 h 6858000"/>
              <a:gd name="connsiteX1064" fmla="*/ 543925 w 6858000"/>
              <a:gd name="connsiteY1064" fmla="*/ 4723247 h 6858000"/>
              <a:gd name="connsiteX1065" fmla="*/ 543925 w 6858000"/>
              <a:gd name="connsiteY1065" fmla="*/ 4728024 h 6858000"/>
              <a:gd name="connsiteX1066" fmla="*/ 548702 w 6858000"/>
              <a:gd name="connsiteY1066" fmla="*/ 4728024 h 6858000"/>
              <a:gd name="connsiteX1067" fmla="*/ 548702 w 6858000"/>
              <a:gd name="connsiteY1067" fmla="*/ 4723247 h 6858000"/>
              <a:gd name="connsiteX1068" fmla="*/ 1405142 w 6858000"/>
              <a:gd name="connsiteY1068" fmla="*/ 4723024 h 6858000"/>
              <a:gd name="connsiteX1069" fmla="*/ 1405142 w 6858000"/>
              <a:gd name="connsiteY1069" fmla="*/ 4728246 h 6858000"/>
              <a:gd name="connsiteX1070" fmla="*/ 1410364 w 6858000"/>
              <a:gd name="connsiteY1070" fmla="*/ 4728246 h 6858000"/>
              <a:gd name="connsiteX1071" fmla="*/ 1410364 w 6858000"/>
              <a:gd name="connsiteY1071" fmla="*/ 4723024 h 6858000"/>
              <a:gd name="connsiteX1072" fmla="*/ 1282084 w 6858000"/>
              <a:gd name="connsiteY1072" fmla="*/ 4723024 h 6858000"/>
              <a:gd name="connsiteX1073" fmla="*/ 1282084 w 6858000"/>
              <a:gd name="connsiteY1073" fmla="*/ 4728246 h 6858000"/>
              <a:gd name="connsiteX1074" fmla="*/ 1287305 w 6858000"/>
              <a:gd name="connsiteY1074" fmla="*/ 4728246 h 6858000"/>
              <a:gd name="connsiteX1075" fmla="*/ 1287305 w 6858000"/>
              <a:gd name="connsiteY1075" fmla="*/ 4723024 h 6858000"/>
              <a:gd name="connsiteX1076" fmla="*/ 1035933 w 6858000"/>
              <a:gd name="connsiteY1076" fmla="*/ 4723024 h 6858000"/>
              <a:gd name="connsiteX1077" fmla="*/ 1035933 w 6858000"/>
              <a:gd name="connsiteY1077" fmla="*/ 4728246 h 6858000"/>
              <a:gd name="connsiteX1078" fmla="*/ 1041154 w 6858000"/>
              <a:gd name="connsiteY1078" fmla="*/ 4728246 h 6858000"/>
              <a:gd name="connsiteX1079" fmla="*/ 1041154 w 6858000"/>
              <a:gd name="connsiteY1079" fmla="*/ 4723024 h 6858000"/>
              <a:gd name="connsiteX1080" fmla="*/ 912875 w 6858000"/>
              <a:gd name="connsiteY1080" fmla="*/ 4723024 h 6858000"/>
              <a:gd name="connsiteX1081" fmla="*/ 912875 w 6858000"/>
              <a:gd name="connsiteY1081" fmla="*/ 4728246 h 6858000"/>
              <a:gd name="connsiteX1082" fmla="*/ 918097 w 6858000"/>
              <a:gd name="connsiteY1082" fmla="*/ 4728246 h 6858000"/>
              <a:gd name="connsiteX1083" fmla="*/ 918097 w 6858000"/>
              <a:gd name="connsiteY1083" fmla="*/ 4723024 h 6858000"/>
              <a:gd name="connsiteX1084" fmla="*/ 420646 w 6858000"/>
              <a:gd name="connsiteY1084" fmla="*/ 4723024 h 6858000"/>
              <a:gd name="connsiteX1085" fmla="*/ 420646 w 6858000"/>
              <a:gd name="connsiteY1085" fmla="*/ 4728246 h 6858000"/>
              <a:gd name="connsiteX1086" fmla="*/ 425868 w 6858000"/>
              <a:gd name="connsiteY1086" fmla="*/ 4728246 h 6858000"/>
              <a:gd name="connsiteX1087" fmla="*/ 425868 w 6858000"/>
              <a:gd name="connsiteY1087" fmla="*/ 4723024 h 6858000"/>
              <a:gd name="connsiteX1088" fmla="*/ 297589 w 6858000"/>
              <a:gd name="connsiteY1088" fmla="*/ 4723024 h 6858000"/>
              <a:gd name="connsiteX1089" fmla="*/ 297589 w 6858000"/>
              <a:gd name="connsiteY1089" fmla="*/ 4728246 h 6858000"/>
              <a:gd name="connsiteX1090" fmla="*/ 302811 w 6858000"/>
              <a:gd name="connsiteY1090" fmla="*/ 4728246 h 6858000"/>
              <a:gd name="connsiteX1091" fmla="*/ 302811 w 6858000"/>
              <a:gd name="connsiteY1091" fmla="*/ 4723024 h 6858000"/>
              <a:gd name="connsiteX1092" fmla="*/ 174531 w 6858000"/>
              <a:gd name="connsiteY1092" fmla="*/ 4723024 h 6858000"/>
              <a:gd name="connsiteX1093" fmla="*/ 174531 w 6858000"/>
              <a:gd name="connsiteY1093" fmla="*/ 4728246 h 6858000"/>
              <a:gd name="connsiteX1094" fmla="*/ 179753 w 6858000"/>
              <a:gd name="connsiteY1094" fmla="*/ 4728246 h 6858000"/>
              <a:gd name="connsiteX1095" fmla="*/ 179753 w 6858000"/>
              <a:gd name="connsiteY1095" fmla="*/ 4723024 h 6858000"/>
              <a:gd name="connsiteX1096" fmla="*/ 51474 w 6858000"/>
              <a:gd name="connsiteY1096" fmla="*/ 4723024 h 6858000"/>
              <a:gd name="connsiteX1097" fmla="*/ 51474 w 6858000"/>
              <a:gd name="connsiteY1097" fmla="*/ 4728246 h 6858000"/>
              <a:gd name="connsiteX1098" fmla="*/ 56696 w 6858000"/>
              <a:gd name="connsiteY1098" fmla="*/ 4728246 h 6858000"/>
              <a:gd name="connsiteX1099" fmla="*/ 56696 w 6858000"/>
              <a:gd name="connsiteY1099" fmla="*/ 4723024 h 6858000"/>
              <a:gd name="connsiteX1100" fmla="*/ 4360961 w 6858000"/>
              <a:gd name="connsiteY1100" fmla="*/ 4602337 h 6858000"/>
              <a:gd name="connsiteX1101" fmla="*/ 4360961 w 6858000"/>
              <a:gd name="connsiteY1101" fmla="*/ 4602781 h 6858000"/>
              <a:gd name="connsiteX1102" fmla="*/ 4361405 w 6858000"/>
              <a:gd name="connsiteY1102" fmla="*/ 4602781 h 6858000"/>
              <a:gd name="connsiteX1103" fmla="*/ 4361405 w 6858000"/>
              <a:gd name="connsiteY1103" fmla="*/ 4602337 h 6858000"/>
              <a:gd name="connsiteX1104" fmla="*/ 4237904 w 6858000"/>
              <a:gd name="connsiteY1104" fmla="*/ 4602337 h 6858000"/>
              <a:gd name="connsiteX1105" fmla="*/ 4237904 w 6858000"/>
              <a:gd name="connsiteY1105" fmla="*/ 4602781 h 6858000"/>
              <a:gd name="connsiteX1106" fmla="*/ 4238348 w 6858000"/>
              <a:gd name="connsiteY1106" fmla="*/ 4602781 h 6858000"/>
              <a:gd name="connsiteX1107" fmla="*/ 4238348 w 6858000"/>
              <a:gd name="connsiteY1107" fmla="*/ 4602337 h 6858000"/>
              <a:gd name="connsiteX1108" fmla="*/ 4114847 w 6858000"/>
              <a:gd name="connsiteY1108" fmla="*/ 4602337 h 6858000"/>
              <a:gd name="connsiteX1109" fmla="*/ 4114847 w 6858000"/>
              <a:gd name="connsiteY1109" fmla="*/ 4602781 h 6858000"/>
              <a:gd name="connsiteX1110" fmla="*/ 4115291 w 6858000"/>
              <a:gd name="connsiteY1110" fmla="*/ 4602781 h 6858000"/>
              <a:gd name="connsiteX1111" fmla="*/ 4115291 w 6858000"/>
              <a:gd name="connsiteY1111" fmla="*/ 4602337 h 6858000"/>
              <a:gd name="connsiteX1112" fmla="*/ 3991789 w 6858000"/>
              <a:gd name="connsiteY1112" fmla="*/ 4602337 h 6858000"/>
              <a:gd name="connsiteX1113" fmla="*/ 3991789 w 6858000"/>
              <a:gd name="connsiteY1113" fmla="*/ 4602781 h 6858000"/>
              <a:gd name="connsiteX1114" fmla="*/ 3992234 w 6858000"/>
              <a:gd name="connsiteY1114" fmla="*/ 4602781 h 6858000"/>
              <a:gd name="connsiteX1115" fmla="*/ 3992234 w 6858000"/>
              <a:gd name="connsiteY1115" fmla="*/ 4602337 h 6858000"/>
              <a:gd name="connsiteX1116" fmla="*/ 3868732 w 6858000"/>
              <a:gd name="connsiteY1116" fmla="*/ 4602337 h 6858000"/>
              <a:gd name="connsiteX1117" fmla="*/ 3868732 w 6858000"/>
              <a:gd name="connsiteY1117" fmla="*/ 4602781 h 6858000"/>
              <a:gd name="connsiteX1118" fmla="*/ 3869176 w 6858000"/>
              <a:gd name="connsiteY1118" fmla="*/ 4602781 h 6858000"/>
              <a:gd name="connsiteX1119" fmla="*/ 3869176 w 6858000"/>
              <a:gd name="connsiteY1119" fmla="*/ 4602337 h 6858000"/>
              <a:gd name="connsiteX1120" fmla="*/ 3745675 w 6858000"/>
              <a:gd name="connsiteY1120" fmla="*/ 4602337 h 6858000"/>
              <a:gd name="connsiteX1121" fmla="*/ 3745675 w 6858000"/>
              <a:gd name="connsiteY1121" fmla="*/ 4602781 h 6858000"/>
              <a:gd name="connsiteX1122" fmla="*/ 3746119 w 6858000"/>
              <a:gd name="connsiteY1122" fmla="*/ 4602781 h 6858000"/>
              <a:gd name="connsiteX1123" fmla="*/ 3746119 w 6858000"/>
              <a:gd name="connsiteY1123" fmla="*/ 4602337 h 6858000"/>
              <a:gd name="connsiteX1124" fmla="*/ 3622617 w 6858000"/>
              <a:gd name="connsiteY1124" fmla="*/ 4602337 h 6858000"/>
              <a:gd name="connsiteX1125" fmla="*/ 3622617 w 6858000"/>
              <a:gd name="connsiteY1125" fmla="*/ 4602781 h 6858000"/>
              <a:gd name="connsiteX1126" fmla="*/ 3623061 w 6858000"/>
              <a:gd name="connsiteY1126" fmla="*/ 4602781 h 6858000"/>
              <a:gd name="connsiteX1127" fmla="*/ 3623061 w 6858000"/>
              <a:gd name="connsiteY1127" fmla="*/ 4602337 h 6858000"/>
              <a:gd name="connsiteX1128" fmla="*/ 3499523 w 6858000"/>
              <a:gd name="connsiteY1128" fmla="*/ 4602337 h 6858000"/>
              <a:gd name="connsiteX1129" fmla="*/ 3499523 w 6858000"/>
              <a:gd name="connsiteY1129" fmla="*/ 4602781 h 6858000"/>
              <a:gd name="connsiteX1130" fmla="*/ 3499967 w 6858000"/>
              <a:gd name="connsiteY1130" fmla="*/ 4602781 h 6858000"/>
              <a:gd name="connsiteX1131" fmla="*/ 3499967 w 6858000"/>
              <a:gd name="connsiteY1131" fmla="*/ 4602337 h 6858000"/>
              <a:gd name="connsiteX1132" fmla="*/ 3376281 w 6858000"/>
              <a:gd name="connsiteY1132" fmla="*/ 4602152 h 6858000"/>
              <a:gd name="connsiteX1133" fmla="*/ 3376281 w 6858000"/>
              <a:gd name="connsiteY1133" fmla="*/ 4603004 h 6858000"/>
              <a:gd name="connsiteX1134" fmla="*/ 3377133 w 6858000"/>
              <a:gd name="connsiteY1134" fmla="*/ 4603004 h 6858000"/>
              <a:gd name="connsiteX1135" fmla="*/ 3377133 w 6858000"/>
              <a:gd name="connsiteY1135" fmla="*/ 4602152 h 6858000"/>
              <a:gd name="connsiteX1136" fmla="*/ 3253186 w 6858000"/>
              <a:gd name="connsiteY1136" fmla="*/ 4602152 h 6858000"/>
              <a:gd name="connsiteX1137" fmla="*/ 3253186 w 6858000"/>
              <a:gd name="connsiteY1137" fmla="*/ 4603004 h 6858000"/>
              <a:gd name="connsiteX1138" fmla="*/ 3254038 w 6858000"/>
              <a:gd name="connsiteY1138" fmla="*/ 4603004 h 6858000"/>
              <a:gd name="connsiteX1139" fmla="*/ 3254038 w 6858000"/>
              <a:gd name="connsiteY1139" fmla="*/ 4602152 h 6858000"/>
              <a:gd name="connsiteX1140" fmla="*/ 3129944 w 6858000"/>
              <a:gd name="connsiteY1140" fmla="*/ 4601930 h 6858000"/>
              <a:gd name="connsiteX1141" fmla="*/ 3129944 w 6858000"/>
              <a:gd name="connsiteY1141" fmla="*/ 4603226 h 6858000"/>
              <a:gd name="connsiteX1142" fmla="*/ 3131240 w 6858000"/>
              <a:gd name="connsiteY1142" fmla="*/ 4603226 h 6858000"/>
              <a:gd name="connsiteX1143" fmla="*/ 3131240 w 6858000"/>
              <a:gd name="connsiteY1143" fmla="*/ 4601930 h 6858000"/>
              <a:gd name="connsiteX1144" fmla="*/ 3006849 w 6858000"/>
              <a:gd name="connsiteY1144" fmla="*/ 4601930 h 6858000"/>
              <a:gd name="connsiteX1145" fmla="*/ 3006849 w 6858000"/>
              <a:gd name="connsiteY1145" fmla="*/ 4603226 h 6858000"/>
              <a:gd name="connsiteX1146" fmla="*/ 3008145 w 6858000"/>
              <a:gd name="connsiteY1146" fmla="*/ 4603226 h 6858000"/>
              <a:gd name="connsiteX1147" fmla="*/ 3008145 w 6858000"/>
              <a:gd name="connsiteY1147" fmla="*/ 4601930 h 6858000"/>
              <a:gd name="connsiteX1148" fmla="*/ 2883607 w 6858000"/>
              <a:gd name="connsiteY1148" fmla="*/ 4601708 h 6858000"/>
              <a:gd name="connsiteX1149" fmla="*/ 2883607 w 6858000"/>
              <a:gd name="connsiteY1149" fmla="*/ 4603448 h 6858000"/>
              <a:gd name="connsiteX1150" fmla="*/ 2885347 w 6858000"/>
              <a:gd name="connsiteY1150" fmla="*/ 4603448 h 6858000"/>
              <a:gd name="connsiteX1151" fmla="*/ 2885347 w 6858000"/>
              <a:gd name="connsiteY1151" fmla="*/ 4601708 h 6858000"/>
              <a:gd name="connsiteX1152" fmla="*/ 2760327 w 6858000"/>
              <a:gd name="connsiteY1152" fmla="*/ 4601485 h 6858000"/>
              <a:gd name="connsiteX1153" fmla="*/ 2760327 w 6858000"/>
              <a:gd name="connsiteY1153" fmla="*/ 4603670 h 6858000"/>
              <a:gd name="connsiteX1154" fmla="*/ 2762512 w 6858000"/>
              <a:gd name="connsiteY1154" fmla="*/ 4603670 h 6858000"/>
              <a:gd name="connsiteX1155" fmla="*/ 2762512 w 6858000"/>
              <a:gd name="connsiteY1155" fmla="*/ 4601485 h 6858000"/>
              <a:gd name="connsiteX1156" fmla="*/ 2637048 w 6858000"/>
              <a:gd name="connsiteY1156" fmla="*/ 4601300 h 6858000"/>
              <a:gd name="connsiteX1157" fmla="*/ 2637048 w 6858000"/>
              <a:gd name="connsiteY1157" fmla="*/ 4603892 h 6858000"/>
              <a:gd name="connsiteX1158" fmla="*/ 2639640 w 6858000"/>
              <a:gd name="connsiteY1158" fmla="*/ 4603892 h 6858000"/>
              <a:gd name="connsiteX1159" fmla="*/ 2639640 w 6858000"/>
              <a:gd name="connsiteY1159" fmla="*/ 4601300 h 6858000"/>
              <a:gd name="connsiteX1160" fmla="*/ 2513768 w 6858000"/>
              <a:gd name="connsiteY1160" fmla="*/ 4601040 h 6858000"/>
              <a:gd name="connsiteX1161" fmla="*/ 2513768 w 6858000"/>
              <a:gd name="connsiteY1161" fmla="*/ 4604077 h 6858000"/>
              <a:gd name="connsiteX1162" fmla="*/ 2516805 w 6858000"/>
              <a:gd name="connsiteY1162" fmla="*/ 4604077 h 6858000"/>
              <a:gd name="connsiteX1163" fmla="*/ 2516805 w 6858000"/>
              <a:gd name="connsiteY1163" fmla="*/ 4601040 h 6858000"/>
              <a:gd name="connsiteX1164" fmla="*/ 2390489 w 6858000"/>
              <a:gd name="connsiteY1164" fmla="*/ 4600819 h 6858000"/>
              <a:gd name="connsiteX1165" fmla="*/ 2390489 w 6858000"/>
              <a:gd name="connsiteY1165" fmla="*/ 4604300 h 6858000"/>
              <a:gd name="connsiteX1166" fmla="*/ 2393970 w 6858000"/>
              <a:gd name="connsiteY1166" fmla="*/ 4604300 h 6858000"/>
              <a:gd name="connsiteX1167" fmla="*/ 2393970 w 6858000"/>
              <a:gd name="connsiteY1167" fmla="*/ 4600819 h 6858000"/>
              <a:gd name="connsiteX1168" fmla="*/ 2267209 w 6858000"/>
              <a:gd name="connsiteY1168" fmla="*/ 4600597 h 6858000"/>
              <a:gd name="connsiteX1169" fmla="*/ 2267209 w 6858000"/>
              <a:gd name="connsiteY1169" fmla="*/ 4604522 h 6858000"/>
              <a:gd name="connsiteX1170" fmla="*/ 2271134 w 6858000"/>
              <a:gd name="connsiteY1170" fmla="*/ 4604522 h 6858000"/>
              <a:gd name="connsiteX1171" fmla="*/ 2271134 w 6858000"/>
              <a:gd name="connsiteY1171" fmla="*/ 4600597 h 6858000"/>
              <a:gd name="connsiteX1172" fmla="*/ 2143930 w 6858000"/>
              <a:gd name="connsiteY1172" fmla="*/ 4600411 h 6858000"/>
              <a:gd name="connsiteX1173" fmla="*/ 2143930 w 6858000"/>
              <a:gd name="connsiteY1173" fmla="*/ 4604744 h 6858000"/>
              <a:gd name="connsiteX1174" fmla="*/ 2148263 w 6858000"/>
              <a:gd name="connsiteY1174" fmla="*/ 4604744 h 6858000"/>
              <a:gd name="connsiteX1175" fmla="*/ 2148263 w 6858000"/>
              <a:gd name="connsiteY1175" fmla="*/ 4600411 h 6858000"/>
              <a:gd name="connsiteX1176" fmla="*/ 2020650 w 6858000"/>
              <a:gd name="connsiteY1176" fmla="*/ 4600189 h 6858000"/>
              <a:gd name="connsiteX1177" fmla="*/ 2020650 w 6858000"/>
              <a:gd name="connsiteY1177" fmla="*/ 4604966 h 6858000"/>
              <a:gd name="connsiteX1178" fmla="*/ 2025427 w 6858000"/>
              <a:gd name="connsiteY1178" fmla="*/ 4604966 h 6858000"/>
              <a:gd name="connsiteX1179" fmla="*/ 2025427 w 6858000"/>
              <a:gd name="connsiteY1179" fmla="*/ 4600189 h 6858000"/>
              <a:gd name="connsiteX1180" fmla="*/ 1897371 w 6858000"/>
              <a:gd name="connsiteY1180" fmla="*/ 4599967 h 6858000"/>
              <a:gd name="connsiteX1181" fmla="*/ 1897371 w 6858000"/>
              <a:gd name="connsiteY1181" fmla="*/ 4605188 h 6858000"/>
              <a:gd name="connsiteX1182" fmla="*/ 1902592 w 6858000"/>
              <a:gd name="connsiteY1182" fmla="*/ 4605188 h 6858000"/>
              <a:gd name="connsiteX1183" fmla="*/ 1902592 w 6858000"/>
              <a:gd name="connsiteY1183" fmla="*/ 4599967 h 6858000"/>
              <a:gd name="connsiteX1184" fmla="*/ 1774091 w 6858000"/>
              <a:gd name="connsiteY1184" fmla="*/ 4599782 h 6858000"/>
              <a:gd name="connsiteX1185" fmla="*/ 1774091 w 6858000"/>
              <a:gd name="connsiteY1185" fmla="*/ 4605411 h 6858000"/>
              <a:gd name="connsiteX1186" fmla="*/ 1779720 w 6858000"/>
              <a:gd name="connsiteY1186" fmla="*/ 4605411 h 6858000"/>
              <a:gd name="connsiteX1187" fmla="*/ 1779720 w 6858000"/>
              <a:gd name="connsiteY1187" fmla="*/ 4599782 h 6858000"/>
              <a:gd name="connsiteX1188" fmla="*/ 1650812 w 6858000"/>
              <a:gd name="connsiteY1188" fmla="*/ 4599560 h 6858000"/>
              <a:gd name="connsiteX1189" fmla="*/ 1650812 w 6858000"/>
              <a:gd name="connsiteY1189" fmla="*/ 4605633 h 6858000"/>
              <a:gd name="connsiteX1190" fmla="*/ 1656885 w 6858000"/>
              <a:gd name="connsiteY1190" fmla="*/ 4605633 h 6858000"/>
              <a:gd name="connsiteX1191" fmla="*/ 1656885 w 6858000"/>
              <a:gd name="connsiteY1191" fmla="*/ 4599560 h 6858000"/>
              <a:gd name="connsiteX1192" fmla="*/ 1527754 w 6858000"/>
              <a:gd name="connsiteY1192" fmla="*/ 4599560 h 6858000"/>
              <a:gd name="connsiteX1193" fmla="*/ 1527754 w 6858000"/>
              <a:gd name="connsiteY1193" fmla="*/ 4605633 h 6858000"/>
              <a:gd name="connsiteX1194" fmla="*/ 1533827 w 6858000"/>
              <a:gd name="connsiteY1194" fmla="*/ 4605633 h 6858000"/>
              <a:gd name="connsiteX1195" fmla="*/ 1533827 w 6858000"/>
              <a:gd name="connsiteY1195" fmla="*/ 4599560 h 6858000"/>
              <a:gd name="connsiteX1196" fmla="*/ 1404475 w 6858000"/>
              <a:gd name="connsiteY1196" fmla="*/ 4599300 h 6858000"/>
              <a:gd name="connsiteX1197" fmla="*/ 1404475 w 6858000"/>
              <a:gd name="connsiteY1197" fmla="*/ 4605818 h 6858000"/>
              <a:gd name="connsiteX1198" fmla="*/ 1410993 w 6858000"/>
              <a:gd name="connsiteY1198" fmla="*/ 4605818 h 6858000"/>
              <a:gd name="connsiteX1199" fmla="*/ 1410993 w 6858000"/>
              <a:gd name="connsiteY1199" fmla="*/ 4599300 h 6858000"/>
              <a:gd name="connsiteX1200" fmla="*/ 1281418 w 6858000"/>
              <a:gd name="connsiteY1200" fmla="*/ 4599300 h 6858000"/>
              <a:gd name="connsiteX1201" fmla="*/ 1281418 w 6858000"/>
              <a:gd name="connsiteY1201" fmla="*/ 4605818 h 6858000"/>
              <a:gd name="connsiteX1202" fmla="*/ 1287936 w 6858000"/>
              <a:gd name="connsiteY1202" fmla="*/ 4605818 h 6858000"/>
              <a:gd name="connsiteX1203" fmla="*/ 1287936 w 6858000"/>
              <a:gd name="connsiteY1203" fmla="*/ 4599300 h 6858000"/>
              <a:gd name="connsiteX1204" fmla="*/ 1158138 w 6858000"/>
              <a:gd name="connsiteY1204" fmla="*/ 4599078 h 6858000"/>
              <a:gd name="connsiteX1205" fmla="*/ 1158138 w 6858000"/>
              <a:gd name="connsiteY1205" fmla="*/ 4606040 h 6858000"/>
              <a:gd name="connsiteX1206" fmla="*/ 1165100 w 6858000"/>
              <a:gd name="connsiteY1206" fmla="*/ 4606040 h 6858000"/>
              <a:gd name="connsiteX1207" fmla="*/ 1165100 w 6858000"/>
              <a:gd name="connsiteY1207" fmla="*/ 4599078 h 6858000"/>
              <a:gd name="connsiteX1208" fmla="*/ 1035081 w 6858000"/>
              <a:gd name="connsiteY1208" fmla="*/ 4599078 h 6858000"/>
              <a:gd name="connsiteX1209" fmla="*/ 1035081 w 6858000"/>
              <a:gd name="connsiteY1209" fmla="*/ 4606040 h 6858000"/>
              <a:gd name="connsiteX1210" fmla="*/ 1042043 w 6858000"/>
              <a:gd name="connsiteY1210" fmla="*/ 4606040 h 6858000"/>
              <a:gd name="connsiteX1211" fmla="*/ 1042043 w 6858000"/>
              <a:gd name="connsiteY1211" fmla="*/ 4599078 h 6858000"/>
              <a:gd name="connsiteX1212" fmla="*/ 912024 w 6858000"/>
              <a:gd name="connsiteY1212" fmla="*/ 4599078 h 6858000"/>
              <a:gd name="connsiteX1213" fmla="*/ 912024 w 6858000"/>
              <a:gd name="connsiteY1213" fmla="*/ 4606040 h 6858000"/>
              <a:gd name="connsiteX1214" fmla="*/ 918986 w 6858000"/>
              <a:gd name="connsiteY1214" fmla="*/ 4606040 h 6858000"/>
              <a:gd name="connsiteX1215" fmla="*/ 918986 w 6858000"/>
              <a:gd name="connsiteY1215" fmla="*/ 4599078 h 6858000"/>
              <a:gd name="connsiteX1216" fmla="*/ 788966 w 6858000"/>
              <a:gd name="connsiteY1216" fmla="*/ 4599078 h 6858000"/>
              <a:gd name="connsiteX1217" fmla="*/ 788966 w 6858000"/>
              <a:gd name="connsiteY1217" fmla="*/ 4606040 h 6858000"/>
              <a:gd name="connsiteX1218" fmla="*/ 795928 w 6858000"/>
              <a:gd name="connsiteY1218" fmla="*/ 4606040 h 6858000"/>
              <a:gd name="connsiteX1219" fmla="*/ 795928 w 6858000"/>
              <a:gd name="connsiteY1219" fmla="*/ 4599078 h 6858000"/>
              <a:gd name="connsiteX1220" fmla="*/ 665909 w 6858000"/>
              <a:gd name="connsiteY1220" fmla="*/ 4599078 h 6858000"/>
              <a:gd name="connsiteX1221" fmla="*/ 665909 w 6858000"/>
              <a:gd name="connsiteY1221" fmla="*/ 4606040 h 6858000"/>
              <a:gd name="connsiteX1222" fmla="*/ 672871 w 6858000"/>
              <a:gd name="connsiteY1222" fmla="*/ 4606040 h 6858000"/>
              <a:gd name="connsiteX1223" fmla="*/ 672871 w 6858000"/>
              <a:gd name="connsiteY1223" fmla="*/ 4599078 h 6858000"/>
              <a:gd name="connsiteX1224" fmla="*/ 542629 w 6858000"/>
              <a:gd name="connsiteY1224" fmla="*/ 4598893 h 6858000"/>
              <a:gd name="connsiteX1225" fmla="*/ 542629 w 6858000"/>
              <a:gd name="connsiteY1225" fmla="*/ 4606262 h 6858000"/>
              <a:gd name="connsiteX1226" fmla="*/ 549998 w 6858000"/>
              <a:gd name="connsiteY1226" fmla="*/ 4606262 h 6858000"/>
              <a:gd name="connsiteX1227" fmla="*/ 549998 w 6858000"/>
              <a:gd name="connsiteY1227" fmla="*/ 4598893 h 6858000"/>
              <a:gd name="connsiteX1228" fmla="*/ 419572 w 6858000"/>
              <a:gd name="connsiteY1228" fmla="*/ 4598893 h 6858000"/>
              <a:gd name="connsiteX1229" fmla="*/ 419572 w 6858000"/>
              <a:gd name="connsiteY1229" fmla="*/ 4606262 h 6858000"/>
              <a:gd name="connsiteX1230" fmla="*/ 426941 w 6858000"/>
              <a:gd name="connsiteY1230" fmla="*/ 4606262 h 6858000"/>
              <a:gd name="connsiteX1231" fmla="*/ 426941 w 6858000"/>
              <a:gd name="connsiteY1231" fmla="*/ 4598893 h 6858000"/>
              <a:gd name="connsiteX1232" fmla="*/ 296515 w 6858000"/>
              <a:gd name="connsiteY1232" fmla="*/ 4598893 h 6858000"/>
              <a:gd name="connsiteX1233" fmla="*/ 296515 w 6858000"/>
              <a:gd name="connsiteY1233" fmla="*/ 4606262 h 6858000"/>
              <a:gd name="connsiteX1234" fmla="*/ 303884 w 6858000"/>
              <a:gd name="connsiteY1234" fmla="*/ 4606262 h 6858000"/>
              <a:gd name="connsiteX1235" fmla="*/ 303884 w 6858000"/>
              <a:gd name="connsiteY1235" fmla="*/ 4598893 h 6858000"/>
              <a:gd name="connsiteX1236" fmla="*/ 50400 w 6858000"/>
              <a:gd name="connsiteY1236" fmla="*/ 4598893 h 6858000"/>
              <a:gd name="connsiteX1237" fmla="*/ 50400 w 6858000"/>
              <a:gd name="connsiteY1237" fmla="*/ 4606262 h 6858000"/>
              <a:gd name="connsiteX1238" fmla="*/ 57769 w 6858000"/>
              <a:gd name="connsiteY1238" fmla="*/ 4606262 h 6858000"/>
              <a:gd name="connsiteX1239" fmla="*/ 57769 w 6858000"/>
              <a:gd name="connsiteY1239" fmla="*/ 4598893 h 6858000"/>
              <a:gd name="connsiteX1240" fmla="*/ 173235 w 6858000"/>
              <a:gd name="connsiteY1240" fmla="*/ 4598671 h 6858000"/>
              <a:gd name="connsiteX1241" fmla="*/ 173235 w 6858000"/>
              <a:gd name="connsiteY1241" fmla="*/ 4606485 h 6858000"/>
              <a:gd name="connsiteX1242" fmla="*/ 181049 w 6858000"/>
              <a:gd name="connsiteY1242" fmla="*/ 4606485 h 6858000"/>
              <a:gd name="connsiteX1243" fmla="*/ 181049 w 6858000"/>
              <a:gd name="connsiteY1243" fmla="*/ 4598671 h 6858000"/>
              <a:gd name="connsiteX1244" fmla="*/ 4360961 w 6858000"/>
              <a:gd name="connsiteY1244" fmla="*/ 4479280 h 6858000"/>
              <a:gd name="connsiteX1245" fmla="*/ 4360961 w 6858000"/>
              <a:gd name="connsiteY1245" fmla="*/ 4479724 h 6858000"/>
              <a:gd name="connsiteX1246" fmla="*/ 4361405 w 6858000"/>
              <a:gd name="connsiteY1246" fmla="*/ 4479724 h 6858000"/>
              <a:gd name="connsiteX1247" fmla="*/ 4361405 w 6858000"/>
              <a:gd name="connsiteY1247" fmla="*/ 4479280 h 6858000"/>
              <a:gd name="connsiteX1248" fmla="*/ 4237904 w 6858000"/>
              <a:gd name="connsiteY1248" fmla="*/ 4479280 h 6858000"/>
              <a:gd name="connsiteX1249" fmla="*/ 4237904 w 6858000"/>
              <a:gd name="connsiteY1249" fmla="*/ 4479724 h 6858000"/>
              <a:gd name="connsiteX1250" fmla="*/ 4238348 w 6858000"/>
              <a:gd name="connsiteY1250" fmla="*/ 4479724 h 6858000"/>
              <a:gd name="connsiteX1251" fmla="*/ 4238348 w 6858000"/>
              <a:gd name="connsiteY1251" fmla="*/ 4479280 h 6858000"/>
              <a:gd name="connsiteX1252" fmla="*/ 4114847 w 6858000"/>
              <a:gd name="connsiteY1252" fmla="*/ 4479280 h 6858000"/>
              <a:gd name="connsiteX1253" fmla="*/ 4114847 w 6858000"/>
              <a:gd name="connsiteY1253" fmla="*/ 4479724 h 6858000"/>
              <a:gd name="connsiteX1254" fmla="*/ 4115291 w 6858000"/>
              <a:gd name="connsiteY1254" fmla="*/ 4479724 h 6858000"/>
              <a:gd name="connsiteX1255" fmla="*/ 4115291 w 6858000"/>
              <a:gd name="connsiteY1255" fmla="*/ 4479280 h 6858000"/>
              <a:gd name="connsiteX1256" fmla="*/ 3991789 w 6858000"/>
              <a:gd name="connsiteY1256" fmla="*/ 4479280 h 6858000"/>
              <a:gd name="connsiteX1257" fmla="*/ 3991789 w 6858000"/>
              <a:gd name="connsiteY1257" fmla="*/ 4479724 h 6858000"/>
              <a:gd name="connsiteX1258" fmla="*/ 3992234 w 6858000"/>
              <a:gd name="connsiteY1258" fmla="*/ 4479724 h 6858000"/>
              <a:gd name="connsiteX1259" fmla="*/ 3992234 w 6858000"/>
              <a:gd name="connsiteY1259" fmla="*/ 4479280 h 6858000"/>
              <a:gd name="connsiteX1260" fmla="*/ 3868732 w 6858000"/>
              <a:gd name="connsiteY1260" fmla="*/ 4479280 h 6858000"/>
              <a:gd name="connsiteX1261" fmla="*/ 3868732 w 6858000"/>
              <a:gd name="connsiteY1261" fmla="*/ 4479724 h 6858000"/>
              <a:gd name="connsiteX1262" fmla="*/ 3869176 w 6858000"/>
              <a:gd name="connsiteY1262" fmla="*/ 4479724 h 6858000"/>
              <a:gd name="connsiteX1263" fmla="*/ 3869176 w 6858000"/>
              <a:gd name="connsiteY1263" fmla="*/ 4479280 h 6858000"/>
              <a:gd name="connsiteX1264" fmla="*/ 3745675 w 6858000"/>
              <a:gd name="connsiteY1264" fmla="*/ 4479280 h 6858000"/>
              <a:gd name="connsiteX1265" fmla="*/ 3745675 w 6858000"/>
              <a:gd name="connsiteY1265" fmla="*/ 4479724 h 6858000"/>
              <a:gd name="connsiteX1266" fmla="*/ 3746119 w 6858000"/>
              <a:gd name="connsiteY1266" fmla="*/ 4479724 h 6858000"/>
              <a:gd name="connsiteX1267" fmla="*/ 3746119 w 6858000"/>
              <a:gd name="connsiteY1267" fmla="*/ 4479280 h 6858000"/>
              <a:gd name="connsiteX1268" fmla="*/ 3622617 w 6858000"/>
              <a:gd name="connsiteY1268" fmla="*/ 4479280 h 6858000"/>
              <a:gd name="connsiteX1269" fmla="*/ 3622617 w 6858000"/>
              <a:gd name="connsiteY1269" fmla="*/ 4479724 h 6858000"/>
              <a:gd name="connsiteX1270" fmla="*/ 3623061 w 6858000"/>
              <a:gd name="connsiteY1270" fmla="*/ 4479724 h 6858000"/>
              <a:gd name="connsiteX1271" fmla="*/ 3623061 w 6858000"/>
              <a:gd name="connsiteY1271" fmla="*/ 4479280 h 6858000"/>
              <a:gd name="connsiteX1272" fmla="*/ 3499338 w 6858000"/>
              <a:gd name="connsiteY1272" fmla="*/ 4479094 h 6858000"/>
              <a:gd name="connsiteX1273" fmla="*/ 3499338 w 6858000"/>
              <a:gd name="connsiteY1273" fmla="*/ 4479946 h 6858000"/>
              <a:gd name="connsiteX1274" fmla="*/ 3500190 w 6858000"/>
              <a:gd name="connsiteY1274" fmla="*/ 4479946 h 6858000"/>
              <a:gd name="connsiteX1275" fmla="*/ 3500190 w 6858000"/>
              <a:gd name="connsiteY1275" fmla="*/ 4479094 h 6858000"/>
              <a:gd name="connsiteX1276" fmla="*/ 3376281 w 6858000"/>
              <a:gd name="connsiteY1276" fmla="*/ 4479094 h 6858000"/>
              <a:gd name="connsiteX1277" fmla="*/ 3376281 w 6858000"/>
              <a:gd name="connsiteY1277" fmla="*/ 4479946 h 6858000"/>
              <a:gd name="connsiteX1278" fmla="*/ 3377133 w 6858000"/>
              <a:gd name="connsiteY1278" fmla="*/ 4479946 h 6858000"/>
              <a:gd name="connsiteX1279" fmla="*/ 3377133 w 6858000"/>
              <a:gd name="connsiteY1279" fmla="*/ 4479094 h 6858000"/>
              <a:gd name="connsiteX1280" fmla="*/ 3253001 w 6858000"/>
              <a:gd name="connsiteY1280" fmla="*/ 4478872 h 6858000"/>
              <a:gd name="connsiteX1281" fmla="*/ 3253001 w 6858000"/>
              <a:gd name="connsiteY1281" fmla="*/ 4480168 h 6858000"/>
              <a:gd name="connsiteX1282" fmla="*/ 3254297 w 6858000"/>
              <a:gd name="connsiteY1282" fmla="*/ 4480168 h 6858000"/>
              <a:gd name="connsiteX1283" fmla="*/ 3254297 w 6858000"/>
              <a:gd name="connsiteY1283" fmla="*/ 4478872 h 6858000"/>
              <a:gd name="connsiteX1284" fmla="*/ 3129944 w 6858000"/>
              <a:gd name="connsiteY1284" fmla="*/ 4478872 h 6858000"/>
              <a:gd name="connsiteX1285" fmla="*/ 3129944 w 6858000"/>
              <a:gd name="connsiteY1285" fmla="*/ 4480168 h 6858000"/>
              <a:gd name="connsiteX1286" fmla="*/ 3131240 w 6858000"/>
              <a:gd name="connsiteY1286" fmla="*/ 4480168 h 6858000"/>
              <a:gd name="connsiteX1287" fmla="*/ 3131240 w 6858000"/>
              <a:gd name="connsiteY1287" fmla="*/ 4478872 h 6858000"/>
              <a:gd name="connsiteX1288" fmla="*/ 3006664 w 6858000"/>
              <a:gd name="connsiteY1288" fmla="*/ 4478650 h 6858000"/>
              <a:gd name="connsiteX1289" fmla="*/ 3006664 w 6858000"/>
              <a:gd name="connsiteY1289" fmla="*/ 4480391 h 6858000"/>
              <a:gd name="connsiteX1290" fmla="*/ 3008404 w 6858000"/>
              <a:gd name="connsiteY1290" fmla="*/ 4480391 h 6858000"/>
              <a:gd name="connsiteX1291" fmla="*/ 3008404 w 6858000"/>
              <a:gd name="connsiteY1291" fmla="*/ 4478650 h 6858000"/>
              <a:gd name="connsiteX1292" fmla="*/ 2883385 w 6858000"/>
              <a:gd name="connsiteY1292" fmla="*/ 4478428 h 6858000"/>
              <a:gd name="connsiteX1293" fmla="*/ 2883385 w 6858000"/>
              <a:gd name="connsiteY1293" fmla="*/ 4480613 h 6858000"/>
              <a:gd name="connsiteX1294" fmla="*/ 2885570 w 6858000"/>
              <a:gd name="connsiteY1294" fmla="*/ 4480613 h 6858000"/>
              <a:gd name="connsiteX1295" fmla="*/ 2885570 w 6858000"/>
              <a:gd name="connsiteY1295" fmla="*/ 4478428 h 6858000"/>
              <a:gd name="connsiteX1296" fmla="*/ 2760105 w 6858000"/>
              <a:gd name="connsiteY1296" fmla="*/ 4478243 h 6858000"/>
              <a:gd name="connsiteX1297" fmla="*/ 2760105 w 6858000"/>
              <a:gd name="connsiteY1297" fmla="*/ 4480835 h 6858000"/>
              <a:gd name="connsiteX1298" fmla="*/ 2762697 w 6858000"/>
              <a:gd name="connsiteY1298" fmla="*/ 4480835 h 6858000"/>
              <a:gd name="connsiteX1299" fmla="*/ 2762697 w 6858000"/>
              <a:gd name="connsiteY1299" fmla="*/ 4478243 h 6858000"/>
              <a:gd name="connsiteX1300" fmla="*/ 2636826 w 6858000"/>
              <a:gd name="connsiteY1300" fmla="*/ 4477983 h 6858000"/>
              <a:gd name="connsiteX1301" fmla="*/ 2636826 w 6858000"/>
              <a:gd name="connsiteY1301" fmla="*/ 4481020 h 6858000"/>
              <a:gd name="connsiteX1302" fmla="*/ 2639863 w 6858000"/>
              <a:gd name="connsiteY1302" fmla="*/ 4481020 h 6858000"/>
              <a:gd name="connsiteX1303" fmla="*/ 2639863 w 6858000"/>
              <a:gd name="connsiteY1303" fmla="*/ 4477983 h 6858000"/>
              <a:gd name="connsiteX1304" fmla="*/ 2513546 w 6858000"/>
              <a:gd name="connsiteY1304" fmla="*/ 4477761 h 6858000"/>
              <a:gd name="connsiteX1305" fmla="*/ 2513546 w 6858000"/>
              <a:gd name="connsiteY1305" fmla="*/ 4481242 h 6858000"/>
              <a:gd name="connsiteX1306" fmla="*/ 2517027 w 6858000"/>
              <a:gd name="connsiteY1306" fmla="*/ 4481242 h 6858000"/>
              <a:gd name="connsiteX1307" fmla="*/ 2517027 w 6858000"/>
              <a:gd name="connsiteY1307" fmla="*/ 4477761 h 6858000"/>
              <a:gd name="connsiteX1308" fmla="*/ 2390267 w 6858000"/>
              <a:gd name="connsiteY1308" fmla="*/ 4477539 h 6858000"/>
              <a:gd name="connsiteX1309" fmla="*/ 2390267 w 6858000"/>
              <a:gd name="connsiteY1309" fmla="*/ 4481464 h 6858000"/>
              <a:gd name="connsiteX1310" fmla="*/ 2394192 w 6858000"/>
              <a:gd name="connsiteY1310" fmla="*/ 4481464 h 6858000"/>
              <a:gd name="connsiteX1311" fmla="*/ 2394192 w 6858000"/>
              <a:gd name="connsiteY1311" fmla="*/ 4477539 h 6858000"/>
              <a:gd name="connsiteX1312" fmla="*/ 2266765 w 6858000"/>
              <a:gd name="connsiteY1312" fmla="*/ 4477132 h 6858000"/>
              <a:gd name="connsiteX1313" fmla="*/ 2266765 w 6858000"/>
              <a:gd name="connsiteY1313" fmla="*/ 4481909 h 6858000"/>
              <a:gd name="connsiteX1314" fmla="*/ 2271542 w 6858000"/>
              <a:gd name="connsiteY1314" fmla="*/ 4481909 h 6858000"/>
              <a:gd name="connsiteX1315" fmla="*/ 2271542 w 6858000"/>
              <a:gd name="connsiteY1315" fmla="*/ 4477132 h 6858000"/>
              <a:gd name="connsiteX1316" fmla="*/ 2143485 w 6858000"/>
              <a:gd name="connsiteY1316" fmla="*/ 4476909 h 6858000"/>
              <a:gd name="connsiteX1317" fmla="*/ 2143485 w 6858000"/>
              <a:gd name="connsiteY1317" fmla="*/ 4482131 h 6858000"/>
              <a:gd name="connsiteX1318" fmla="*/ 2148706 w 6858000"/>
              <a:gd name="connsiteY1318" fmla="*/ 4482131 h 6858000"/>
              <a:gd name="connsiteX1319" fmla="*/ 2148706 w 6858000"/>
              <a:gd name="connsiteY1319" fmla="*/ 4476909 h 6858000"/>
              <a:gd name="connsiteX1320" fmla="*/ 2020206 w 6858000"/>
              <a:gd name="connsiteY1320" fmla="*/ 4476724 h 6858000"/>
              <a:gd name="connsiteX1321" fmla="*/ 2020206 w 6858000"/>
              <a:gd name="connsiteY1321" fmla="*/ 4482353 h 6858000"/>
              <a:gd name="connsiteX1322" fmla="*/ 2025835 w 6858000"/>
              <a:gd name="connsiteY1322" fmla="*/ 4482353 h 6858000"/>
              <a:gd name="connsiteX1323" fmla="*/ 2025835 w 6858000"/>
              <a:gd name="connsiteY1323" fmla="*/ 4476724 h 6858000"/>
              <a:gd name="connsiteX1324" fmla="*/ 1896704 w 6858000"/>
              <a:gd name="connsiteY1324" fmla="*/ 4476243 h 6858000"/>
              <a:gd name="connsiteX1325" fmla="*/ 1896704 w 6858000"/>
              <a:gd name="connsiteY1325" fmla="*/ 4482761 h 6858000"/>
              <a:gd name="connsiteX1326" fmla="*/ 1903222 w 6858000"/>
              <a:gd name="connsiteY1326" fmla="*/ 4482761 h 6858000"/>
              <a:gd name="connsiteX1327" fmla="*/ 1903222 w 6858000"/>
              <a:gd name="connsiteY1327" fmla="*/ 4476243 h 6858000"/>
              <a:gd name="connsiteX1328" fmla="*/ 1773425 w 6858000"/>
              <a:gd name="connsiteY1328" fmla="*/ 4476021 h 6858000"/>
              <a:gd name="connsiteX1329" fmla="*/ 1773425 w 6858000"/>
              <a:gd name="connsiteY1329" fmla="*/ 4482983 h 6858000"/>
              <a:gd name="connsiteX1330" fmla="*/ 1780387 w 6858000"/>
              <a:gd name="connsiteY1330" fmla="*/ 4482983 h 6858000"/>
              <a:gd name="connsiteX1331" fmla="*/ 1780387 w 6858000"/>
              <a:gd name="connsiteY1331" fmla="*/ 4476021 h 6858000"/>
              <a:gd name="connsiteX1332" fmla="*/ 1650182 w 6858000"/>
              <a:gd name="connsiteY1332" fmla="*/ 4475836 h 6858000"/>
              <a:gd name="connsiteX1333" fmla="*/ 1650182 w 6858000"/>
              <a:gd name="connsiteY1333" fmla="*/ 4483205 h 6858000"/>
              <a:gd name="connsiteX1334" fmla="*/ 1657551 w 6858000"/>
              <a:gd name="connsiteY1334" fmla="*/ 4483205 h 6858000"/>
              <a:gd name="connsiteX1335" fmla="*/ 1657551 w 6858000"/>
              <a:gd name="connsiteY1335" fmla="*/ 4475836 h 6858000"/>
              <a:gd name="connsiteX1336" fmla="*/ 1526903 w 6858000"/>
              <a:gd name="connsiteY1336" fmla="*/ 4475613 h 6858000"/>
              <a:gd name="connsiteX1337" fmla="*/ 1526903 w 6858000"/>
              <a:gd name="connsiteY1337" fmla="*/ 4483427 h 6858000"/>
              <a:gd name="connsiteX1338" fmla="*/ 1534717 w 6858000"/>
              <a:gd name="connsiteY1338" fmla="*/ 4483427 h 6858000"/>
              <a:gd name="connsiteX1339" fmla="*/ 1534717 w 6858000"/>
              <a:gd name="connsiteY1339" fmla="*/ 4475613 h 6858000"/>
              <a:gd name="connsiteX1340" fmla="*/ 1403623 w 6858000"/>
              <a:gd name="connsiteY1340" fmla="*/ 4475391 h 6858000"/>
              <a:gd name="connsiteX1341" fmla="*/ 1403623 w 6858000"/>
              <a:gd name="connsiteY1341" fmla="*/ 4483649 h 6858000"/>
              <a:gd name="connsiteX1342" fmla="*/ 1411881 w 6858000"/>
              <a:gd name="connsiteY1342" fmla="*/ 4483649 h 6858000"/>
              <a:gd name="connsiteX1343" fmla="*/ 1411881 w 6858000"/>
              <a:gd name="connsiteY1343" fmla="*/ 4475391 h 6858000"/>
              <a:gd name="connsiteX1344" fmla="*/ 1280344 w 6858000"/>
              <a:gd name="connsiteY1344" fmla="*/ 4475169 h 6858000"/>
              <a:gd name="connsiteX1345" fmla="*/ 1280344 w 6858000"/>
              <a:gd name="connsiteY1345" fmla="*/ 4483872 h 6858000"/>
              <a:gd name="connsiteX1346" fmla="*/ 1289047 w 6858000"/>
              <a:gd name="connsiteY1346" fmla="*/ 4483872 h 6858000"/>
              <a:gd name="connsiteX1347" fmla="*/ 1289047 w 6858000"/>
              <a:gd name="connsiteY1347" fmla="*/ 4475169 h 6858000"/>
              <a:gd name="connsiteX1348" fmla="*/ 1157064 w 6858000"/>
              <a:gd name="connsiteY1348" fmla="*/ 4474984 h 6858000"/>
              <a:gd name="connsiteX1349" fmla="*/ 1157064 w 6858000"/>
              <a:gd name="connsiteY1349" fmla="*/ 4484094 h 6858000"/>
              <a:gd name="connsiteX1350" fmla="*/ 1166174 w 6858000"/>
              <a:gd name="connsiteY1350" fmla="*/ 4484094 h 6858000"/>
              <a:gd name="connsiteX1351" fmla="*/ 1166174 w 6858000"/>
              <a:gd name="connsiteY1351" fmla="*/ 4474984 h 6858000"/>
              <a:gd name="connsiteX1352" fmla="*/ 1034007 w 6858000"/>
              <a:gd name="connsiteY1352" fmla="*/ 4474984 h 6858000"/>
              <a:gd name="connsiteX1353" fmla="*/ 1034007 w 6858000"/>
              <a:gd name="connsiteY1353" fmla="*/ 4484094 h 6858000"/>
              <a:gd name="connsiteX1354" fmla="*/ 1043117 w 6858000"/>
              <a:gd name="connsiteY1354" fmla="*/ 4484094 h 6858000"/>
              <a:gd name="connsiteX1355" fmla="*/ 1043117 w 6858000"/>
              <a:gd name="connsiteY1355" fmla="*/ 4474984 h 6858000"/>
              <a:gd name="connsiteX1356" fmla="*/ 910727 w 6858000"/>
              <a:gd name="connsiteY1356" fmla="*/ 4474725 h 6858000"/>
              <a:gd name="connsiteX1357" fmla="*/ 910727 w 6858000"/>
              <a:gd name="connsiteY1357" fmla="*/ 4484279 h 6858000"/>
              <a:gd name="connsiteX1358" fmla="*/ 920281 w 6858000"/>
              <a:gd name="connsiteY1358" fmla="*/ 4484279 h 6858000"/>
              <a:gd name="connsiteX1359" fmla="*/ 920281 w 6858000"/>
              <a:gd name="connsiteY1359" fmla="*/ 4474725 h 6858000"/>
              <a:gd name="connsiteX1360" fmla="*/ 787670 w 6858000"/>
              <a:gd name="connsiteY1360" fmla="*/ 4474725 h 6858000"/>
              <a:gd name="connsiteX1361" fmla="*/ 787670 w 6858000"/>
              <a:gd name="connsiteY1361" fmla="*/ 4484279 h 6858000"/>
              <a:gd name="connsiteX1362" fmla="*/ 797224 w 6858000"/>
              <a:gd name="connsiteY1362" fmla="*/ 4484279 h 6858000"/>
              <a:gd name="connsiteX1363" fmla="*/ 797224 w 6858000"/>
              <a:gd name="connsiteY1363" fmla="*/ 4474725 h 6858000"/>
              <a:gd name="connsiteX1364" fmla="*/ 664613 w 6858000"/>
              <a:gd name="connsiteY1364" fmla="*/ 4474725 h 6858000"/>
              <a:gd name="connsiteX1365" fmla="*/ 664613 w 6858000"/>
              <a:gd name="connsiteY1365" fmla="*/ 4484279 h 6858000"/>
              <a:gd name="connsiteX1366" fmla="*/ 674167 w 6858000"/>
              <a:gd name="connsiteY1366" fmla="*/ 4484279 h 6858000"/>
              <a:gd name="connsiteX1367" fmla="*/ 674167 w 6858000"/>
              <a:gd name="connsiteY1367" fmla="*/ 4474725 h 6858000"/>
              <a:gd name="connsiteX1368" fmla="*/ 541333 w 6858000"/>
              <a:gd name="connsiteY1368" fmla="*/ 4474502 h 6858000"/>
              <a:gd name="connsiteX1369" fmla="*/ 541333 w 6858000"/>
              <a:gd name="connsiteY1369" fmla="*/ 4484501 h 6858000"/>
              <a:gd name="connsiteX1370" fmla="*/ 551332 w 6858000"/>
              <a:gd name="connsiteY1370" fmla="*/ 4484501 h 6858000"/>
              <a:gd name="connsiteX1371" fmla="*/ 551332 w 6858000"/>
              <a:gd name="connsiteY1371" fmla="*/ 4474502 h 6858000"/>
              <a:gd name="connsiteX1372" fmla="*/ 418276 w 6858000"/>
              <a:gd name="connsiteY1372" fmla="*/ 4474502 h 6858000"/>
              <a:gd name="connsiteX1373" fmla="*/ 418276 w 6858000"/>
              <a:gd name="connsiteY1373" fmla="*/ 4484501 h 6858000"/>
              <a:gd name="connsiteX1374" fmla="*/ 428275 w 6858000"/>
              <a:gd name="connsiteY1374" fmla="*/ 4484501 h 6858000"/>
              <a:gd name="connsiteX1375" fmla="*/ 428275 w 6858000"/>
              <a:gd name="connsiteY1375" fmla="*/ 4474502 h 6858000"/>
              <a:gd name="connsiteX1376" fmla="*/ 294996 w 6858000"/>
              <a:gd name="connsiteY1376" fmla="*/ 4474317 h 6858000"/>
              <a:gd name="connsiteX1377" fmla="*/ 294996 w 6858000"/>
              <a:gd name="connsiteY1377" fmla="*/ 4484723 h 6858000"/>
              <a:gd name="connsiteX1378" fmla="*/ 305402 w 6858000"/>
              <a:gd name="connsiteY1378" fmla="*/ 4484723 h 6858000"/>
              <a:gd name="connsiteX1379" fmla="*/ 305402 w 6858000"/>
              <a:gd name="connsiteY1379" fmla="*/ 4474317 h 6858000"/>
              <a:gd name="connsiteX1380" fmla="*/ 171939 w 6858000"/>
              <a:gd name="connsiteY1380" fmla="*/ 4474317 h 6858000"/>
              <a:gd name="connsiteX1381" fmla="*/ 171939 w 6858000"/>
              <a:gd name="connsiteY1381" fmla="*/ 4484723 h 6858000"/>
              <a:gd name="connsiteX1382" fmla="*/ 182345 w 6858000"/>
              <a:gd name="connsiteY1382" fmla="*/ 4484723 h 6858000"/>
              <a:gd name="connsiteX1383" fmla="*/ 182345 w 6858000"/>
              <a:gd name="connsiteY1383" fmla="*/ 4474317 h 6858000"/>
              <a:gd name="connsiteX1384" fmla="*/ 48845 w 6858000"/>
              <a:gd name="connsiteY1384" fmla="*/ 4474317 h 6858000"/>
              <a:gd name="connsiteX1385" fmla="*/ 48845 w 6858000"/>
              <a:gd name="connsiteY1385" fmla="*/ 4484723 h 6858000"/>
              <a:gd name="connsiteX1386" fmla="*/ 59251 w 6858000"/>
              <a:gd name="connsiteY1386" fmla="*/ 4484723 h 6858000"/>
              <a:gd name="connsiteX1387" fmla="*/ 59251 w 6858000"/>
              <a:gd name="connsiteY1387" fmla="*/ 4474317 h 6858000"/>
              <a:gd name="connsiteX1388" fmla="*/ 4484019 w 6858000"/>
              <a:gd name="connsiteY1388" fmla="*/ 4356223 h 6858000"/>
              <a:gd name="connsiteX1389" fmla="*/ 4484019 w 6858000"/>
              <a:gd name="connsiteY1389" fmla="*/ 4356667 h 6858000"/>
              <a:gd name="connsiteX1390" fmla="*/ 4484463 w 6858000"/>
              <a:gd name="connsiteY1390" fmla="*/ 4356667 h 6858000"/>
              <a:gd name="connsiteX1391" fmla="*/ 4484463 w 6858000"/>
              <a:gd name="connsiteY1391" fmla="*/ 4356223 h 6858000"/>
              <a:gd name="connsiteX1392" fmla="*/ 4360961 w 6858000"/>
              <a:gd name="connsiteY1392" fmla="*/ 4356223 h 6858000"/>
              <a:gd name="connsiteX1393" fmla="*/ 4360961 w 6858000"/>
              <a:gd name="connsiteY1393" fmla="*/ 4356667 h 6858000"/>
              <a:gd name="connsiteX1394" fmla="*/ 4361405 w 6858000"/>
              <a:gd name="connsiteY1394" fmla="*/ 4356667 h 6858000"/>
              <a:gd name="connsiteX1395" fmla="*/ 4361405 w 6858000"/>
              <a:gd name="connsiteY1395" fmla="*/ 4356223 h 6858000"/>
              <a:gd name="connsiteX1396" fmla="*/ 4237904 w 6858000"/>
              <a:gd name="connsiteY1396" fmla="*/ 4356223 h 6858000"/>
              <a:gd name="connsiteX1397" fmla="*/ 4237904 w 6858000"/>
              <a:gd name="connsiteY1397" fmla="*/ 4356667 h 6858000"/>
              <a:gd name="connsiteX1398" fmla="*/ 4238348 w 6858000"/>
              <a:gd name="connsiteY1398" fmla="*/ 4356667 h 6858000"/>
              <a:gd name="connsiteX1399" fmla="*/ 4238348 w 6858000"/>
              <a:gd name="connsiteY1399" fmla="*/ 4356223 h 6858000"/>
              <a:gd name="connsiteX1400" fmla="*/ 4114847 w 6858000"/>
              <a:gd name="connsiteY1400" fmla="*/ 4356223 h 6858000"/>
              <a:gd name="connsiteX1401" fmla="*/ 4114847 w 6858000"/>
              <a:gd name="connsiteY1401" fmla="*/ 4356667 h 6858000"/>
              <a:gd name="connsiteX1402" fmla="*/ 4115291 w 6858000"/>
              <a:gd name="connsiteY1402" fmla="*/ 4356667 h 6858000"/>
              <a:gd name="connsiteX1403" fmla="*/ 4115291 w 6858000"/>
              <a:gd name="connsiteY1403" fmla="*/ 4356223 h 6858000"/>
              <a:gd name="connsiteX1404" fmla="*/ 3991789 w 6858000"/>
              <a:gd name="connsiteY1404" fmla="*/ 4356223 h 6858000"/>
              <a:gd name="connsiteX1405" fmla="*/ 3991789 w 6858000"/>
              <a:gd name="connsiteY1405" fmla="*/ 4356667 h 6858000"/>
              <a:gd name="connsiteX1406" fmla="*/ 3992234 w 6858000"/>
              <a:gd name="connsiteY1406" fmla="*/ 4356667 h 6858000"/>
              <a:gd name="connsiteX1407" fmla="*/ 3992234 w 6858000"/>
              <a:gd name="connsiteY1407" fmla="*/ 4356223 h 6858000"/>
              <a:gd name="connsiteX1408" fmla="*/ 3868732 w 6858000"/>
              <a:gd name="connsiteY1408" fmla="*/ 4356223 h 6858000"/>
              <a:gd name="connsiteX1409" fmla="*/ 3868732 w 6858000"/>
              <a:gd name="connsiteY1409" fmla="*/ 4356667 h 6858000"/>
              <a:gd name="connsiteX1410" fmla="*/ 3869176 w 6858000"/>
              <a:gd name="connsiteY1410" fmla="*/ 4356667 h 6858000"/>
              <a:gd name="connsiteX1411" fmla="*/ 3869176 w 6858000"/>
              <a:gd name="connsiteY1411" fmla="*/ 4356223 h 6858000"/>
              <a:gd name="connsiteX1412" fmla="*/ 3745675 w 6858000"/>
              <a:gd name="connsiteY1412" fmla="*/ 4356223 h 6858000"/>
              <a:gd name="connsiteX1413" fmla="*/ 3745675 w 6858000"/>
              <a:gd name="connsiteY1413" fmla="*/ 4356667 h 6858000"/>
              <a:gd name="connsiteX1414" fmla="*/ 3746119 w 6858000"/>
              <a:gd name="connsiteY1414" fmla="*/ 4356667 h 6858000"/>
              <a:gd name="connsiteX1415" fmla="*/ 3746119 w 6858000"/>
              <a:gd name="connsiteY1415" fmla="*/ 4356223 h 6858000"/>
              <a:gd name="connsiteX1416" fmla="*/ 3622617 w 6858000"/>
              <a:gd name="connsiteY1416" fmla="*/ 4356223 h 6858000"/>
              <a:gd name="connsiteX1417" fmla="*/ 3622617 w 6858000"/>
              <a:gd name="connsiteY1417" fmla="*/ 4356667 h 6858000"/>
              <a:gd name="connsiteX1418" fmla="*/ 3623061 w 6858000"/>
              <a:gd name="connsiteY1418" fmla="*/ 4356667 h 6858000"/>
              <a:gd name="connsiteX1419" fmla="*/ 3623061 w 6858000"/>
              <a:gd name="connsiteY1419" fmla="*/ 4356223 h 6858000"/>
              <a:gd name="connsiteX1420" fmla="*/ 3499338 w 6858000"/>
              <a:gd name="connsiteY1420" fmla="*/ 4356037 h 6858000"/>
              <a:gd name="connsiteX1421" fmla="*/ 3499338 w 6858000"/>
              <a:gd name="connsiteY1421" fmla="*/ 4356889 h 6858000"/>
              <a:gd name="connsiteX1422" fmla="*/ 3500190 w 6858000"/>
              <a:gd name="connsiteY1422" fmla="*/ 4356889 h 6858000"/>
              <a:gd name="connsiteX1423" fmla="*/ 3500190 w 6858000"/>
              <a:gd name="connsiteY1423" fmla="*/ 4356037 h 6858000"/>
              <a:gd name="connsiteX1424" fmla="*/ 3376281 w 6858000"/>
              <a:gd name="connsiteY1424" fmla="*/ 4356037 h 6858000"/>
              <a:gd name="connsiteX1425" fmla="*/ 3376281 w 6858000"/>
              <a:gd name="connsiteY1425" fmla="*/ 4356889 h 6858000"/>
              <a:gd name="connsiteX1426" fmla="*/ 3377133 w 6858000"/>
              <a:gd name="connsiteY1426" fmla="*/ 4356889 h 6858000"/>
              <a:gd name="connsiteX1427" fmla="*/ 3377133 w 6858000"/>
              <a:gd name="connsiteY1427" fmla="*/ 4356037 h 6858000"/>
              <a:gd name="connsiteX1428" fmla="*/ 3253001 w 6858000"/>
              <a:gd name="connsiteY1428" fmla="*/ 4355815 h 6858000"/>
              <a:gd name="connsiteX1429" fmla="*/ 3253001 w 6858000"/>
              <a:gd name="connsiteY1429" fmla="*/ 4357111 h 6858000"/>
              <a:gd name="connsiteX1430" fmla="*/ 3254297 w 6858000"/>
              <a:gd name="connsiteY1430" fmla="*/ 4357111 h 6858000"/>
              <a:gd name="connsiteX1431" fmla="*/ 3254297 w 6858000"/>
              <a:gd name="connsiteY1431" fmla="*/ 4355815 h 6858000"/>
              <a:gd name="connsiteX1432" fmla="*/ 3129722 w 6858000"/>
              <a:gd name="connsiteY1432" fmla="*/ 4355593 h 6858000"/>
              <a:gd name="connsiteX1433" fmla="*/ 3129722 w 6858000"/>
              <a:gd name="connsiteY1433" fmla="*/ 4357333 h 6858000"/>
              <a:gd name="connsiteX1434" fmla="*/ 3131462 w 6858000"/>
              <a:gd name="connsiteY1434" fmla="*/ 4357333 h 6858000"/>
              <a:gd name="connsiteX1435" fmla="*/ 3131462 w 6858000"/>
              <a:gd name="connsiteY1435" fmla="*/ 4355593 h 6858000"/>
              <a:gd name="connsiteX1436" fmla="*/ 3006442 w 6858000"/>
              <a:gd name="connsiteY1436" fmla="*/ 4355370 h 6858000"/>
              <a:gd name="connsiteX1437" fmla="*/ 3006442 w 6858000"/>
              <a:gd name="connsiteY1437" fmla="*/ 4357555 h 6858000"/>
              <a:gd name="connsiteX1438" fmla="*/ 3008627 w 6858000"/>
              <a:gd name="connsiteY1438" fmla="*/ 4357555 h 6858000"/>
              <a:gd name="connsiteX1439" fmla="*/ 3008627 w 6858000"/>
              <a:gd name="connsiteY1439" fmla="*/ 4355370 h 6858000"/>
              <a:gd name="connsiteX1440" fmla="*/ 2883163 w 6858000"/>
              <a:gd name="connsiteY1440" fmla="*/ 4355149 h 6858000"/>
              <a:gd name="connsiteX1441" fmla="*/ 2883163 w 6858000"/>
              <a:gd name="connsiteY1441" fmla="*/ 4357741 h 6858000"/>
              <a:gd name="connsiteX1442" fmla="*/ 2885755 w 6858000"/>
              <a:gd name="connsiteY1442" fmla="*/ 4357741 h 6858000"/>
              <a:gd name="connsiteX1443" fmla="*/ 2885755 w 6858000"/>
              <a:gd name="connsiteY1443" fmla="*/ 4355149 h 6858000"/>
              <a:gd name="connsiteX1444" fmla="*/ 2759883 w 6858000"/>
              <a:gd name="connsiteY1444" fmla="*/ 4354926 h 6858000"/>
              <a:gd name="connsiteX1445" fmla="*/ 2759883 w 6858000"/>
              <a:gd name="connsiteY1445" fmla="*/ 4357963 h 6858000"/>
              <a:gd name="connsiteX1446" fmla="*/ 2762920 w 6858000"/>
              <a:gd name="connsiteY1446" fmla="*/ 4357963 h 6858000"/>
              <a:gd name="connsiteX1447" fmla="*/ 2762920 w 6858000"/>
              <a:gd name="connsiteY1447" fmla="*/ 4354926 h 6858000"/>
              <a:gd name="connsiteX1448" fmla="*/ 2636604 w 6858000"/>
              <a:gd name="connsiteY1448" fmla="*/ 4354704 h 6858000"/>
              <a:gd name="connsiteX1449" fmla="*/ 2636604 w 6858000"/>
              <a:gd name="connsiteY1449" fmla="*/ 4358185 h 6858000"/>
              <a:gd name="connsiteX1450" fmla="*/ 2640085 w 6858000"/>
              <a:gd name="connsiteY1450" fmla="*/ 4358185 h 6858000"/>
              <a:gd name="connsiteX1451" fmla="*/ 2640085 w 6858000"/>
              <a:gd name="connsiteY1451" fmla="*/ 4354704 h 6858000"/>
              <a:gd name="connsiteX1452" fmla="*/ 2513102 w 6858000"/>
              <a:gd name="connsiteY1452" fmla="*/ 4354296 h 6858000"/>
              <a:gd name="connsiteX1453" fmla="*/ 2513102 w 6858000"/>
              <a:gd name="connsiteY1453" fmla="*/ 4358629 h 6858000"/>
              <a:gd name="connsiteX1454" fmla="*/ 2517435 w 6858000"/>
              <a:gd name="connsiteY1454" fmla="*/ 4358629 h 6858000"/>
              <a:gd name="connsiteX1455" fmla="*/ 2517435 w 6858000"/>
              <a:gd name="connsiteY1455" fmla="*/ 4354296 h 6858000"/>
              <a:gd name="connsiteX1456" fmla="*/ 2389822 w 6858000"/>
              <a:gd name="connsiteY1456" fmla="*/ 4354075 h 6858000"/>
              <a:gd name="connsiteX1457" fmla="*/ 2389822 w 6858000"/>
              <a:gd name="connsiteY1457" fmla="*/ 4358852 h 6858000"/>
              <a:gd name="connsiteX1458" fmla="*/ 2394599 w 6858000"/>
              <a:gd name="connsiteY1458" fmla="*/ 4358852 h 6858000"/>
              <a:gd name="connsiteX1459" fmla="*/ 2394599 w 6858000"/>
              <a:gd name="connsiteY1459" fmla="*/ 4354075 h 6858000"/>
              <a:gd name="connsiteX1460" fmla="*/ 2266321 w 6858000"/>
              <a:gd name="connsiteY1460" fmla="*/ 4353667 h 6858000"/>
              <a:gd name="connsiteX1461" fmla="*/ 2266321 w 6858000"/>
              <a:gd name="connsiteY1461" fmla="*/ 4359296 h 6858000"/>
              <a:gd name="connsiteX1462" fmla="*/ 2271950 w 6858000"/>
              <a:gd name="connsiteY1462" fmla="*/ 4359296 h 6858000"/>
              <a:gd name="connsiteX1463" fmla="*/ 2271950 w 6858000"/>
              <a:gd name="connsiteY1463" fmla="*/ 4353667 h 6858000"/>
              <a:gd name="connsiteX1464" fmla="*/ 2143041 w 6858000"/>
              <a:gd name="connsiteY1464" fmla="*/ 4353408 h 6858000"/>
              <a:gd name="connsiteX1465" fmla="*/ 2143041 w 6858000"/>
              <a:gd name="connsiteY1465" fmla="*/ 4359481 h 6858000"/>
              <a:gd name="connsiteX1466" fmla="*/ 2149114 w 6858000"/>
              <a:gd name="connsiteY1466" fmla="*/ 4359481 h 6858000"/>
              <a:gd name="connsiteX1467" fmla="*/ 2149114 w 6858000"/>
              <a:gd name="connsiteY1467" fmla="*/ 4353408 h 6858000"/>
              <a:gd name="connsiteX1468" fmla="*/ 2019576 w 6858000"/>
              <a:gd name="connsiteY1468" fmla="*/ 4352963 h 6858000"/>
              <a:gd name="connsiteX1469" fmla="*/ 2019576 w 6858000"/>
              <a:gd name="connsiteY1469" fmla="*/ 4359925 h 6858000"/>
              <a:gd name="connsiteX1470" fmla="*/ 2026538 w 6858000"/>
              <a:gd name="connsiteY1470" fmla="*/ 4359925 h 6858000"/>
              <a:gd name="connsiteX1471" fmla="*/ 2026538 w 6858000"/>
              <a:gd name="connsiteY1471" fmla="*/ 4352963 h 6858000"/>
              <a:gd name="connsiteX1472" fmla="*/ 1896075 w 6858000"/>
              <a:gd name="connsiteY1472" fmla="*/ 4352556 h 6858000"/>
              <a:gd name="connsiteX1473" fmla="*/ 1896075 w 6858000"/>
              <a:gd name="connsiteY1473" fmla="*/ 4360370 h 6858000"/>
              <a:gd name="connsiteX1474" fmla="*/ 1903889 w 6858000"/>
              <a:gd name="connsiteY1474" fmla="*/ 4360370 h 6858000"/>
              <a:gd name="connsiteX1475" fmla="*/ 1903889 w 6858000"/>
              <a:gd name="connsiteY1475" fmla="*/ 4352556 h 6858000"/>
              <a:gd name="connsiteX1476" fmla="*/ 1772795 w 6858000"/>
              <a:gd name="connsiteY1476" fmla="*/ 4352334 h 6858000"/>
              <a:gd name="connsiteX1477" fmla="*/ 1772795 w 6858000"/>
              <a:gd name="connsiteY1477" fmla="*/ 4360592 h 6858000"/>
              <a:gd name="connsiteX1478" fmla="*/ 1781053 w 6858000"/>
              <a:gd name="connsiteY1478" fmla="*/ 4360592 h 6858000"/>
              <a:gd name="connsiteX1479" fmla="*/ 1781053 w 6858000"/>
              <a:gd name="connsiteY1479" fmla="*/ 4352334 h 6858000"/>
              <a:gd name="connsiteX1480" fmla="*/ 1649294 w 6858000"/>
              <a:gd name="connsiteY1480" fmla="*/ 4351889 h 6858000"/>
              <a:gd name="connsiteX1481" fmla="*/ 1649294 w 6858000"/>
              <a:gd name="connsiteY1481" fmla="*/ 4360999 h 6858000"/>
              <a:gd name="connsiteX1482" fmla="*/ 1658404 w 6858000"/>
              <a:gd name="connsiteY1482" fmla="*/ 4360999 h 6858000"/>
              <a:gd name="connsiteX1483" fmla="*/ 1658404 w 6858000"/>
              <a:gd name="connsiteY1483" fmla="*/ 4351889 h 6858000"/>
              <a:gd name="connsiteX1484" fmla="*/ 1526014 w 6858000"/>
              <a:gd name="connsiteY1484" fmla="*/ 4351668 h 6858000"/>
              <a:gd name="connsiteX1485" fmla="*/ 1526014 w 6858000"/>
              <a:gd name="connsiteY1485" fmla="*/ 4361222 h 6858000"/>
              <a:gd name="connsiteX1486" fmla="*/ 1535568 w 6858000"/>
              <a:gd name="connsiteY1486" fmla="*/ 4361222 h 6858000"/>
              <a:gd name="connsiteX1487" fmla="*/ 1535568 w 6858000"/>
              <a:gd name="connsiteY1487" fmla="*/ 4351668 h 6858000"/>
              <a:gd name="connsiteX1488" fmla="*/ 1402512 w 6858000"/>
              <a:gd name="connsiteY1488" fmla="*/ 4351260 h 6858000"/>
              <a:gd name="connsiteX1489" fmla="*/ 1402512 w 6858000"/>
              <a:gd name="connsiteY1489" fmla="*/ 4361666 h 6858000"/>
              <a:gd name="connsiteX1490" fmla="*/ 1412918 w 6858000"/>
              <a:gd name="connsiteY1490" fmla="*/ 4361666 h 6858000"/>
              <a:gd name="connsiteX1491" fmla="*/ 1412918 w 6858000"/>
              <a:gd name="connsiteY1491" fmla="*/ 4351260 h 6858000"/>
              <a:gd name="connsiteX1492" fmla="*/ 1279233 w 6858000"/>
              <a:gd name="connsiteY1492" fmla="*/ 4351038 h 6858000"/>
              <a:gd name="connsiteX1493" fmla="*/ 1279233 w 6858000"/>
              <a:gd name="connsiteY1493" fmla="*/ 4361888 h 6858000"/>
              <a:gd name="connsiteX1494" fmla="*/ 1290083 w 6858000"/>
              <a:gd name="connsiteY1494" fmla="*/ 4361888 h 6858000"/>
              <a:gd name="connsiteX1495" fmla="*/ 1290083 w 6858000"/>
              <a:gd name="connsiteY1495" fmla="*/ 4351038 h 6858000"/>
              <a:gd name="connsiteX1496" fmla="*/ 1155953 w 6858000"/>
              <a:gd name="connsiteY1496" fmla="*/ 4350815 h 6858000"/>
              <a:gd name="connsiteX1497" fmla="*/ 1155953 w 6858000"/>
              <a:gd name="connsiteY1497" fmla="*/ 4362110 h 6858000"/>
              <a:gd name="connsiteX1498" fmla="*/ 1167248 w 6858000"/>
              <a:gd name="connsiteY1498" fmla="*/ 4362110 h 6858000"/>
              <a:gd name="connsiteX1499" fmla="*/ 1167248 w 6858000"/>
              <a:gd name="connsiteY1499" fmla="*/ 4350815 h 6858000"/>
              <a:gd name="connsiteX1500" fmla="*/ 1032674 w 6858000"/>
              <a:gd name="connsiteY1500" fmla="*/ 4350594 h 6858000"/>
              <a:gd name="connsiteX1501" fmla="*/ 1032674 w 6858000"/>
              <a:gd name="connsiteY1501" fmla="*/ 4362333 h 6858000"/>
              <a:gd name="connsiteX1502" fmla="*/ 1044413 w 6858000"/>
              <a:gd name="connsiteY1502" fmla="*/ 4362333 h 6858000"/>
              <a:gd name="connsiteX1503" fmla="*/ 1044413 w 6858000"/>
              <a:gd name="connsiteY1503" fmla="*/ 4350594 h 6858000"/>
              <a:gd name="connsiteX1504" fmla="*/ 909431 w 6858000"/>
              <a:gd name="connsiteY1504" fmla="*/ 4350372 h 6858000"/>
              <a:gd name="connsiteX1505" fmla="*/ 909431 w 6858000"/>
              <a:gd name="connsiteY1505" fmla="*/ 4362518 h 6858000"/>
              <a:gd name="connsiteX1506" fmla="*/ 921577 w 6858000"/>
              <a:gd name="connsiteY1506" fmla="*/ 4362518 h 6858000"/>
              <a:gd name="connsiteX1507" fmla="*/ 921577 w 6858000"/>
              <a:gd name="connsiteY1507" fmla="*/ 4350372 h 6858000"/>
              <a:gd name="connsiteX1508" fmla="*/ 786337 w 6858000"/>
              <a:gd name="connsiteY1508" fmla="*/ 4350372 h 6858000"/>
              <a:gd name="connsiteX1509" fmla="*/ 786337 w 6858000"/>
              <a:gd name="connsiteY1509" fmla="*/ 4362518 h 6858000"/>
              <a:gd name="connsiteX1510" fmla="*/ 798483 w 6858000"/>
              <a:gd name="connsiteY1510" fmla="*/ 4362518 h 6858000"/>
              <a:gd name="connsiteX1511" fmla="*/ 798483 w 6858000"/>
              <a:gd name="connsiteY1511" fmla="*/ 4350372 h 6858000"/>
              <a:gd name="connsiteX1512" fmla="*/ 663094 w 6858000"/>
              <a:gd name="connsiteY1512" fmla="*/ 4350149 h 6858000"/>
              <a:gd name="connsiteX1513" fmla="*/ 663094 w 6858000"/>
              <a:gd name="connsiteY1513" fmla="*/ 4362740 h 6858000"/>
              <a:gd name="connsiteX1514" fmla="*/ 675685 w 6858000"/>
              <a:gd name="connsiteY1514" fmla="*/ 4362740 h 6858000"/>
              <a:gd name="connsiteX1515" fmla="*/ 675685 w 6858000"/>
              <a:gd name="connsiteY1515" fmla="*/ 4350149 h 6858000"/>
              <a:gd name="connsiteX1516" fmla="*/ 539815 w 6858000"/>
              <a:gd name="connsiteY1516" fmla="*/ 4349927 h 6858000"/>
              <a:gd name="connsiteX1517" fmla="*/ 539815 w 6858000"/>
              <a:gd name="connsiteY1517" fmla="*/ 4362962 h 6858000"/>
              <a:gd name="connsiteX1518" fmla="*/ 552850 w 6858000"/>
              <a:gd name="connsiteY1518" fmla="*/ 4362962 h 6858000"/>
              <a:gd name="connsiteX1519" fmla="*/ 552850 w 6858000"/>
              <a:gd name="connsiteY1519" fmla="*/ 4349927 h 6858000"/>
              <a:gd name="connsiteX1520" fmla="*/ 416758 w 6858000"/>
              <a:gd name="connsiteY1520" fmla="*/ 4349927 h 6858000"/>
              <a:gd name="connsiteX1521" fmla="*/ 416758 w 6858000"/>
              <a:gd name="connsiteY1521" fmla="*/ 4362962 h 6858000"/>
              <a:gd name="connsiteX1522" fmla="*/ 429793 w 6858000"/>
              <a:gd name="connsiteY1522" fmla="*/ 4362962 h 6858000"/>
              <a:gd name="connsiteX1523" fmla="*/ 429793 w 6858000"/>
              <a:gd name="connsiteY1523" fmla="*/ 4349927 h 6858000"/>
              <a:gd name="connsiteX1524" fmla="*/ 293478 w 6858000"/>
              <a:gd name="connsiteY1524" fmla="*/ 4349704 h 6858000"/>
              <a:gd name="connsiteX1525" fmla="*/ 293478 w 6858000"/>
              <a:gd name="connsiteY1525" fmla="*/ 4363184 h 6858000"/>
              <a:gd name="connsiteX1526" fmla="*/ 306958 w 6858000"/>
              <a:gd name="connsiteY1526" fmla="*/ 4363184 h 6858000"/>
              <a:gd name="connsiteX1527" fmla="*/ 306958 w 6858000"/>
              <a:gd name="connsiteY1527" fmla="*/ 4349704 h 6858000"/>
              <a:gd name="connsiteX1528" fmla="*/ 170384 w 6858000"/>
              <a:gd name="connsiteY1528" fmla="*/ 4349704 h 6858000"/>
              <a:gd name="connsiteX1529" fmla="*/ 170384 w 6858000"/>
              <a:gd name="connsiteY1529" fmla="*/ 4363184 h 6858000"/>
              <a:gd name="connsiteX1530" fmla="*/ 183864 w 6858000"/>
              <a:gd name="connsiteY1530" fmla="*/ 4363184 h 6858000"/>
              <a:gd name="connsiteX1531" fmla="*/ 183864 w 6858000"/>
              <a:gd name="connsiteY1531" fmla="*/ 4349704 h 6858000"/>
              <a:gd name="connsiteX1532" fmla="*/ 47326 w 6858000"/>
              <a:gd name="connsiteY1532" fmla="*/ 4349704 h 6858000"/>
              <a:gd name="connsiteX1533" fmla="*/ 47326 w 6858000"/>
              <a:gd name="connsiteY1533" fmla="*/ 4363184 h 6858000"/>
              <a:gd name="connsiteX1534" fmla="*/ 60806 w 6858000"/>
              <a:gd name="connsiteY1534" fmla="*/ 4363184 h 6858000"/>
              <a:gd name="connsiteX1535" fmla="*/ 60806 w 6858000"/>
              <a:gd name="connsiteY1535" fmla="*/ 4349704 h 6858000"/>
              <a:gd name="connsiteX1536" fmla="*/ 4484019 w 6858000"/>
              <a:gd name="connsiteY1536" fmla="*/ 4233165 h 6858000"/>
              <a:gd name="connsiteX1537" fmla="*/ 4484019 w 6858000"/>
              <a:gd name="connsiteY1537" fmla="*/ 4233609 h 6858000"/>
              <a:gd name="connsiteX1538" fmla="*/ 4484463 w 6858000"/>
              <a:gd name="connsiteY1538" fmla="*/ 4233609 h 6858000"/>
              <a:gd name="connsiteX1539" fmla="*/ 4484463 w 6858000"/>
              <a:gd name="connsiteY1539" fmla="*/ 4233165 h 6858000"/>
              <a:gd name="connsiteX1540" fmla="*/ 4360961 w 6858000"/>
              <a:gd name="connsiteY1540" fmla="*/ 4233165 h 6858000"/>
              <a:gd name="connsiteX1541" fmla="*/ 4360961 w 6858000"/>
              <a:gd name="connsiteY1541" fmla="*/ 4233609 h 6858000"/>
              <a:gd name="connsiteX1542" fmla="*/ 4361405 w 6858000"/>
              <a:gd name="connsiteY1542" fmla="*/ 4233609 h 6858000"/>
              <a:gd name="connsiteX1543" fmla="*/ 4361405 w 6858000"/>
              <a:gd name="connsiteY1543" fmla="*/ 4233165 h 6858000"/>
              <a:gd name="connsiteX1544" fmla="*/ 4237904 w 6858000"/>
              <a:gd name="connsiteY1544" fmla="*/ 4233165 h 6858000"/>
              <a:gd name="connsiteX1545" fmla="*/ 4237904 w 6858000"/>
              <a:gd name="connsiteY1545" fmla="*/ 4233609 h 6858000"/>
              <a:gd name="connsiteX1546" fmla="*/ 4238348 w 6858000"/>
              <a:gd name="connsiteY1546" fmla="*/ 4233609 h 6858000"/>
              <a:gd name="connsiteX1547" fmla="*/ 4238348 w 6858000"/>
              <a:gd name="connsiteY1547" fmla="*/ 4233165 h 6858000"/>
              <a:gd name="connsiteX1548" fmla="*/ 4114847 w 6858000"/>
              <a:gd name="connsiteY1548" fmla="*/ 4233165 h 6858000"/>
              <a:gd name="connsiteX1549" fmla="*/ 4114847 w 6858000"/>
              <a:gd name="connsiteY1549" fmla="*/ 4233609 h 6858000"/>
              <a:gd name="connsiteX1550" fmla="*/ 4115291 w 6858000"/>
              <a:gd name="connsiteY1550" fmla="*/ 4233609 h 6858000"/>
              <a:gd name="connsiteX1551" fmla="*/ 4115291 w 6858000"/>
              <a:gd name="connsiteY1551" fmla="*/ 4233165 h 6858000"/>
              <a:gd name="connsiteX1552" fmla="*/ 3991789 w 6858000"/>
              <a:gd name="connsiteY1552" fmla="*/ 4233165 h 6858000"/>
              <a:gd name="connsiteX1553" fmla="*/ 3991789 w 6858000"/>
              <a:gd name="connsiteY1553" fmla="*/ 4233609 h 6858000"/>
              <a:gd name="connsiteX1554" fmla="*/ 3992234 w 6858000"/>
              <a:gd name="connsiteY1554" fmla="*/ 4233609 h 6858000"/>
              <a:gd name="connsiteX1555" fmla="*/ 3992234 w 6858000"/>
              <a:gd name="connsiteY1555" fmla="*/ 4233165 h 6858000"/>
              <a:gd name="connsiteX1556" fmla="*/ 3868732 w 6858000"/>
              <a:gd name="connsiteY1556" fmla="*/ 4233165 h 6858000"/>
              <a:gd name="connsiteX1557" fmla="*/ 3868732 w 6858000"/>
              <a:gd name="connsiteY1557" fmla="*/ 4233609 h 6858000"/>
              <a:gd name="connsiteX1558" fmla="*/ 3869176 w 6858000"/>
              <a:gd name="connsiteY1558" fmla="*/ 4233609 h 6858000"/>
              <a:gd name="connsiteX1559" fmla="*/ 3869176 w 6858000"/>
              <a:gd name="connsiteY1559" fmla="*/ 4233165 h 6858000"/>
              <a:gd name="connsiteX1560" fmla="*/ 3745675 w 6858000"/>
              <a:gd name="connsiteY1560" fmla="*/ 4233165 h 6858000"/>
              <a:gd name="connsiteX1561" fmla="*/ 3745675 w 6858000"/>
              <a:gd name="connsiteY1561" fmla="*/ 4233609 h 6858000"/>
              <a:gd name="connsiteX1562" fmla="*/ 3746119 w 6858000"/>
              <a:gd name="connsiteY1562" fmla="*/ 4233609 h 6858000"/>
              <a:gd name="connsiteX1563" fmla="*/ 3746119 w 6858000"/>
              <a:gd name="connsiteY1563" fmla="*/ 4233165 h 6858000"/>
              <a:gd name="connsiteX1564" fmla="*/ 3622395 w 6858000"/>
              <a:gd name="connsiteY1564" fmla="*/ 4232979 h 6858000"/>
              <a:gd name="connsiteX1565" fmla="*/ 3622395 w 6858000"/>
              <a:gd name="connsiteY1565" fmla="*/ 4233831 h 6858000"/>
              <a:gd name="connsiteX1566" fmla="*/ 3623247 w 6858000"/>
              <a:gd name="connsiteY1566" fmla="*/ 4233831 h 6858000"/>
              <a:gd name="connsiteX1567" fmla="*/ 3623247 w 6858000"/>
              <a:gd name="connsiteY1567" fmla="*/ 4232979 h 6858000"/>
              <a:gd name="connsiteX1568" fmla="*/ 3499338 w 6858000"/>
              <a:gd name="connsiteY1568" fmla="*/ 4232979 h 6858000"/>
              <a:gd name="connsiteX1569" fmla="*/ 3499338 w 6858000"/>
              <a:gd name="connsiteY1569" fmla="*/ 4233831 h 6858000"/>
              <a:gd name="connsiteX1570" fmla="*/ 3500190 w 6858000"/>
              <a:gd name="connsiteY1570" fmla="*/ 4233831 h 6858000"/>
              <a:gd name="connsiteX1571" fmla="*/ 3500190 w 6858000"/>
              <a:gd name="connsiteY1571" fmla="*/ 4232979 h 6858000"/>
              <a:gd name="connsiteX1572" fmla="*/ 3376058 w 6858000"/>
              <a:gd name="connsiteY1572" fmla="*/ 4232758 h 6858000"/>
              <a:gd name="connsiteX1573" fmla="*/ 3376058 w 6858000"/>
              <a:gd name="connsiteY1573" fmla="*/ 4234054 h 6858000"/>
              <a:gd name="connsiteX1574" fmla="*/ 3377354 w 6858000"/>
              <a:gd name="connsiteY1574" fmla="*/ 4234054 h 6858000"/>
              <a:gd name="connsiteX1575" fmla="*/ 3377354 w 6858000"/>
              <a:gd name="connsiteY1575" fmla="*/ 4232758 h 6858000"/>
              <a:gd name="connsiteX1576" fmla="*/ 3252779 w 6858000"/>
              <a:gd name="connsiteY1576" fmla="*/ 4232536 h 6858000"/>
              <a:gd name="connsiteX1577" fmla="*/ 3252779 w 6858000"/>
              <a:gd name="connsiteY1577" fmla="*/ 4234276 h 6858000"/>
              <a:gd name="connsiteX1578" fmla="*/ 3254519 w 6858000"/>
              <a:gd name="connsiteY1578" fmla="*/ 4234276 h 6858000"/>
              <a:gd name="connsiteX1579" fmla="*/ 3254519 w 6858000"/>
              <a:gd name="connsiteY1579" fmla="*/ 4232536 h 6858000"/>
              <a:gd name="connsiteX1580" fmla="*/ 3129722 w 6858000"/>
              <a:gd name="connsiteY1580" fmla="*/ 4232536 h 6858000"/>
              <a:gd name="connsiteX1581" fmla="*/ 3129722 w 6858000"/>
              <a:gd name="connsiteY1581" fmla="*/ 4234276 h 6858000"/>
              <a:gd name="connsiteX1582" fmla="*/ 3131462 w 6858000"/>
              <a:gd name="connsiteY1582" fmla="*/ 4234276 h 6858000"/>
              <a:gd name="connsiteX1583" fmla="*/ 3131462 w 6858000"/>
              <a:gd name="connsiteY1583" fmla="*/ 4232536 h 6858000"/>
              <a:gd name="connsiteX1584" fmla="*/ 3006220 w 6858000"/>
              <a:gd name="connsiteY1584" fmla="*/ 4232091 h 6858000"/>
              <a:gd name="connsiteX1585" fmla="*/ 3006220 w 6858000"/>
              <a:gd name="connsiteY1585" fmla="*/ 4234683 h 6858000"/>
              <a:gd name="connsiteX1586" fmla="*/ 3008812 w 6858000"/>
              <a:gd name="connsiteY1586" fmla="*/ 4234683 h 6858000"/>
              <a:gd name="connsiteX1587" fmla="*/ 3008812 w 6858000"/>
              <a:gd name="connsiteY1587" fmla="*/ 4232091 h 6858000"/>
              <a:gd name="connsiteX1588" fmla="*/ 2882940 w 6858000"/>
              <a:gd name="connsiteY1588" fmla="*/ 4231868 h 6858000"/>
              <a:gd name="connsiteX1589" fmla="*/ 2882940 w 6858000"/>
              <a:gd name="connsiteY1589" fmla="*/ 4234905 h 6858000"/>
              <a:gd name="connsiteX1590" fmla="*/ 2885977 w 6858000"/>
              <a:gd name="connsiteY1590" fmla="*/ 4234905 h 6858000"/>
              <a:gd name="connsiteX1591" fmla="*/ 2885977 w 6858000"/>
              <a:gd name="connsiteY1591" fmla="*/ 4231868 h 6858000"/>
              <a:gd name="connsiteX1592" fmla="*/ 2759661 w 6858000"/>
              <a:gd name="connsiteY1592" fmla="*/ 4231647 h 6858000"/>
              <a:gd name="connsiteX1593" fmla="*/ 2759661 w 6858000"/>
              <a:gd name="connsiteY1593" fmla="*/ 4235128 h 6858000"/>
              <a:gd name="connsiteX1594" fmla="*/ 2763142 w 6858000"/>
              <a:gd name="connsiteY1594" fmla="*/ 4235128 h 6858000"/>
              <a:gd name="connsiteX1595" fmla="*/ 2763142 w 6858000"/>
              <a:gd name="connsiteY1595" fmla="*/ 4231647 h 6858000"/>
              <a:gd name="connsiteX1596" fmla="*/ 2636159 w 6858000"/>
              <a:gd name="connsiteY1596" fmla="*/ 4231239 h 6858000"/>
              <a:gd name="connsiteX1597" fmla="*/ 2636159 w 6858000"/>
              <a:gd name="connsiteY1597" fmla="*/ 4235572 h 6858000"/>
              <a:gd name="connsiteX1598" fmla="*/ 2640492 w 6858000"/>
              <a:gd name="connsiteY1598" fmla="*/ 4235572 h 6858000"/>
              <a:gd name="connsiteX1599" fmla="*/ 2640492 w 6858000"/>
              <a:gd name="connsiteY1599" fmla="*/ 4231239 h 6858000"/>
              <a:gd name="connsiteX1600" fmla="*/ 2512880 w 6858000"/>
              <a:gd name="connsiteY1600" fmla="*/ 4231017 h 6858000"/>
              <a:gd name="connsiteX1601" fmla="*/ 2512880 w 6858000"/>
              <a:gd name="connsiteY1601" fmla="*/ 4235794 h 6858000"/>
              <a:gd name="connsiteX1602" fmla="*/ 2517657 w 6858000"/>
              <a:gd name="connsiteY1602" fmla="*/ 4235794 h 6858000"/>
              <a:gd name="connsiteX1603" fmla="*/ 2517657 w 6858000"/>
              <a:gd name="connsiteY1603" fmla="*/ 4231017 h 6858000"/>
              <a:gd name="connsiteX1604" fmla="*/ 2389378 w 6858000"/>
              <a:gd name="connsiteY1604" fmla="*/ 4230573 h 6858000"/>
              <a:gd name="connsiteX1605" fmla="*/ 2389378 w 6858000"/>
              <a:gd name="connsiteY1605" fmla="*/ 4236202 h 6858000"/>
              <a:gd name="connsiteX1606" fmla="*/ 2395007 w 6858000"/>
              <a:gd name="connsiteY1606" fmla="*/ 4236202 h 6858000"/>
              <a:gd name="connsiteX1607" fmla="*/ 2395007 w 6858000"/>
              <a:gd name="connsiteY1607" fmla="*/ 4230573 h 6858000"/>
              <a:gd name="connsiteX1608" fmla="*/ 2265913 w 6858000"/>
              <a:gd name="connsiteY1608" fmla="*/ 4230128 h 6858000"/>
              <a:gd name="connsiteX1609" fmla="*/ 2265913 w 6858000"/>
              <a:gd name="connsiteY1609" fmla="*/ 4236646 h 6858000"/>
              <a:gd name="connsiteX1610" fmla="*/ 2272431 w 6858000"/>
              <a:gd name="connsiteY1610" fmla="*/ 4236646 h 6858000"/>
              <a:gd name="connsiteX1611" fmla="*/ 2272431 w 6858000"/>
              <a:gd name="connsiteY1611" fmla="*/ 4230128 h 6858000"/>
              <a:gd name="connsiteX1612" fmla="*/ 2142412 w 6858000"/>
              <a:gd name="connsiteY1612" fmla="*/ 4229721 h 6858000"/>
              <a:gd name="connsiteX1613" fmla="*/ 2142412 w 6858000"/>
              <a:gd name="connsiteY1613" fmla="*/ 4237090 h 6858000"/>
              <a:gd name="connsiteX1614" fmla="*/ 2149781 w 6858000"/>
              <a:gd name="connsiteY1614" fmla="*/ 4237090 h 6858000"/>
              <a:gd name="connsiteX1615" fmla="*/ 2149781 w 6858000"/>
              <a:gd name="connsiteY1615" fmla="*/ 4229721 h 6858000"/>
              <a:gd name="connsiteX1616" fmla="*/ 2018910 w 6858000"/>
              <a:gd name="connsiteY1616" fmla="*/ 4229277 h 6858000"/>
              <a:gd name="connsiteX1617" fmla="*/ 2018910 w 6858000"/>
              <a:gd name="connsiteY1617" fmla="*/ 4237535 h 6858000"/>
              <a:gd name="connsiteX1618" fmla="*/ 2027168 w 6858000"/>
              <a:gd name="connsiteY1618" fmla="*/ 4237535 h 6858000"/>
              <a:gd name="connsiteX1619" fmla="*/ 2027168 w 6858000"/>
              <a:gd name="connsiteY1619" fmla="*/ 4229277 h 6858000"/>
              <a:gd name="connsiteX1620" fmla="*/ 1895408 w 6858000"/>
              <a:gd name="connsiteY1620" fmla="*/ 4228832 h 6858000"/>
              <a:gd name="connsiteX1621" fmla="*/ 1895408 w 6858000"/>
              <a:gd name="connsiteY1621" fmla="*/ 4237942 h 6858000"/>
              <a:gd name="connsiteX1622" fmla="*/ 1904518 w 6858000"/>
              <a:gd name="connsiteY1622" fmla="*/ 4237942 h 6858000"/>
              <a:gd name="connsiteX1623" fmla="*/ 1904518 w 6858000"/>
              <a:gd name="connsiteY1623" fmla="*/ 4228832 h 6858000"/>
              <a:gd name="connsiteX1624" fmla="*/ 1771906 w 6858000"/>
              <a:gd name="connsiteY1624" fmla="*/ 4228387 h 6858000"/>
              <a:gd name="connsiteX1625" fmla="*/ 1771906 w 6858000"/>
              <a:gd name="connsiteY1625" fmla="*/ 4238386 h 6858000"/>
              <a:gd name="connsiteX1626" fmla="*/ 1781905 w 6858000"/>
              <a:gd name="connsiteY1626" fmla="*/ 4238386 h 6858000"/>
              <a:gd name="connsiteX1627" fmla="*/ 1781905 w 6858000"/>
              <a:gd name="connsiteY1627" fmla="*/ 4228387 h 6858000"/>
              <a:gd name="connsiteX1628" fmla="*/ 1648442 w 6858000"/>
              <a:gd name="connsiteY1628" fmla="*/ 4227981 h 6858000"/>
              <a:gd name="connsiteX1629" fmla="*/ 1648442 w 6858000"/>
              <a:gd name="connsiteY1629" fmla="*/ 4238831 h 6858000"/>
              <a:gd name="connsiteX1630" fmla="*/ 1659292 w 6858000"/>
              <a:gd name="connsiteY1630" fmla="*/ 4238831 h 6858000"/>
              <a:gd name="connsiteX1631" fmla="*/ 1659292 w 6858000"/>
              <a:gd name="connsiteY1631" fmla="*/ 4227981 h 6858000"/>
              <a:gd name="connsiteX1632" fmla="*/ 1524940 w 6858000"/>
              <a:gd name="connsiteY1632" fmla="*/ 4227536 h 6858000"/>
              <a:gd name="connsiteX1633" fmla="*/ 1524940 w 6858000"/>
              <a:gd name="connsiteY1633" fmla="*/ 4239275 h 6858000"/>
              <a:gd name="connsiteX1634" fmla="*/ 1536679 w 6858000"/>
              <a:gd name="connsiteY1634" fmla="*/ 4239275 h 6858000"/>
              <a:gd name="connsiteX1635" fmla="*/ 1536679 w 6858000"/>
              <a:gd name="connsiteY1635" fmla="*/ 4227536 h 6858000"/>
              <a:gd name="connsiteX1636" fmla="*/ 1401438 w 6858000"/>
              <a:gd name="connsiteY1636" fmla="*/ 4227092 h 6858000"/>
              <a:gd name="connsiteX1637" fmla="*/ 1401438 w 6858000"/>
              <a:gd name="connsiteY1637" fmla="*/ 4239683 h 6858000"/>
              <a:gd name="connsiteX1638" fmla="*/ 1414029 w 6858000"/>
              <a:gd name="connsiteY1638" fmla="*/ 4239683 h 6858000"/>
              <a:gd name="connsiteX1639" fmla="*/ 1414029 w 6858000"/>
              <a:gd name="connsiteY1639" fmla="*/ 4227092 h 6858000"/>
              <a:gd name="connsiteX1640" fmla="*/ 1278159 w 6858000"/>
              <a:gd name="connsiteY1640" fmla="*/ 4226870 h 6858000"/>
              <a:gd name="connsiteX1641" fmla="*/ 1278159 w 6858000"/>
              <a:gd name="connsiteY1641" fmla="*/ 4239905 h 6858000"/>
              <a:gd name="connsiteX1642" fmla="*/ 1291194 w 6858000"/>
              <a:gd name="connsiteY1642" fmla="*/ 4239905 h 6858000"/>
              <a:gd name="connsiteX1643" fmla="*/ 1291194 w 6858000"/>
              <a:gd name="connsiteY1643" fmla="*/ 4226870 h 6858000"/>
              <a:gd name="connsiteX1644" fmla="*/ 1154657 w 6858000"/>
              <a:gd name="connsiteY1644" fmla="*/ 4226462 h 6858000"/>
              <a:gd name="connsiteX1645" fmla="*/ 1154657 w 6858000"/>
              <a:gd name="connsiteY1645" fmla="*/ 4240349 h 6858000"/>
              <a:gd name="connsiteX1646" fmla="*/ 1168544 w 6858000"/>
              <a:gd name="connsiteY1646" fmla="*/ 4240349 h 6858000"/>
              <a:gd name="connsiteX1647" fmla="*/ 1168544 w 6858000"/>
              <a:gd name="connsiteY1647" fmla="*/ 4226462 h 6858000"/>
              <a:gd name="connsiteX1648" fmla="*/ 1031378 w 6858000"/>
              <a:gd name="connsiteY1648" fmla="*/ 4226240 h 6858000"/>
              <a:gd name="connsiteX1649" fmla="*/ 1031378 w 6858000"/>
              <a:gd name="connsiteY1649" fmla="*/ 4240571 h 6858000"/>
              <a:gd name="connsiteX1650" fmla="*/ 1045709 w 6858000"/>
              <a:gd name="connsiteY1650" fmla="*/ 4240571 h 6858000"/>
              <a:gd name="connsiteX1651" fmla="*/ 1045709 w 6858000"/>
              <a:gd name="connsiteY1651" fmla="*/ 4226240 h 6858000"/>
              <a:gd name="connsiteX1652" fmla="*/ 908098 w 6858000"/>
              <a:gd name="connsiteY1652" fmla="*/ 4226017 h 6858000"/>
              <a:gd name="connsiteX1653" fmla="*/ 908098 w 6858000"/>
              <a:gd name="connsiteY1653" fmla="*/ 4240793 h 6858000"/>
              <a:gd name="connsiteX1654" fmla="*/ 922874 w 6858000"/>
              <a:gd name="connsiteY1654" fmla="*/ 4240793 h 6858000"/>
              <a:gd name="connsiteX1655" fmla="*/ 922874 w 6858000"/>
              <a:gd name="connsiteY1655" fmla="*/ 4226017 h 6858000"/>
              <a:gd name="connsiteX1656" fmla="*/ 784633 w 6858000"/>
              <a:gd name="connsiteY1656" fmla="*/ 4225573 h 6858000"/>
              <a:gd name="connsiteX1657" fmla="*/ 784633 w 6858000"/>
              <a:gd name="connsiteY1657" fmla="*/ 4241201 h 6858000"/>
              <a:gd name="connsiteX1658" fmla="*/ 800261 w 6858000"/>
              <a:gd name="connsiteY1658" fmla="*/ 4241201 h 6858000"/>
              <a:gd name="connsiteX1659" fmla="*/ 800261 w 6858000"/>
              <a:gd name="connsiteY1659" fmla="*/ 4225573 h 6858000"/>
              <a:gd name="connsiteX1660" fmla="*/ 661539 w 6858000"/>
              <a:gd name="connsiteY1660" fmla="*/ 4225573 h 6858000"/>
              <a:gd name="connsiteX1661" fmla="*/ 661539 w 6858000"/>
              <a:gd name="connsiteY1661" fmla="*/ 4241201 h 6858000"/>
              <a:gd name="connsiteX1662" fmla="*/ 677167 w 6858000"/>
              <a:gd name="connsiteY1662" fmla="*/ 4241201 h 6858000"/>
              <a:gd name="connsiteX1663" fmla="*/ 677167 w 6858000"/>
              <a:gd name="connsiteY1663" fmla="*/ 4225573 h 6858000"/>
              <a:gd name="connsiteX1664" fmla="*/ 538297 w 6858000"/>
              <a:gd name="connsiteY1664" fmla="*/ 4225351 h 6858000"/>
              <a:gd name="connsiteX1665" fmla="*/ 538297 w 6858000"/>
              <a:gd name="connsiteY1665" fmla="*/ 4241423 h 6858000"/>
              <a:gd name="connsiteX1666" fmla="*/ 554369 w 6858000"/>
              <a:gd name="connsiteY1666" fmla="*/ 4241423 h 6858000"/>
              <a:gd name="connsiteX1667" fmla="*/ 554369 w 6858000"/>
              <a:gd name="connsiteY1667" fmla="*/ 4225351 h 6858000"/>
              <a:gd name="connsiteX1668" fmla="*/ 415017 w 6858000"/>
              <a:gd name="connsiteY1668" fmla="*/ 4225129 h 6858000"/>
              <a:gd name="connsiteX1669" fmla="*/ 415017 w 6858000"/>
              <a:gd name="connsiteY1669" fmla="*/ 4241645 h 6858000"/>
              <a:gd name="connsiteX1670" fmla="*/ 431533 w 6858000"/>
              <a:gd name="connsiteY1670" fmla="*/ 4241645 h 6858000"/>
              <a:gd name="connsiteX1671" fmla="*/ 431533 w 6858000"/>
              <a:gd name="connsiteY1671" fmla="*/ 4225129 h 6858000"/>
              <a:gd name="connsiteX1672" fmla="*/ 291738 w 6858000"/>
              <a:gd name="connsiteY1672" fmla="*/ 4224943 h 6858000"/>
              <a:gd name="connsiteX1673" fmla="*/ 291738 w 6858000"/>
              <a:gd name="connsiteY1673" fmla="*/ 4241867 h 6858000"/>
              <a:gd name="connsiteX1674" fmla="*/ 308662 w 6858000"/>
              <a:gd name="connsiteY1674" fmla="*/ 4241867 h 6858000"/>
              <a:gd name="connsiteX1675" fmla="*/ 308662 w 6858000"/>
              <a:gd name="connsiteY1675" fmla="*/ 4224943 h 6858000"/>
              <a:gd name="connsiteX1676" fmla="*/ 168680 w 6858000"/>
              <a:gd name="connsiteY1676" fmla="*/ 4224943 h 6858000"/>
              <a:gd name="connsiteX1677" fmla="*/ 168680 w 6858000"/>
              <a:gd name="connsiteY1677" fmla="*/ 4241867 h 6858000"/>
              <a:gd name="connsiteX1678" fmla="*/ 185604 w 6858000"/>
              <a:gd name="connsiteY1678" fmla="*/ 4241867 h 6858000"/>
              <a:gd name="connsiteX1679" fmla="*/ 185604 w 6858000"/>
              <a:gd name="connsiteY1679" fmla="*/ 4224943 h 6858000"/>
              <a:gd name="connsiteX1680" fmla="*/ 45586 w 6858000"/>
              <a:gd name="connsiteY1680" fmla="*/ 4224943 h 6858000"/>
              <a:gd name="connsiteX1681" fmla="*/ 45586 w 6858000"/>
              <a:gd name="connsiteY1681" fmla="*/ 4241867 h 6858000"/>
              <a:gd name="connsiteX1682" fmla="*/ 62510 w 6858000"/>
              <a:gd name="connsiteY1682" fmla="*/ 4241867 h 6858000"/>
              <a:gd name="connsiteX1683" fmla="*/ 62510 w 6858000"/>
              <a:gd name="connsiteY1683" fmla="*/ 4224943 h 6858000"/>
              <a:gd name="connsiteX1684" fmla="*/ 4484019 w 6858000"/>
              <a:gd name="connsiteY1684" fmla="*/ 4110108 h 6858000"/>
              <a:gd name="connsiteX1685" fmla="*/ 4484019 w 6858000"/>
              <a:gd name="connsiteY1685" fmla="*/ 4110552 h 6858000"/>
              <a:gd name="connsiteX1686" fmla="*/ 4484463 w 6858000"/>
              <a:gd name="connsiteY1686" fmla="*/ 4110552 h 6858000"/>
              <a:gd name="connsiteX1687" fmla="*/ 4484463 w 6858000"/>
              <a:gd name="connsiteY1687" fmla="*/ 4110108 h 6858000"/>
              <a:gd name="connsiteX1688" fmla="*/ 4360961 w 6858000"/>
              <a:gd name="connsiteY1688" fmla="*/ 4110108 h 6858000"/>
              <a:gd name="connsiteX1689" fmla="*/ 4360961 w 6858000"/>
              <a:gd name="connsiteY1689" fmla="*/ 4110552 h 6858000"/>
              <a:gd name="connsiteX1690" fmla="*/ 4361405 w 6858000"/>
              <a:gd name="connsiteY1690" fmla="*/ 4110552 h 6858000"/>
              <a:gd name="connsiteX1691" fmla="*/ 4361405 w 6858000"/>
              <a:gd name="connsiteY1691" fmla="*/ 4110108 h 6858000"/>
              <a:gd name="connsiteX1692" fmla="*/ 4237904 w 6858000"/>
              <a:gd name="connsiteY1692" fmla="*/ 4110108 h 6858000"/>
              <a:gd name="connsiteX1693" fmla="*/ 4237904 w 6858000"/>
              <a:gd name="connsiteY1693" fmla="*/ 4110552 h 6858000"/>
              <a:gd name="connsiteX1694" fmla="*/ 4238348 w 6858000"/>
              <a:gd name="connsiteY1694" fmla="*/ 4110552 h 6858000"/>
              <a:gd name="connsiteX1695" fmla="*/ 4238348 w 6858000"/>
              <a:gd name="connsiteY1695" fmla="*/ 4110108 h 6858000"/>
              <a:gd name="connsiteX1696" fmla="*/ 4114847 w 6858000"/>
              <a:gd name="connsiteY1696" fmla="*/ 4110108 h 6858000"/>
              <a:gd name="connsiteX1697" fmla="*/ 4114847 w 6858000"/>
              <a:gd name="connsiteY1697" fmla="*/ 4110552 h 6858000"/>
              <a:gd name="connsiteX1698" fmla="*/ 4115291 w 6858000"/>
              <a:gd name="connsiteY1698" fmla="*/ 4110552 h 6858000"/>
              <a:gd name="connsiteX1699" fmla="*/ 4115291 w 6858000"/>
              <a:gd name="connsiteY1699" fmla="*/ 4110108 h 6858000"/>
              <a:gd name="connsiteX1700" fmla="*/ 3991789 w 6858000"/>
              <a:gd name="connsiteY1700" fmla="*/ 4110108 h 6858000"/>
              <a:gd name="connsiteX1701" fmla="*/ 3991789 w 6858000"/>
              <a:gd name="connsiteY1701" fmla="*/ 4110552 h 6858000"/>
              <a:gd name="connsiteX1702" fmla="*/ 3992234 w 6858000"/>
              <a:gd name="connsiteY1702" fmla="*/ 4110552 h 6858000"/>
              <a:gd name="connsiteX1703" fmla="*/ 3992234 w 6858000"/>
              <a:gd name="connsiteY1703" fmla="*/ 4110108 h 6858000"/>
              <a:gd name="connsiteX1704" fmla="*/ 3868732 w 6858000"/>
              <a:gd name="connsiteY1704" fmla="*/ 4110108 h 6858000"/>
              <a:gd name="connsiteX1705" fmla="*/ 3868732 w 6858000"/>
              <a:gd name="connsiteY1705" fmla="*/ 4110552 h 6858000"/>
              <a:gd name="connsiteX1706" fmla="*/ 3869176 w 6858000"/>
              <a:gd name="connsiteY1706" fmla="*/ 4110552 h 6858000"/>
              <a:gd name="connsiteX1707" fmla="*/ 3869176 w 6858000"/>
              <a:gd name="connsiteY1707" fmla="*/ 4110108 h 6858000"/>
              <a:gd name="connsiteX1708" fmla="*/ 3745675 w 6858000"/>
              <a:gd name="connsiteY1708" fmla="*/ 4110108 h 6858000"/>
              <a:gd name="connsiteX1709" fmla="*/ 3745675 w 6858000"/>
              <a:gd name="connsiteY1709" fmla="*/ 4110552 h 6858000"/>
              <a:gd name="connsiteX1710" fmla="*/ 3746119 w 6858000"/>
              <a:gd name="connsiteY1710" fmla="*/ 4110552 h 6858000"/>
              <a:gd name="connsiteX1711" fmla="*/ 3746119 w 6858000"/>
              <a:gd name="connsiteY1711" fmla="*/ 4110108 h 6858000"/>
              <a:gd name="connsiteX1712" fmla="*/ 3622395 w 6858000"/>
              <a:gd name="connsiteY1712" fmla="*/ 4109922 h 6858000"/>
              <a:gd name="connsiteX1713" fmla="*/ 3622395 w 6858000"/>
              <a:gd name="connsiteY1713" fmla="*/ 4110774 h 6858000"/>
              <a:gd name="connsiteX1714" fmla="*/ 3623247 w 6858000"/>
              <a:gd name="connsiteY1714" fmla="*/ 4110774 h 6858000"/>
              <a:gd name="connsiteX1715" fmla="*/ 3623247 w 6858000"/>
              <a:gd name="connsiteY1715" fmla="*/ 4109922 h 6858000"/>
              <a:gd name="connsiteX1716" fmla="*/ 3499338 w 6858000"/>
              <a:gd name="connsiteY1716" fmla="*/ 4109922 h 6858000"/>
              <a:gd name="connsiteX1717" fmla="*/ 3499338 w 6858000"/>
              <a:gd name="connsiteY1717" fmla="*/ 4110774 h 6858000"/>
              <a:gd name="connsiteX1718" fmla="*/ 3500190 w 6858000"/>
              <a:gd name="connsiteY1718" fmla="*/ 4110774 h 6858000"/>
              <a:gd name="connsiteX1719" fmla="*/ 3500190 w 6858000"/>
              <a:gd name="connsiteY1719" fmla="*/ 4109922 h 6858000"/>
              <a:gd name="connsiteX1720" fmla="*/ 3376058 w 6858000"/>
              <a:gd name="connsiteY1720" fmla="*/ 4109700 h 6858000"/>
              <a:gd name="connsiteX1721" fmla="*/ 3376058 w 6858000"/>
              <a:gd name="connsiteY1721" fmla="*/ 4110996 h 6858000"/>
              <a:gd name="connsiteX1722" fmla="*/ 3377354 w 6858000"/>
              <a:gd name="connsiteY1722" fmla="*/ 4110996 h 6858000"/>
              <a:gd name="connsiteX1723" fmla="*/ 3377354 w 6858000"/>
              <a:gd name="connsiteY1723" fmla="*/ 4109700 h 6858000"/>
              <a:gd name="connsiteX1724" fmla="*/ 3252779 w 6858000"/>
              <a:gd name="connsiteY1724" fmla="*/ 4109478 h 6858000"/>
              <a:gd name="connsiteX1725" fmla="*/ 3252779 w 6858000"/>
              <a:gd name="connsiteY1725" fmla="*/ 4111219 h 6858000"/>
              <a:gd name="connsiteX1726" fmla="*/ 3254519 w 6858000"/>
              <a:gd name="connsiteY1726" fmla="*/ 4111219 h 6858000"/>
              <a:gd name="connsiteX1727" fmla="*/ 3254519 w 6858000"/>
              <a:gd name="connsiteY1727" fmla="*/ 4109478 h 6858000"/>
              <a:gd name="connsiteX1728" fmla="*/ 3129499 w 6858000"/>
              <a:gd name="connsiteY1728" fmla="*/ 4109219 h 6858000"/>
              <a:gd name="connsiteX1729" fmla="*/ 3129499 w 6858000"/>
              <a:gd name="connsiteY1729" fmla="*/ 4111404 h 6858000"/>
              <a:gd name="connsiteX1730" fmla="*/ 3131684 w 6858000"/>
              <a:gd name="connsiteY1730" fmla="*/ 4111404 h 6858000"/>
              <a:gd name="connsiteX1731" fmla="*/ 3131684 w 6858000"/>
              <a:gd name="connsiteY1731" fmla="*/ 4109219 h 6858000"/>
              <a:gd name="connsiteX1732" fmla="*/ 3006220 w 6858000"/>
              <a:gd name="connsiteY1732" fmla="*/ 4109034 h 6858000"/>
              <a:gd name="connsiteX1733" fmla="*/ 3006220 w 6858000"/>
              <a:gd name="connsiteY1733" fmla="*/ 4111626 h 6858000"/>
              <a:gd name="connsiteX1734" fmla="*/ 3008812 w 6858000"/>
              <a:gd name="connsiteY1734" fmla="*/ 4111626 h 6858000"/>
              <a:gd name="connsiteX1735" fmla="*/ 3008812 w 6858000"/>
              <a:gd name="connsiteY1735" fmla="*/ 4109034 h 6858000"/>
              <a:gd name="connsiteX1736" fmla="*/ 2882718 w 6858000"/>
              <a:gd name="connsiteY1736" fmla="*/ 4108589 h 6858000"/>
              <a:gd name="connsiteX1737" fmla="*/ 2882718 w 6858000"/>
              <a:gd name="connsiteY1737" fmla="*/ 4112070 h 6858000"/>
              <a:gd name="connsiteX1738" fmla="*/ 2886199 w 6858000"/>
              <a:gd name="connsiteY1738" fmla="*/ 4112070 h 6858000"/>
              <a:gd name="connsiteX1739" fmla="*/ 2886199 w 6858000"/>
              <a:gd name="connsiteY1739" fmla="*/ 4108589 h 6858000"/>
              <a:gd name="connsiteX1740" fmla="*/ 2759439 w 6858000"/>
              <a:gd name="connsiteY1740" fmla="*/ 4108367 h 6858000"/>
              <a:gd name="connsiteX1741" fmla="*/ 2759439 w 6858000"/>
              <a:gd name="connsiteY1741" fmla="*/ 4112292 h 6858000"/>
              <a:gd name="connsiteX1742" fmla="*/ 2763364 w 6858000"/>
              <a:gd name="connsiteY1742" fmla="*/ 4112292 h 6858000"/>
              <a:gd name="connsiteX1743" fmla="*/ 2763364 w 6858000"/>
              <a:gd name="connsiteY1743" fmla="*/ 4108367 h 6858000"/>
              <a:gd name="connsiteX1744" fmla="*/ 2635937 w 6858000"/>
              <a:gd name="connsiteY1744" fmla="*/ 4107960 h 6858000"/>
              <a:gd name="connsiteX1745" fmla="*/ 2635937 w 6858000"/>
              <a:gd name="connsiteY1745" fmla="*/ 4112737 h 6858000"/>
              <a:gd name="connsiteX1746" fmla="*/ 2640714 w 6858000"/>
              <a:gd name="connsiteY1746" fmla="*/ 4112737 h 6858000"/>
              <a:gd name="connsiteX1747" fmla="*/ 2640714 w 6858000"/>
              <a:gd name="connsiteY1747" fmla="*/ 4107960 h 6858000"/>
              <a:gd name="connsiteX1748" fmla="*/ 2512472 w 6858000"/>
              <a:gd name="connsiteY1748" fmla="*/ 4107515 h 6858000"/>
              <a:gd name="connsiteX1749" fmla="*/ 2512472 w 6858000"/>
              <a:gd name="connsiteY1749" fmla="*/ 4113144 h 6858000"/>
              <a:gd name="connsiteX1750" fmla="*/ 2518101 w 6858000"/>
              <a:gd name="connsiteY1750" fmla="*/ 4113144 h 6858000"/>
              <a:gd name="connsiteX1751" fmla="*/ 2518101 w 6858000"/>
              <a:gd name="connsiteY1751" fmla="*/ 4107515 h 6858000"/>
              <a:gd name="connsiteX1752" fmla="*/ 2388971 w 6858000"/>
              <a:gd name="connsiteY1752" fmla="*/ 4107071 h 6858000"/>
              <a:gd name="connsiteX1753" fmla="*/ 2388971 w 6858000"/>
              <a:gd name="connsiteY1753" fmla="*/ 4113589 h 6858000"/>
              <a:gd name="connsiteX1754" fmla="*/ 2395489 w 6858000"/>
              <a:gd name="connsiteY1754" fmla="*/ 4113589 h 6858000"/>
              <a:gd name="connsiteX1755" fmla="*/ 2395489 w 6858000"/>
              <a:gd name="connsiteY1755" fmla="*/ 4107071 h 6858000"/>
              <a:gd name="connsiteX1756" fmla="*/ 2265469 w 6858000"/>
              <a:gd name="connsiteY1756" fmla="*/ 4106664 h 6858000"/>
              <a:gd name="connsiteX1757" fmla="*/ 2265469 w 6858000"/>
              <a:gd name="connsiteY1757" fmla="*/ 4114033 h 6858000"/>
              <a:gd name="connsiteX1758" fmla="*/ 2272838 w 6858000"/>
              <a:gd name="connsiteY1758" fmla="*/ 4114033 h 6858000"/>
              <a:gd name="connsiteX1759" fmla="*/ 2272838 w 6858000"/>
              <a:gd name="connsiteY1759" fmla="*/ 4106664 h 6858000"/>
              <a:gd name="connsiteX1760" fmla="*/ 2141745 w 6858000"/>
              <a:gd name="connsiteY1760" fmla="*/ 4105959 h 6858000"/>
              <a:gd name="connsiteX1761" fmla="*/ 2141745 w 6858000"/>
              <a:gd name="connsiteY1761" fmla="*/ 4114662 h 6858000"/>
              <a:gd name="connsiteX1762" fmla="*/ 2150447 w 6858000"/>
              <a:gd name="connsiteY1762" fmla="*/ 4114662 h 6858000"/>
              <a:gd name="connsiteX1763" fmla="*/ 2150447 w 6858000"/>
              <a:gd name="connsiteY1763" fmla="*/ 4105959 h 6858000"/>
              <a:gd name="connsiteX1764" fmla="*/ 2018243 w 6858000"/>
              <a:gd name="connsiteY1764" fmla="*/ 4105553 h 6858000"/>
              <a:gd name="connsiteX1765" fmla="*/ 2018243 w 6858000"/>
              <a:gd name="connsiteY1765" fmla="*/ 4115107 h 6858000"/>
              <a:gd name="connsiteX1766" fmla="*/ 2027797 w 6858000"/>
              <a:gd name="connsiteY1766" fmla="*/ 4115107 h 6858000"/>
              <a:gd name="connsiteX1767" fmla="*/ 2027797 w 6858000"/>
              <a:gd name="connsiteY1767" fmla="*/ 4105553 h 6858000"/>
              <a:gd name="connsiteX1768" fmla="*/ 1894779 w 6858000"/>
              <a:gd name="connsiteY1768" fmla="*/ 4105145 h 6858000"/>
              <a:gd name="connsiteX1769" fmla="*/ 1894779 w 6858000"/>
              <a:gd name="connsiteY1769" fmla="*/ 4115551 h 6858000"/>
              <a:gd name="connsiteX1770" fmla="*/ 1905185 w 6858000"/>
              <a:gd name="connsiteY1770" fmla="*/ 4115551 h 6858000"/>
              <a:gd name="connsiteX1771" fmla="*/ 1905185 w 6858000"/>
              <a:gd name="connsiteY1771" fmla="*/ 4105145 h 6858000"/>
              <a:gd name="connsiteX1772" fmla="*/ 1771055 w 6858000"/>
              <a:gd name="connsiteY1772" fmla="*/ 4104442 h 6858000"/>
              <a:gd name="connsiteX1773" fmla="*/ 1771055 w 6858000"/>
              <a:gd name="connsiteY1773" fmla="*/ 4116181 h 6858000"/>
              <a:gd name="connsiteX1774" fmla="*/ 1782794 w 6858000"/>
              <a:gd name="connsiteY1774" fmla="*/ 4116181 h 6858000"/>
              <a:gd name="connsiteX1775" fmla="*/ 1782794 w 6858000"/>
              <a:gd name="connsiteY1775" fmla="*/ 4104442 h 6858000"/>
              <a:gd name="connsiteX1776" fmla="*/ 1647553 w 6858000"/>
              <a:gd name="connsiteY1776" fmla="*/ 4104034 h 6858000"/>
              <a:gd name="connsiteX1777" fmla="*/ 1647553 w 6858000"/>
              <a:gd name="connsiteY1777" fmla="*/ 4116625 h 6858000"/>
              <a:gd name="connsiteX1778" fmla="*/ 1660144 w 6858000"/>
              <a:gd name="connsiteY1778" fmla="*/ 4116625 h 6858000"/>
              <a:gd name="connsiteX1779" fmla="*/ 1660144 w 6858000"/>
              <a:gd name="connsiteY1779" fmla="*/ 4104034 h 6858000"/>
              <a:gd name="connsiteX1780" fmla="*/ 1523829 w 6858000"/>
              <a:gd name="connsiteY1780" fmla="*/ 4103405 h 6858000"/>
              <a:gd name="connsiteX1781" fmla="*/ 1523829 w 6858000"/>
              <a:gd name="connsiteY1781" fmla="*/ 4117292 h 6858000"/>
              <a:gd name="connsiteX1782" fmla="*/ 1537716 w 6858000"/>
              <a:gd name="connsiteY1782" fmla="*/ 4117292 h 6858000"/>
              <a:gd name="connsiteX1783" fmla="*/ 1537716 w 6858000"/>
              <a:gd name="connsiteY1783" fmla="*/ 4103405 h 6858000"/>
              <a:gd name="connsiteX1784" fmla="*/ 1400364 w 6858000"/>
              <a:gd name="connsiteY1784" fmla="*/ 4102960 h 6858000"/>
              <a:gd name="connsiteX1785" fmla="*/ 1400364 w 6858000"/>
              <a:gd name="connsiteY1785" fmla="*/ 4117736 h 6858000"/>
              <a:gd name="connsiteX1786" fmla="*/ 1415140 w 6858000"/>
              <a:gd name="connsiteY1786" fmla="*/ 4117736 h 6858000"/>
              <a:gd name="connsiteX1787" fmla="*/ 1415140 w 6858000"/>
              <a:gd name="connsiteY1787" fmla="*/ 4102960 h 6858000"/>
              <a:gd name="connsiteX1788" fmla="*/ 1276863 w 6858000"/>
              <a:gd name="connsiteY1788" fmla="*/ 4102515 h 6858000"/>
              <a:gd name="connsiteX1789" fmla="*/ 1276863 w 6858000"/>
              <a:gd name="connsiteY1789" fmla="*/ 4118143 h 6858000"/>
              <a:gd name="connsiteX1790" fmla="*/ 1292490 w 6858000"/>
              <a:gd name="connsiteY1790" fmla="*/ 4118143 h 6858000"/>
              <a:gd name="connsiteX1791" fmla="*/ 1292490 w 6858000"/>
              <a:gd name="connsiteY1791" fmla="*/ 4102515 h 6858000"/>
              <a:gd name="connsiteX1792" fmla="*/ 1153361 w 6858000"/>
              <a:gd name="connsiteY1792" fmla="*/ 4102072 h 6858000"/>
              <a:gd name="connsiteX1793" fmla="*/ 1153361 w 6858000"/>
              <a:gd name="connsiteY1793" fmla="*/ 4118588 h 6858000"/>
              <a:gd name="connsiteX1794" fmla="*/ 1169877 w 6858000"/>
              <a:gd name="connsiteY1794" fmla="*/ 4118588 h 6858000"/>
              <a:gd name="connsiteX1795" fmla="*/ 1169877 w 6858000"/>
              <a:gd name="connsiteY1795" fmla="*/ 4102072 h 6858000"/>
              <a:gd name="connsiteX1796" fmla="*/ 1029859 w 6858000"/>
              <a:gd name="connsiteY1796" fmla="*/ 4101664 h 6858000"/>
              <a:gd name="connsiteX1797" fmla="*/ 1029859 w 6858000"/>
              <a:gd name="connsiteY1797" fmla="*/ 4119032 h 6858000"/>
              <a:gd name="connsiteX1798" fmla="*/ 1047227 w 6858000"/>
              <a:gd name="connsiteY1798" fmla="*/ 4119032 h 6858000"/>
              <a:gd name="connsiteX1799" fmla="*/ 1047227 w 6858000"/>
              <a:gd name="connsiteY1799" fmla="*/ 4101664 h 6858000"/>
              <a:gd name="connsiteX1800" fmla="*/ 906358 w 6858000"/>
              <a:gd name="connsiteY1800" fmla="*/ 4101183 h 6858000"/>
              <a:gd name="connsiteX1801" fmla="*/ 906358 w 6858000"/>
              <a:gd name="connsiteY1801" fmla="*/ 4119440 h 6858000"/>
              <a:gd name="connsiteX1802" fmla="*/ 924615 w 6858000"/>
              <a:gd name="connsiteY1802" fmla="*/ 4119440 h 6858000"/>
              <a:gd name="connsiteX1803" fmla="*/ 924615 w 6858000"/>
              <a:gd name="connsiteY1803" fmla="*/ 4101183 h 6858000"/>
              <a:gd name="connsiteX1804" fmla="*/ 783078 w 6858000"/>
              <a:gd name="connsiteY1804" fmla="*/ 4100998 h 6858000"/>
              <a:gd name="connsiteX1805" fmla="*/ 783078 w 6858000"/>
              <a:gd name="connsiteY1805" fmla="*/ 4119662 h 6858000"/>
              <a:gd name="connsiteX1806" fmla="*/ 801742 w 6858000"/>
              <a:gd name="connsiteY1806" fmla="*/ 4119662 h 6858000"/>
              <a:gd name="connsiteX1807" fmla="*/ 801742 w 6858000"/>
              <a:gd name="connsiteY1807" fmla="*/ 4100998 h 6858000"/>
              <a:gd name="connsiteX1808" fmla="*/ 659613 w 6858000"/>
              <a:gd name="connsiteY1808" fmla="*/ 4100553 h 6858000"/>
              <a:gd name="connsiteX1809" fmla="*/ 659613 w 6858000"/>
              <a:gd name="connsiteY1809" fmla="*/ 4120106 h 6858000"/>
              <a:gd name="connsiteX1810" fmla="*/ 679166 w 6858000"/>
              <a:gd name="connsiteY1810" fmla="*/ 4120106 h 6858000"/>
              <a:gd name="connsiteX1811" fmla="*/ 679166 w 6858000"/>
              <a:gd name="connsiteY1811" fmla="*/ 4100553 h 6858000"/>
              <a:gd name="connsiteX1812" fmla="*/ 536334 w 6858000"/>
              <a:gd name="connsiteY1812" fmla="*/ 4100331 h 6858000"/>
              <a:gd name="connsiteX1813" fmla="*/ 536334 w 6858000"/>
              <a:gd name="connsiteY1813" fmla="*/ 4120328 h 6858000"/>
              <a:gd name="connsiteX1814" fmla="*/ 556331 w 6858000"/>
              <a:gd name="connsiteY1814" fmla="*/ 4120328 h 6858000"/>
              <a:gd name="connsiteX1815" fmla="*/ 556331 w 6858000"/>
              <a:gd name="connsiteY1815" fmla="*/ 4100331 h 6858000"/>
              <a:gd name="connsiteX1816" fmla="*/ 413054 w 6858000"/>
              <a:gd name="connsiteY1816" fmla="*/ 4100146 h 6858000"/>
              <a:gd name="connsiteX1817" fmla="*/ 413054 w 6858000"/>
              <a:gd name="connsiteY1817" fmla="*/ 4120551 h 6858000"/>
              <a:gd name="connsiteX1818" fmla="*/ 433459 w 6858000"/>
              <a:gd name="connsiteY1818" fmla="*/ 4120551 h 6858000"/>
              <a:gd name="connsiteX1819" fmla="*/ 433459 w 6858000"/>
              <a:gd name="connsiteY1819" fmla="*/ 4100146 h 6858000"/>
              <a:gd name="connsiteX1820" fmla="*/ 43882 w 6858000"/>
              <a:gd name="connsiteY1820" fmla="*/ 4100146 h 6858000"/>
              <a:gd name="connsiteX1821" fmla="*/ 43882 w 6858000"/>
              <a:gd name="connsiteY1821" fmla="*/ 4120551 h 6858000"/>
              <a:gd name="connsiteX1822" fmla="*/ 64287 w 6858000"/>
              <a:gd name="connsiteY1822" fmla="*/ 4120551 h 6858000"/>
              <a:gd name="connsiteX1823" fmla="*/ 64287 w 6858000"/>
              <a:gd name="connsiteY1823" fmla="*/ 4100146 h 6858000"/>
              <a:gd name="connsiteX1824" fmla="*/ 289775 w 6858000"/>
              <a:gd name="connsiteY1824" fmla="*/ 4099924 h 6858000"/>
              <a:gd name="connsiteX1825" fmla="*/ 289775 w 6858000"/>
              <a:gd name="connsiteY1825" fmla="*/ 4120773 h 6858000"/>
              <a:gd name="connsiteX1826" fmla="*/ 310624 w 6858000"/>
              <a:gd name="connsiteY1826" fmla="*/ 4120773 h 6858000"/>
              <a:gd name="connsiteX1827" fmla="*/ 310624 w 6858000"/>
              <a:gd name="connsiteY1827" fmla="*/ 4099924 h 6858000"/>
              <a:gd name="connsiteX1828" fmla="*/ 166718 w 6858000"/>
              <a:gd name="connsiteY1828" fmla="*/ 4099924 h 6858000"/>
              <a:gd name="connsiteX1829" fmla="*/ 166718 w 6858000"/>
              <a:gd name="connsiteY1829" fmla="*/ 4120773 h 6858000"/>
              <a:gd name="connsiteX1830" fmla="*/ 187567 w 6858000"/>
              <a:gd name="connsiteY1830" fmla="*/ 4120773 h 6858000"/>
              <a:gd name="connsiteX1831" fmla="*/ 187567 w 6858000"/>
              <a:gd name="connsiteY1831" fmla="*/ 4099924 h 6858000"/>
              <a:gd name="connsiteX1832" fmla="*/ 4484019 w 6858000"/>
              <a:gd name="connsiteY1832" fmla="*/ 3987051 h 6858000"/>
              <a:gd name="connsiteX1833" fmla="*/ 4484019 w 6858000"/>
              <a:gd name="connsiteY1833" fmla="*/ 3987495 h 6858000"/>
              <a:gd name="connsiteX1834" fmla="*/ 4484463 w 6858000"/>
              <a:gd name="connsiteY1834" fmla="*/ 3987495 h 6858000"/>
              <a:gd name="connsiteX1835" fmla="*/ 4484463 w 6858000"/>
              <a:gd name="connsiteY1835" fmla="*/ 3987051 h 6858000"/>
              <a:gd name="connsiteX1836" fmla="*/ 4360961 w 6858000"/>
              <a:gd name="connsiteY1836" fmla="*/ 3987051 h 6858000"/>
              <a:gd name="connsiteX1837" fmla="*/ 4360961 w 6858000"/>
              <a:gd name="connsiteY1837" fmla="*/ 3987495 h 6858000"/>
              <a:gd name="connsiteX1838" fmla="*/ 4361405 w 6858000"/>
              <a:gd name="connsiteY1838" fmla="*/ 3987495 h 6858000"/>
              <a:gd name="connsiteX1839" fmla="*/ 4361405 w 6858000"/>
              <a:gd name="connsiteY1839" fmla="*/ 3987051 h 6858000"/>
              <a:gd name="connsiteX1840" fmla="*/ 4237904 w 6858000"/>
              <a:gd name="connsiteY1840" fmla="*/ 3987051 h 6858000"/>
              <a:gd name="connsiteX1841" fmla="*/ 4237904 w 6858000"/>
              <a:gd name="connsiteY1841" fmla="*/ 3987495 h 6858000"/>
              <a:gd name="connsiteX1842" fmla="*/ 4238348 w 6858000"/>
              <a:gd name="connsiteY1842" fmla="*/ 3987495 h 6858000"/>
              <a:gd name="connsiteX1843" fmla="*/ 4238348 w 6858000"/>
              <a:gd name="connsiteY1843" fmla="*/ 3987051 h 6858000"/>
              <a:gd name="connsiteX1844" fmla="*/ 4114847 w 6858000"/>
              <a:gd name="connsiteY1844" fmla="*/ 3987051 h 6858000"/>
              <a:gd name="connsiteX1845" fmla="*/ 4114847 w 6858000"/>
              <a:gd name="connsiteY1845" fmla="*/ 3987495 h 6858000"/>
              <a:gd name="connsiteX1846" fmla="*/ 4115291 w 6858000"/>
              <a:gd name="connsiteY1846" fmla="*/ 3987495 h 6858000"/>
              <a:gd name="connsiteX1847" fmla="*/ 4115291 w 6858000"/>
              <a:gd name="connsiteY1847" fmla="*/ 3987051 h 6858000"/>
              <a:gd name="connsiteX1848" fmla="*/ 3991789 w 6858000"/>
              <a:gd name="connsiteY1848" fmla="*/ 3987051 h 6858000"/>
              <a:gd name="connsiteX1849" fmla="*/ 3991789 w 6858000"/>
              <a:gd name="connsiteY1849" fmla="*/ 3987495 h 6858000"/>
              <a:gd name="connsiteX1850" fmla="*/ 3992234 w 6858000"/>
              <a:gd name="connsiteY1850" fmla="*/ 3987495 h 6858000"/>
              <a:gd name="connsiteX1851" fmla="*/ 3992234 w 6858000"/>
              <a:gd name="connsiteY1851" fmla="*/ 3987051 h 6858000"/>
              <a:gd name="connsiteX1852" fmla="*/ 3868732 w 6858000"/>
              <a:gd name="connsiteY1852" fmla="*/ 3987051 h 6858000"/>
              <a:gd name="connsiteX1853" fmla="*/ 3868732 w 6858000"/>
              <a:gd name="connsiteY1853" fmla="*/ 3987495 h 6858000"/>
              <a:gd name="connsiteX1854" fmla="*/ 3869176 w 6858000"/>
              <a:gd name="connsiteY1854" fmla="*/ 3987495 h 6858000"/>
              <a:gd name="connsiteX1855" fmla="*/ 3869176 w 6858000"/>
              <a:gd name="connsiteY1855" fmla="*/ 3987051 h 6858000"/>
              <a:gd name="connsiteX1856" fmla="*/ 3745453 w 6858000"/>
              <a:gd name="connsiteY1856" fmla="*/ 3986865 h 6858000"/>
              <a:gd name="connsiteX1857" fmla="*/ 3745453 w 6858000"/>
              <a:gd name="connsiteY1857" fmla="*/ 3987717 h 6858000"/>
              <a:gd name="connsiteX1858" fmla="*/ 3746305 w 6858000"/>
              <a:gd name="connsiteY1858" fmla="*/ 3987717 h 6858000"/>
              <a:gd name="connsiteX1859" fmla="*/ 3746305 w 6858000"/>
              <a:gd name="connsiteY1859" fmla="*/ 3986865 h 6858000"/>
              <a:gd name="connsiteX1860" fmla="*/ 3622395 w 6858000"/>
              <a:gd name="connsiteY1860" fmla="*/ 3986865 h 6858000"/>
              <a:gd name="connsiteX1861" fmla="*/ 3622395 w 6858000"/>
              <a:gd name="connsiteY1861" fmla="*/ 3987717 h 6858000"/>
              <a:gd name="connsiteX1862" fmla="*/ 3623247 w 6858000"/>
              <a:gd name="connsiteY1862" fmla="*/ 3987717 h 6858000"/>
              <a:gd name="connsiteX1863" fmla="*/ 3623247 w 6858000"/>
              <a:gd name="connsiteY1863" fmla="*/ 3986865 h 6858000"/>
              <a:gd name="connsiteX1864" fmla="*/ 3499116 w 6858000"/>
              <a:gd name="connsiteY1864" fmla="*/ 3986643 h 6858000"/>
              <a:gd name="connsiteX1865" fmla="*/ 3499116 w 6858000"/>
              <a:gd name="connsiteY1865" fmla="*/ 3987939 h 6858000"/>
              <a:gd name="connsiteX1866" fmla="*/ 3500412 w 6858000"/>
              <a:gd name="connsiteY1866" fmla="*/ 3987939 h 6858000"/>
              <a:gd name="connsiteX1867" fmla="*/ 3500412 w 6858000"/>
              <a:gd name="connsiteY1867" fmla="*/ 3986643 h 6858000"/>
              <a:gd name="connsiteX1868" fmla="*/ 3376058 w 6858000"/>
              <a:gd name="connsiteY1868" fmla="*/ 3986643 h 6858000"/>
              <a:gd name="connsiteX1869" fmla="*/ 3376058 w 6858000"/>
              <a:gd name="connsiteY1869" fmla="*/ 3987939 h 6858000"/>
              <a:gd name="connsiteX1870" fmla="*/ 3377354 w 6858000"/>
              <a:gd name="connsiteY1870" fmla="*/ 3987939 h 6858000"/>
              <a:gd name="connsiteX1871" fmla="*/ 3377354 w 6858000"/>
              <a:gd name="connsiteY1871" fmla="*/ 3986643 h 6858000"/>
              <a:gd name="connsiteX1872" fmla="*/ 3252779 w 6858000"/>
              <a:gd name="connsiteY1872" fmla="*/ 3986421 h 6858000"/>
              <a:gd name="connsiteX1873" fmla="*/ 3252779 w 6858000"/>
              <a:gd name="connsiteY1873" fmla="*/ 3988161 h 6858000"/>
              <a:gd name="connsiteX1874" fmla="*/ 3254519 w 6858000"/>
              <a:gd name="connsiteY1874" fmla="*/ 3988161 h 6858000"/>
              <a:gd name="connsiteX1875" fmla="*/ 3254519 w 6858000"/>
              <a:gd name="connsiteY1875" fmla="*/ 3986421 h 6858000"/>
              <a:gd name="connsiteX1876" fmla="*/ 3129277 w 6858000"/>
              <a:gd name="connsiteY1876" fmla="*/ 3985977 h 6858000"/>
              <a:gd name="connsiteX1877" fmla="*/ 3129277 w 6858000"/>
              <a:gd name="connsiteY1877" fmla="*/ 3988569 h 6858000"/>
              <a:gd name="connsiteX1878" fmla="*/ 3131869 w 6858000"/>
              <a:gd name="connsiteY1878" fmla="*/ 3988569 h 6858000"/>
              <a:gd name="connsiteX1879" fmla="*/ 3131869 w 6858000"/>
              <a:gd name="connsiteY1879" fmla="*/ 3985977 h 6858000"/>
              <a:gd name="connsiteX1880" fmla="*/ 3005998 w 6858000"/>
              <a:gd name="connsiteY1880" fmla="*/ 3985754 h 6858000"/>
              <a:gd name="connsiteX1881" fmla="*/ 3005998 w 6858000"/>
              <a:gd name="connsiteY1881" fmla="*/ 3988791 h 6858000"/>
              <a:gd name="connsiteX1882" fmla="*/ 3009035 w 6858000"/>
              <a:gd name="connsiteY1882" fmla="*/ 3988791 h 6858000"/>
              <a:gd name="connsiteX1883" fmla="*/ 3009035 w 6858000"/>
              <a:gd name="connsiteY1883" fmla="*/ 3985754 h 6858000"/>
              <a:gd name="connsiteX1884" fmla="*/ 2882496 w 6858000"/>
              <a:gd name="connsiteY1884" fmla="*/ 3985310 h 6858000"/>
              <a:gd name="connsiteX1885" fmla="*/ 2882496 w 6858000"/>
              <a:gd name="connsiteY1885" fmla="*/ 3989235 h 6858000"/>
              <a:gd name="connsiteX1886" fmla="*/ 2886421 w 6858000"/>
              <a:gd name="connsiteY1886" fmla="*/ 3989235 h 6858000"/>
              <a:gd name="connsiteX1887" fmla="*/ 2886421 w 6858000"/>
              <a:gd name="connsiteY1887" fmla="*/ 3985310 h 6858000"/>
              <a:gd name="connsiteX1888" fmla="*/ 2759216 w 6858000"/>
              <a:gd name="connsiteY1888" fmla="*/ 3985124 h 6858000"/>
              <a:gd name="connsiteX1889" fmla="*/ 2759216 w 6858000"/>
              <a:gd name="connsiteY1889" fmla="*/ 3989457 h 6858000"/>
              <a:gd name="connsiteX1890" fmla="*/ 2763549 w 6858000"/>
              <a:gd name="connsiteY1890" fmla="*/ 3989457 h 6858000"/>
              <a:gd name="connsiteX1891" fmla="*/ 2763549 w 6858000"/>
              <a:gd name="connsiteY1891" fmla="*/ 3985124 h 6858000"/>
              <a:gd name="connsiteX1892" fmla="*/ 2635715 w 6858000"/>
              <a:gd name="connsiteY1892" fmla="*/ 3984643 h 6858000"/>
              <a:gd name="connsiteX1893" fmla="*/ 2635715 w 6858000"/>
              <a:gd name="connsiteY1893" fmla="*/ 3989865 h 6858000"/>
              <a:gd name="connsiteX1894" fmla="*/ 2640936 w 6858000"/>
              <a:gd name="connsiteY1894" fmla="*/ 3989865 h 6858000"/>
              <a:gd name="connsiteX1895" fmla="*/ 2640936 w 6858000"/>
              <a:gd name="connsiteY1895" fmla="*/ 3984643 h 6858000"/>
              <a:gd name="connsiteX1896" fmla="*/ 2512028 w 6858000"/>
              <a:gd name="connsiteY1896" fmla="*/ 3984013 h 6858000"/>
              <a:gd name="connsiteX1897" fmla="*/ 2512028 w 6858000"/>
              <a:gd name="connsiteY1897" fmla="*/ 3990531 h 6858000"/>
              <a:gd name="connsiteX1898" fmla="*/ 2518546 w 6858000"/>
              <a:gd name="connsiteY1898" fmla="*/ 3990531 h 6858000"/>
              <a:gd name="connsiteX1899" fmla="*/ 2518546 w 6858000"/>
              <a:gd name="connsiteY1899" fmla="*/ 3984013 h 6858000"/>
              <a:gd name="connsiteX1900" fmla="*/ 2388526 w 6858000"/>
              <a:gd name="connsiteY1900" fmla="*/ 3983607 h 6858000"/>
              <a:gd name="connsiteX1901" fmla="*/ 2388526 w 6858000"/>
              <a:gd name="connsiteY1901" fmla="*/ 3990976 h 6858000"/>
              <a:gd name="connsiteX1902" fmla="*/ 2395895 w 6858000"/>
              <a:gd name="connsiteY1902" fmla="*/ 3990976 h 6858000"/>
              <a:gd name="connsiteX1903" fmla="*/ 2395895 w 6858000"/>
              <a:gd name="connsiteY1903" fmla="*/ 3983607 h 6858000"/>
              <a:gd name="connsiteX1904" fmla="*/ 2264802 w 6858000"/>
              <a:gd name="connsiteY1904" fmla="*/ 3982902 h 6858000"/>
              <a:gd name="connsiteX1905" fmla="*/ 2264802 w 6858000"/>
              <a:gd name="connsiteY1905" fmla="*/ 3991605 h 6858000"/>
              <a:gd name="connsiteX1906" fmla="*/ 2273504 w 6858000"/>
              <a:gd name="connsiteY1906" fmla="*/ 3991605 h 6858000"/>
              <a:gd name="connsiteX1907" fmla="*/ 2273504 w 6858000"/>
              <a:gd name="connsiteY1907" fmla="*/ 3982902 h 6858000"/>
              <a:gd name="connsiteX1908" fmla="*/ 2141301 w 6858000"/>
              <a:gd name="connsiteY1908" fmla="*/ 3982496 h 6858000"/>
              <a:gd name="connsiteX1909" fmla="*/ 2141301 w 6858000"/>
              <a:gd name="connsiteY1909" fmla="*/ 3992050 h 6858000"/>
              <a:gd name="connsiteX1910" fmla="*/ 2150855 w 6858000"/>
              <a:gd name="connsiteY1910" fmla="*/ 3992050 h 6858000"/>
              <a:gd name="connsiteX1911" fmla="*/ 2150855 w 6858000"/>
              <a:gd name="connsiteY1911" fmla="*/ 3982496 h 6858000"/>
              <a:gd name="connsiteX1912" fmla="*/ 2017614 w 6858000"/>
              <a:gd name="connsiteY1912" fmla="*/ 3981866 h 6858000"/>
              <a:gd name="connsiteX1913" fmla="*/ 2017614 w 6858000"/>
              <a:gd name="connsiteY1913" fmla="*/ 3992716 h 6858000"/>
              <a:gd name="connsiteX1914" fmla="*/ 2028464 w 6858000"/>
              <a:gd name="connsiteY1914" fmla="*/ 3992716 h 6858000"/>
              <a:gd name="connsiteX1915" fmla="*/ 2028464 w 6858000"/>
              <a:gd name="connsiteY1915" fmla="*/ 3981866 h 6858000"/>
              <a:gd name="connsiteX1916" fmla="*/ 1893890 w 6858000"/>
              <a:gd name="connsiteY1916" fmla="*/ 3981200 h 6858000"/>
              <a:gd name="connsiteX1917" fmla="*/ 1893890 w 6858000"/>
              <a:gd name="connsiteY1917" fmla="*/ 3993346 h 6858000"/>
              <a:gd name="connsiteX1918" fmla="*/ 1906037 w 6858000"/>
              <a:gd name="connsiteY1918" fmla="*/ 3993346 h 6858000"/>
              <a:gd name="connsiteX1919" fmla="*/ 1906037 w 6858000"/>
              <a:gd name="connsiteY1919" fmla="*/ 3981200 h 6858000"/>
              <a:gd name="connsiteX1920" fmla="*/ 1770166 w 6858000"/>
              <a:gd name="connsiteY1920" fmla="*/ 3980532 h 6858000"/>
              <a:gd name="connsiteX1921" fmla="*/ 1770166 w 6858000"/>
              <a:gd name="connsiteY1921" fmla="*/ 3994012 h 6858000"/>
              <a:gd name="connsiteX1922" fmla="*/ 1783646 w 6858000"/>
              <a:gd name="connsiteY1922" fmla="*/ 3994012 h 6858000"/>
              <a:gd name="connsiteX1923" fmla="*/ 1783646 w 6858000"/>
              <a:gd name="connsiteY1923" fmla="*/ 3980532 h 6858000"/>
              <a:gd name="connsiteX1924" fmla="*/ 1646479 w 6858000"/>
              <a:gd name="connsiteY1924" fmla="*/ 3979866 h 6858000"/>
              <a:gd name="connsiteX1925" fmla="*/ 1646479 w 6858000"/>
              <a:gd name="connsiteY1925" fmla="*/ 3994642 h 6858000"/>
              <a:gd name="connsiteX1926" fmla="*/ 1661255 w 6858000"/>
              <a:gd name="connsiteY1926" fmla="*/ 3994642 h 6858000"/>
              <a:gd name="connsiteX1927" fmla="*/ 1661255 w 6858000"/>
              <a:gd name="connsiteY1927" fmla="*/ 3979866 h 6858000"/>
              <a:gd name="connsiteX1928" fmla="*/ 1522755 w 6858000"/>
              <a:gd name="connsiteY1928" fmla="*/ 3979236 h 6858000"/>
              <a:gd name="connsiteX1929" fmla="*/ 1522755 w 6858000"/>
              <a:gd name="connsiteY1929" fmla="*/ 3995308 h 6858000"/>
              <a:gd name="connsiteX1930" fmla="*/ 1538827 w 6858000"/>
              <a:gd name="connsiteY1930" fmla="*/ 3995308 h 6858000"/>
              <a:gd name="connsiteX1931" fmla="*/ 1538827 w 6858000"/>
              <a:gd name="connsiteY1931" fmla="*/ 3979236 h 6858000"/>
              <a:gd name="connsiteX1932" fmla="*/ 1399031 w 6858000"/>
              <a:gd name="connsiteY1932" fmla="*/ 3978607 h 6858000"/>
              <a:gd name="connsiteX1933" fmla="*/ 1399031 w 6858000"/>
              <a:gd name="connsiteY1933" fmla="*/ 3995975 h 6858000"/>
              <a:gd name="connsiteX1934" fmla="*/ 1416399 w 6858000"/>
              <a:gd name="connsiteY1934" fmla="*/ 3995975 h 6858000"/>
              <a:gd name="connsiteX1935" fmla="*/ 1416399 w 6858000"/>
              <a:gd name="connsiteY1935" fmla="*/ 3978607 h 6858000"/>
              <a:gd name="connsiteX1936" fmla="*/ 1275567 w 6858000"/>
              <a:gd name="connsiteY1936" fmla="*/ 3978125 h 6858000"/>
              <a:gd name="connsiteX1937" fmla="*/ 1275567 w 6858000"/>
              <a:gd name="connsiteY1937" fmla="*/ 3996382 h 6858000"/>
              <a:gd name="connsiteX1938" fmla="*/ 1293824 w 6858000"/>
              <a:gd name="connsiteY1938" fmla="*/ 3996382 h 6858000"/>
              <a:gd name="connsiteX1939" fmla="*/ 1293824 w 6858000"/>
              <a:gd name="connsiteY1939" fmla="*/ 3978125 h 6858000"/>
              <a:gd name="connsiteX1940" fmla="*/ 1151843 w 6858000"/>
              <a:gd name="connsiteY1940" fmla="*/ 3977496 h 6858000"/>
              <a:gd name="connsiteX1941" fmla="*/ 1151843 w 6858000"/>
              <a:gd name="connsiteY1941" fmla="*/ 3997049 h 6858000"/>
              <a:gd name="connsiteX1942" fmla="*/ 1171396 w 6858000"/>
              <a:gd name="connsiteY1942" fmla="*/ 3997049 h 6858000"/>
              <a:gd name="connsiteX1943" fmla="*/ 1171396 w 6858000"/>
              <a:gd name="connsiteY1943" fmla="*/ 3977496 h 6858000"/>
              <a:gd name="connsiteX1944" fmla="*/ 1028341 w 6858000"/>
              <a:gd name="connsiteY1944" fmla="*/ 3977088 h 6858000"/>
              <a:gd name="connsiteX1945" fmla="*/ 1028341 w 6858000"/>
              <a:gd name="connsiteY1945" fmla="*/ 3997493 h 6858000"/>
              <a:gd name="connsiteX1946" fmla="*/ 1048746 w 6858000"/>
              <a:gd name="connsiteY1946" fmla="*/ 3997493 h 6858000"/>
              <a:gd name="connsiteX1947" fmla="*/ 1048746 w 6858000"/>
              <a:gd name="connsiteY1947" fmla="*/ 3977088 h 6858000"/>
              <a:gd name="connsiteX1948" fmla="*/ 904839 w 6858000"/>
              <a:gd name="connsiteY1948" fmla="*/ 3976608 h 6858000"/>
              <a:gd name="connsiteX1949" fmla="*/ 904839 w 6858000"/>
              <a:gd name="connsiteY1949" fmla="*/ 3997901 h 6858000"/>
              <a:gd name="connsiteX1950" fmla="*/ 926132 w 6858000"/>
              <a:gd name="connsiteY1950" fmla="*/ 3997901 h 6858000"/>
              <a:gd name="connsiteX1951" fmla="*/ 926132 w 6858000"/>
              <a:gd name="connsiteY1951" fmla="*/ 3976608 h 6858000"/>
              <a:gd name="connsiteX1952" fmla="*/ 781375 w 6858000"/>
              <a:gd name="connsiteY1952" fmla="*/ 3976200 h 6858000"/>
              <a:gd name="connsiteX1953" fmla="*/ 781375 w 6858000"/>
              <a:gd name="connsiteY1953" fmla="*/ 3998345 h 6858000"/>
              <a:gd name="connsiteX1954" fmla="*/ 803520 w 6858000"/>
              <a:gd name="connsiteY1954" fmla="*/ 3998345 h 6858000"/>
              <a:gd name="connsiteX1955" fmla="*/ 803520 w 6858000"/>
              <a:gd name="connsiteY1955" fmla="*/ 3976200 h 6858000"/>
              <a:gd name="connsiteX1956" fmla="*/ 657873 w 6858000"/>
              <a:gd name="connsiteY1956" fmla="*/ 3975755 h 6858000"/>
              <a:gd name="connsiteX1957" fmla="*/ 657873 w 6858000"/>
              <a:gd name="connsiteY1957" fmla="*/ 3998789 h 6858000"/>
              <a:gd name="connsiteX1958" fmla="*/ 680907 w 6858000"/>
              <a:gd name="connsiteY1958" fmla="*/ 3998789 h 6858000"/>
              <a:gd name="connsiteX1959" fmla="*/ 680907 w 6858000"/>
              <a:gd name="connsiteY1959" fmla="*/ 3975755 h 6858000"/>
              <a:gd name="connsiteX1960" fmla="*/ 534593 w 6858000"/>
              <a:gd name="connsiteY1960" fmla="*/ 3975571 h 6858000"/>
              <a:gd name="connsiteX1961" fmla="*/ 534593 w 6858000"/>
              <a:gd name="connsiteY1961" fmla="*/ 3999012 h 6858000"/>
              <a:gd name="connsiteX1962" fmla="*/ 558034 w 6858000"/>
              <a:gd name="connsiteY1962" fmla="*/ 3999012 h 6858000"/>
              <a:gd name="connsiteX1963" fmla="*/ 558034 w 6858000"/>
              <a:gd name="connsiteY1963" fmla="*/ 3975571 h 6858000"/>
              <a:gd name="connsiteX1964" fmla="*/ 411314 w 6858000"/>
              <a:gd name="connsiteY1964" fmla="*/ 3975348 h 6858000"/>
              <a:gd name="connsiteX1965" fmla="*/ 411314 w 6858000"/>
              <a:gd name="connsiteY1965" fmla="*/ 3999234 h 6858000"/>
              <a:gd name="connsiteX1966" fmla="*/ 435200 w 6858000"/>
              <a:gd name="connsiteY1966" fmla="*/ 3999234 h 6858000"/>
              <a:gd name="connsiteX1967" fmla="*/ 435200 w 6858000"/>
              <a:gd name="connsiteY1967" fmla="*/ 3975348 h 6858000"/>
              <a:gd name="connsiteX1968" fmla="*/ 41920 w 6858000"/>
              <a:gd name="connsiteY1968" fmla="*/ 3975089 h 6858000"/>
              <a:gd name="connsiteX1969" fmla="*/ 41920 w 6858000"/>
              <a:gd name="connsiteY1969" fmla="*/ 3999419 h 6858000"/>
              <a:gd name="connsiteX1970" fmla="*/ 66250 w 6858000"/>
              <a:gd name="connsiteY1970" fmla="*/ 3999419 h 6858000"/>
              <a:gd name="connsiteX1971" fmla="*/ 66250 w 6858000"/>
              <a:gd name="connsiteY1971" fmla="*/ 3975089 h 6858000"/>
              <a:gd name="connsiteX1972" fmla="*/ 287812 w 6858000"/>
              <a:gd name="connsiteY1972" fmla="*/ 3974867 h 6858000"/>
              <a:gd name="connsiteX1973" fmla="*/ 287812 w 6858000"/>
              <a:gd name="connsiteY1973" fmla="*/ 3999641 h 6858000"/>
              <a:gd name="connsiteX1974" fmla="*/ 312586 w 6858000"/>
              <a:gd name="connsiteY1974" fmla="*/ 3999641 h 6858000"/>
              <a:gd name="connsiteX1975" fmla="*/ 312586 w 6858000"/>
              <a:gd name="connsiteY1975" fmla="*/ 3974867 h 6858000"/>
              <a:gd name="connsiteX1976" fmla="*/ 164755 w 6858000"/>
              <a:gd name="connsiteY1976" fmla="*/ 3974867 h 6858000"/>
              <a:gd name="connsiteX1977" fmla="*/ 164755 w 6858000"/>
              <a:gd name="connsiteY1977" fmla="*/ 3999641 h 6858000"/>
              <a:gd name="connsiteX1978" fmla="*/ 189529 w 6858000"/>
              <a:gd name="connsiteY1978" fmla="*/ 3999641 h 6858000"/>
              <a:gd name="connsiteX1979" fmla="*/ 189529 w 6858000"/>
              <a:gd name="connsiteY1979" fmla="*/ 3974867 h 6858000"/>
              <a:gd name="connsiteX1980" fmla="*/ 4484019 w 6858000"/>
              <a:gd name="connsiteY1980" fmla="*/ 3863993 h 6858000"/>
              <a:gd name="connsiteX1981" fmla="*/ 4484019 w 6858000"/>
              <a:gd name="connsiteY1981" fmla="*/ 3864437 h 6858000"/>
              <a:gd name="connsiteX1982" fmla="*/ 4484463 w 6858000"/>
              <a:gd name="connsiteY1982" fmla="*/ 3864437 h 6858000"/>
              <a:gd name="connsiteX1983" fmla="*/ 4484463 w 6858000"/>
              <a:gd name="connsiteY1983" fmla="*/ 3863993 h 6858000"/>
              <a:gd name="connsiteX1984" fmla="*/ 4360961 w 6858000"/>
              <a:gd name="connsiteY1984" fmla="*/ 3863993 h 6858000"/>
              <a:gd name="connsiteX1985" fmla="*/ 4360961 w 6858000"/>
              <a:gd name="connsiteY1985" fmla="*/ 3864437 h 6858000"/>
              <a:gd name="connsiteX1986" fmla="*/ 4361405 w 6858000"/>
              <a:gd name="connsiteY1986" fmla="*/ 3864437 h 6858000"/>
              <a:gd name="connsiteX1987" fmla="*/ 4361405 w 6858000"/>
              <a:gd name="connsiteY1987" fmla="*/ 3863993 h 6858000"/>
              <a:gd name="connsiteX1988" fmla="*/ 4237904 w 6858000"/>
              <a:gd name="connsiteY1988" fmla="*/ 3863993 h 6858000"/>
              <a:gd name="connsiteX1989" fmla="*/ 4237904 w 6858000"/>
              <a:gd name="connsiteY1989" fmla="*/ 3864437 h 6858000"/>
              <a:gd name="connsiteX1990" fmla="*/ 4238348 w 6858000"/>
              <a:gd name="connsiteY1990" fmla="*/ 3864437 h 6858000"/>
              <a:gd name="connsiteX1991" fmla="*/ 4238348 w 6858000"/>
              <a:gd name="connsiteY1991" fmla="*/ 3863993 h 6858000"/>
              <a:gd name="connsiteX1992" fmla="*/ 4114847 w 6858000"/>
              <a:gd name="connsiteY1992" fmla="*/ 3863993 h 6858000"/>
              <a:gd name="connsiteX1993" fmla="*/ 4114847 w 6858000"/>
              <a:gd name="connsiteY1993" fmla="*/ 3864437 h 6858000"/>
              <a:gd name="connsiteX1994" fmla="*/ 4115291 w 6858000"/>
              <a:gd name="connsiteY1994" fmla="*/ 3864437 h 6858000"/>
              <a:gd name="connsiteX1995" fmla="*/ 4115291 w 6858000"/>
              <a:gd name="connsiteY1995" fmla="*/ 3863993 h 6858000"/>
              <a:gd name="connsiteX1996" fmla="*/ 3991789 w 6858000"/>
              <a:gd name="connsiteY1996" fmla="*/ 3863993 h 6858000"/>
              <a:gd name="connsiteX1997" fmla="*/ 3991789 w 6858000"/>
              <a:gd name="connsiteY1997" fmla="*/ 3864437 h 6858000"/>
              <a:gd name="connsiteX1998" fmla="*/ 3992234 w 6858000"/>
              <a:gd name="connsiteY1998" fmla="*/ 3864437 h 6858000"/>
              <a:gd name="connsiteX1999" fmla="*/ 3992234 w 6858000"/>
              <a:gd name="connsiteY1999" fmla="*/ 3863993 h 6858000"/>
              <a:gd name="connsiteX2000" fmla="*/ 3868732 w 6858000"/>
              <a:gd name="connsiteY2000" fmla="*/ 3863993 h 6858000"/>
              <a:gd name="connsiteX2001" fmla="*/ 3868732 w 6858000"/>
              <a:gd name="connsiteY2001" fmla="*/ 3864437 h 6858000"/>
              <a:gd name="connsiteX2002" fmla="*/ 3869176 w 6858000"/>
              <a:gd name="connsiteY2002" fmla="*/ 3864437 h 6858000"/>
              <a:gd name="connsiteX2003" fmla="*/ 3869176 w 6858000"/>
              <a:gd name="connsiteY2003" fmla="*/ 3863993 h 6858000"/>
              <a:gd name="connsiteX2004" fmla="*/ 3745453 w 6858000"/>
              <a:gd name="connsiteY2004" fmla="*/ 3863807 h 6858000"/>
              <a:gd name="connsiteX2005" fmla="*/ 3745453 w 6858000"/>
              <a:gd name="connsiteY2005" fmla="*/ 3864659 h 6858000"/>
              <a:gd name="connsiteX2006" fmla="*/ 3746305 w 6858000"/>
              <a:gd name="connsiteY2006" fmla="*/ 3864659 h 6858000"/>
              <a:gd name="connsiteX2007" fmla="*/ 3746305 w 6858000"/>
              <a:gd name="connsiteY2007" fmla="*/ 3863807 h 6858000"/>
              <a:gd name="connsiteX2008" fmla="*/ 3622395 w 6858000"/>
              <a:gd name="connsiteY2008" fmla="*/ 3863807 h 6858000"/>
              <a:gd name="connsiteX2009" fmla="*/ 3622395 w 6858000"/>
              <a:gd name="connsiteY2009" fmla="*/ 3864659 h 6858000"/>
              <a:gd name="connsiteX2010" fmla="*/ 3623247 w 6858000"/>
              <a:gd name="connsiteY2010" fmla="*/ 3864659 h 6858000"/>
              <a:gd name="connsiteX2011" fmla="*/ 3623247 w 6858000"/>
              <a:gd name="connsiteY2011" fmla="*/ 3863807 h 6858000"/>
              <a:gd name="connsiteX2012" fmla="*/ 3499116 w 6858000"/>
              <a:gd name="connsiteY2012" fmla="*/ 3863586 h 6858000"/>
              <a:gd name="connsiteX2013" fmla="*/ 3499116 w 6858000"/>
              <a:gd name="connsiteY2013" fmla="*/ 3864882 h 6858000"/>
              <a:gd name="connsiteX2014" fmla="*/ 3500412 w 6858000"/>
              <a:gd name="connsiteY2014" fmla="*/ 3864882 h 6858000"/>
              <a:gd name="connsiteX2015" fmla="*/ 3500412 w 6858000"/>
              <a:gd name="connsiteY2015" fmla="*/ 3863586 h 6858000"/>
              <a:gd name="connsiteX2016" fmla="*/ 3375836 w 6858000"/>
              <a:gd name="connsiteY2016" fmla="*/ 3863326 h 6858000"/>
              <a:gd name="connsiteX2017" fmla="*/ 3375836 w 6858000"/>
              <a:gd name="connsiteY2017" fmla="*/ 3865067 h 6858000"/>
              <a:gd name="connsiteX2018" fmla="*/ 3377576 w 6858000"/>
              <a:gd name="connsiteY2018" fmla="*/ 3865067 h 6858000"/>
              <a:gd name="connsiteX2019" fmla="*/ 3377576 w 6858000"/>
              <a:gd name="connsiteY2019" fmla="*/ 3863326 h 6858000"/>
              <a:gd name="connsiteX2020" fmla="*/ 3252557 w 6858000"/>
              <a:gd name="connsiteY2020" fmla="*/ 3863104 h 6858000"/>
              <a:gd name="connsiteX2021" fmla="*/ 3252557 w 6858000"/>
              <a:gd name="connsiteY2021" fmla="*/ 3865289 h 6858000"/>
              <a:gd name="connsiteX2022" fmla="*/ 3254742 w 6858000"/>
              <a:gd name="connsiteY2022" fmla="*/ 3865289 h 6858000"/>
              <a:gd name="connsiteX2023" fmla="*/ 3254742 w 6858000"/>
              <a:gd name="connsiteY2023" fmla="*/ 3863104 h 6858000"/>
              <a:gd name="connsiteX2024" fmla="*/ 3129277 w 6858000"/>
              <a:gd name="connsiteY2024" fmla="*/ 3862919 h 6858000"/>
              <a:gd name="connsiteX2025" fmla="*/ 3129277 w 6858000"/>
              <a:gd name="connsiteY2025" fmla="*/ 3865511 h 6858000"/>
              <a:gd name="connsiteX2026" fmla="*/ 3131869 w 6858000"/>
              <a:gd name="connsiteY2026" fmla="*/ 3865511 h 6858000"/>
              <a:gd name="connsiteX2027" fmla="*/ 3131869 w 6858000"/>
              <a:gd name="connsiteY2027" fmla="*/ 3862919 h 6858000"/>
              <a:gd name="connsiteX2028" fmla="*/ 3005776 w 6858000"/>
              <a:gd name="connsiteY2028" fmla="*/ 3862475 h 6858000"/>
              <a:gd name="connsiteX2029" fmla="*/ 3005776 w 6858000"/>
              <a:gd name="connsiteY2029" fmla="*/ 3865956 h 6858000"/>
              <a:gd name="connsiteX2030" fmla="*/ 3009257 w 6858000"/>
              <a:gd name="connsiteY2030" fmla="*/ 3865956 h 6858000"/>
              <a:gd name="connsiteX2031" fmla="*/ 3009257 w 6858000"/>
              <a:gd name="connsiteY2031" fmla="*/ 3862475 h 6858000"/>
              <a:gd name="connsiteX2032" fmla="*/ 2882496 w 6858000"/>
              <a:gd name="connsiteY2032" fmla="*/ 3862253 h 6858000"/>
              <a:gd name="connsiteX2033" fmla="*/ 2882496 w 6858000"/>
              <a:gd name="connsiteY2033" fmla="*/ 3866178 h 6858000"/>
              <a:gd name="connsiteX2034" fmla="*/ 2886421 w 6858000"/>
              <a:gd name="connsiteY2034" fmla="*/ 3866178 h 6858000"/>
              <a:gd name="connsiteX2035" fmla="*/ 2886421 w 6858000"/>
              <a:gd name="connsiteY2035" fmla="*/ 3862253 h 6858000"/>
              <a:gd name="connsiteX2036" fmla="*/ 2758994 w 6858000"/>
              <a:gd name="connsiteY2036" fmla="*/ 3861808 h 6858000"/>
              <a:gd name="connsiteX2037" fmla="*/ 2758994 w 6858000"/>
              <a:gd name="connsiteY2037" fmla="*/ 3866585 h 6858000"/>
              <a:gd name="connsiteX2038" fmla="*/ 2763771 w 6858000"/>
              <a:gd name="connsiteY2038" fmla="*/ 3866585 h 6858000"/>
              <a:gd name="connsiteX2039" fmla="*/ 2763771 w 6858000"/>
              <a:gd name="connsiteY2039" fmla="*/ 3861808 h 6858000"/>
              <a:gd name="connsiteX2040" fmla="*/ 2635307 w 6858000"/>
              <a:gd name="connsiteY2040" fmla="*/ 3861179 h 6858000"/>
              <a:gd name="connsiteX2041" fmla="*/ 2635307 w 6858000"/>
              <a:gd name="connsiteY2041" fmla="*/ 3867252 h 6858000"/>
              <a:gd name="connsiteX2042" fmla="*/ 2641380 w 6858000"/>
              <a:gd name="connsiteY2042" fmla="*/ 3867252 h 6858000"/>
              <a:gd name="connsiteX2043" fmla="*/ 2641380 w 6858000"/>
              <a:gd name="connsiteY2043" fmla="*/ 3861179 h 6858000"/>
              <a:gd name="connsiteX2044" fmla="*/ 2511806 w 6858000"/>
              <a:gd name="connsiteY2044" fmla="*/ 3860734 h 6858000"/>
              <a:gd name="connsiteX2045" fmla="*/ 2511806 w 6858000"/>
              <a:gd name="connsiteY2045" fmla="*/ 3867696 h 6858000"/>
              <a:gd name="connsiteX2046" fmla="*/ 2518768 w 6858000"/>
              <a:gd name="connsiteY2046" fmla="*/ 3867696 h 6858000"/>
              <a:gd name="connsiteX2047" fmla="*/ 2518768 w 6858000"/>
              <a:gd name="connsiteY2047" fmla="*/ 3860734 h 6858000"/>
              <a:gd name="connsiteX2048" fmla="*/ 2388082 w 6858000"/>
              <a:gd name="connsiteY2048" fmla="*/ 3860068 h 6858000"/>
              <a:gd name="connsiteX2049" fmla="*/ 2388082 w 6858000"/>
              <a:gd name="connsiteY2049" fmla="*/ 3868326 h 6858000"/>
              <a:gd name="connsiteX2050" fmla="*/ 2396340 w 6858000"/>
              <a:gd name="connsiteY2050" fmla="*/ 3868326 h 6858000"/>
              <a:gd name="connsiteX2051" fmla="*/ 2396340 w 6858000"/>
              <a:gd name="connsiteY2051" fmla="*/ 3860068 h 6858000"/>
              <a:gd name="connsiteX2052" fmla="*/ 2264395 w 6858000"/>
              <a:gd name="connsiteY2052" fmla="*/ 3859438 h 6858000"/>
              <a:gd name="connsiteX2053" fmla="*/ 2264395 w 6858000"/>
              <a:gd name="connsiteY2053" fmla="*/ 3868992 h 6858000"/>
              <a:gd name="connsiteX2054" fmla="*/ 2273949 w 6858000"/>
              <a:gd name="connsiteY2054" fmla="*/ 3868992 h 6858000"/>
              <a:gd name="connsiteX2055" fmla="*/ 2273949 w 6858000"/>
              <a:gd name="connsiteY2055" fmla="*/ 3859438 h 6858000"/>
              <a:gd name="connsiteX2056" fmla="*/ 2140671 w 6858000"/>
              <a:gd name="connsiteY2056" fmla="*/ 3858809 h 6858000"/>
              <a:gd name="connsiteX2057" fmla="*/ 2140671 w 6858000"/>
              <a:gd name="connsiteY2057" fmla="*/ 3869659 h 6858000"/>
              <a:gd name="connsiteX2058" fmla="*/ 2151521 w 6858000"/>
              <a:gd name="connsiteY2058" fmla="*/ 3869659 h 6858000"/>
              <a:gd name="connsiteX2059" fmla="*/ 2151521 w 6858000"/>
              <a:gd name="connsiteY2059" fmla="*/ 3858809 h 6858000"/>
              <a:gd name="connsiteX2060" fmla="*/ 2016947 w 6858000"/>
              <a:gd name="connsiteY2060" fmla="*/ 3858141 h 6858000"/>
              <a:gd name="connsiteX2061" fmla="*/ 2016947 w 6858000"/>
              <a:gd name="connsiteY2061" fmla="*/ 3870288 h 6858000"/>
              <a:gd name="connsiteX2062" fmla="*/ 2029094 w 6858000"/>
              <a:gd name="connsiteY2062" fmla="*/ 3870288 h 6858000"/>
              <a:gd name="connsiteX2063" fmla="*/ 2029094 w 6858000"/>
              <a:gd name="connsiteY2063" fmla="*/ 3858141 h 6858000"/>
              <a:gd name="connsiteX2064" fmla="*/ 1893038 w 6858000"/>
              <a:gd name="connsiteY2064" fmla="*/ 3857290 h 6858000"/>
              <a:gd name="connsiteX2065" fmla="*/ 1893038 w 6858000"/>
              <a:gd name="connsiteY2065" fmla="*/ 3871177 h 6858000"/>
              <a:gd name="connsiteX2066" fmla="*/ 1906925 w 6858000"/>
              <a:gd name="connsiteY2066" fmla="*/ 3871177 h 6858000"/>
              <a:gd name="connsiteX2067" fmla="*/ 1906925 w 6858000"/>
              <a:gd name="connsiteY2067" fmla="*/ 3857290 h 6858000"/>
              <a:gd name="connsiteX2068" fmla="*/ 1769092 w 6858000"/>
              <a:gd name="connsiteY2068" fmla="*/ 3856401 h 6858000"/>
              <a:gd name="connsiteX2069" fmla="*/ 1769092 w 6858000"/>
              <a:gd name="connsiteY2069" fmla="*/ 3872029 h 6858000"/>
              <a:gd name="connsiteX2070" fmla="*/ 1784720 w 6858000"/>
              <a:gd name="connsiteY2070" fmla="*/ 3872029 h 6858000"/>
              <a:gd name="connsiteX2071" fmla="*/ 1784720 w 6858000"/>
              <a:gd name="connsiteY2071" fmla="*/ 3856401 h 6858000"/>
              <a:gd name="connsiteX2072" fmla="*/ 1645368 w 6858000"/>
              <a:gd name="connsiteY2072" fmla="*/ 3855771 h 6858000"/>
              <a:gd name="connsiteX2073" fmla="*/ 1645368 w 6858000"/>
              <a:gd name="connsiteY2073" fmla="*/ 3872695 h 6858000"/>
              <a:gd name="connsiteX2074" fmla="*/ 1662292 w 6858000"/>
              <a:gd name="connsiteY2074" fmla="*/ 3872695 h 6858000"/>
              <a:gd name="connsiteX2075" fmla="*/ 1662292 w 6858000"/>
              <a:gd name="connsiteY2075" fmla="*/ 3855771 h 6858000"/>
              <a:gd name="connsiteX2076" fmla="*/ 1521681 w 6858000"/>
              <a:gd name="connsiteY2076" fmla="*/ 3855068 h 6858000"/>
              <a:gd name="connsiteX2077" fmla="*/ 1521681 w 6858000"/>
              <a:gd name="connsiteY2077" fmla="*/ 3873325 h 6858000"/>
              <a:gd name="connsiteX2078" fmla="*/ 1539938 w 6858000"/>
              <a:gd name="connsiteY2078" fmla="*/ 3873325 h 6858000"/>
              <a:gd name="connsiteX2079" fmla="*/ 1539938 w 6858000"/>
              <a:gd name="connsiteY2079" fmla="*/ 3855068 h 6858000"/>
              <a:gd name="connsiteX2080" fmla="*/ 1397735 w 6858000"/>
              <a:gd name="connsiteY2080" fmla="*/ 3854217 h 6858000"/>
              <a:gd name="connsiteX2081" fmla="*/ 1397735 w 6858000"/>
              <a:gd name="connsiteY2081" fmla="*/ 3874214 h 6858000"/>
              <a:gd name="connsiteX2082" fmla="*/ 1417732 w 6858000"/>
              <a:gd name="connsiteY2082" fmla="*/ 3874214 h 6858000"/>
              <a:gd name="connsiteX2083" fmla="*/ 1417732 w 6858000"/>
              <a:gd name="connsiteY2083" fmla="*/ 3854217 h 6858000"/>
              <a:gd name="connsiteX2084" fmla="*/ 1274048 w 6858000"/>
              <a:gd name="connsiteY2084" fmla="*/ 3853550 h 6858000"/>
              <a:gd name="connsiteX2085" fmla="*/ 1274048 w 6858000"/>
              <a:gd name="connsiteY2085" fmla="*/ 3874843 h 6858000"/>
              <a:gd name="connsiteX2086" fmla="*/ 1295341 w 6858000"/>
              <a:gd name="connsiteY2086" fmla="*/ 3874843 h 6858000"/>
              <a:gd name="connsiteX2087" fmla="*/ 1295341 w 6858000"/>
              <a:gd name="connsiteY2087" fmla="*/ 3853550 h 6858000"/>
              <a:gd name="connsiteX2088" fmla="*/ 1150324 w 6858000"/>
              <a:gd name="connsiteY2088" fmla="*/ 3852920 h 6858000"/>
              <a:gd name="connsiteX2089" fmla="*/ 1150324 w 6858000"/>
              <a:gd name="connsiteY2089" fmla="*/ 3875510 h 6858000"/>
              <a:gd name="connsiteX2090" fmla="*/ 1172914 w 6858000"/>
              <a:gd name="connsiteY2090" fmla="*/ 3875510 h 6858000"/>
              <a:gd name="connsiteX2091" fmla="*/ 1172914 w 6858000"/>
              <a:gd name="connsiteY2091" fmla="*/ 3852920 h 6858000"/>
              <a:gd name="connsiteX2092" fmla="*/ 1026600 w 6858000"/>
              <a:gd name="connsiteY2092" fmla="*/ 3852290 h 6858000"/>
              <a:gd name="connsiteX2093" fmla="*/ 1026600 w 6858000"/>
              <a:gd name="connsiteY2093" fmla="*/ 3876176 h 6858000"/>
              <a:gd name="connsiteX2094" fmla="*/ 1050486 w 6858000"/>
              <a:gd name="connsiteY2094" fmla="*/ 3876176 h 6858000"/>
              <a:gd name="connsiteX2095" fmla="*/ 1050486 w 6858000"/>
              <a:gd name="connsiteY2095" fmla="*/ 3852290 h 6858000"/>
              <a:gd name="connsiteX2096" fmla="*/ 903099 w 6858000"/>
              <a:gd name="connsiteY2096" fmla="*/ 3851810 h 6858000"/>
              <a:gd name="connsiteX2097" fmla="*/ 903099 w 6858000"/>
              <a:gd name="connsiteY2097" fmla="*/ 3876584 h 6858000"/>
              <a:gd name="connsiteX2098" fmla="*/ 927873 w 6858000"/>
              <a:gd name="connsiteY2098" fmla="*/ 3876584 h 6858000"/>
              <a:gd name="connsiteX2099" fmla="*/ 927873 w 6858000"/>
              <a:gd name="connsiteY2099" fmla="*/ 3851810 h 6858000"/>
              <a:gd name="connsiteX2100" fmla="*/ 779412 w 6858000"/>
              <a:gd name="connsiteY2100" fmla="*/ 3851179 h 6858000"/>
              <a:gd name="connsiteX2101" fmla="*/ 779412 w 6858000"/>
              <a:gd name="connsiteY2101" fmla="*/ 3877250 h 6858000"/>
              <a:gd name="connsiteX2102" fmla="*/ 805483 w 6858000"/>
              <a:gd name="connsiteY2102" fmla="*/ 3877250 h 6858000"/>
              <a:gd name="connsiteX2103" fmla="*/ 805483 w 6858000"/>
              <a:gd name="connsiteY2103" fmla="*/ 3851179 h 6858000"/>
              <a:gd name="connsiteX2104" fmla="*/ 655910 w 6858000"/>
              <a:gd name="connsiteY2104" fmla="*/ 3850773 h 6858000"/>
              <a:gd name="connsiteX2105" fmla="*/ 655910 w 6858000"/>
              <a:gd name="connsiteY2105" fmla="*/ 3877695 h 6858000"/>
              <a:gd name="connsiteX2106" fmla="*/ 682832 w 6858000"/>
              <a:gd name="connsiteY2106" fmla="*/ 3877695 h 6858000"/>
              <a:gd name="connsiteX2107" fmla="*/ 682832 w 6858000"/>
              <a:gd name="connsiteY2107" fmla="*/ 3850773 h 6858000"/>
              <a:gd name="connsiteX2108" fmla="*/ 532409 w 6858000"/>
              <a:gd name="connsiteY2108" fmla="*/ 3850291 h 6858000"/>
              <a:gd name="connsiteX2109" fmla="*/ 532409 w 6858000"/>
              <a:gd name="connsiteY2109" fmla="*/ 3878102 h 6858000"/>
              <a:gd name="connsiteX2110" fmla="*/ 560220 w 6858000"/>
              <a:gd name="connsiteY2110" fmla="*/ 3878102 h 6858000"/>
              <a:gd name="connsiteX2111" fmla="*/ 560220 w 6858000"/>
              <a:gd name="connsiteY2111" fmla="*/ 3850291 h 6858000"/>
              <a:gd name="connsiteX2112" fmla="*/ 409129 w 6858000"/>
              <a:gd name="connsiteY2112" fmla="*/ 3850106 h 6858000"/>
              <a:gd name="connsiteX2113" fmla="*/ 409129 w 6858000"/>
              <a:gd name="connsiteY2113" fmla="*/ 3878324 h 6858000"/>
              <a:gd name="connsiteX2114" fmla="*/ 437347 w 6858000"/>
              <a:gd name="connsiteY2114" fmla="*/ 3878324 h 6858000"/>
              <a:gd name="connsiteX2115" fmla="*/ 437347 w 6858000"/>
              <a:gd name="connsiteY2115" fmla="*/ 3850106 h 6858000"/>
              <a:gd name="connsiteX2116" fmla="*/ 285849 w 6858000"/>
              <a:gd name="connsiteY2116" fmla="*/ 3849883 h 6858000"/>
              <a:gd name="connsiteX2117" fmla="*/ 285849 w 6858000"/>
              <a:gd name="connsiteY2117" fmla="*/ 3878546 h 6858000"/>
              <a:gd name="connsiteX2118" fmla="*/ 314512 w 6858000"/>
              <a:gd name="connsiteY2118" fmla="*/ 3878546 h 6858000"/>
              <a:gd name="connsiteX2119" fmla="*/ 314512 w 6858000"/>
              <a:gd name="connsiteY2119" fmla="*/ 3849883 h 6858000"/>
              <a:gd name="connsiteX2120" fmla="*/ 39735 w 6858000"/>
              <a:gd name="connsiteY2120" fmla="*/ 3849883 h 6858000"/>
              <a:gd name="connsiteX2121" fmla="*/ 39735 w 6858000"/>
              <a:gd name="connsiteY2121" fmla="*/ 3878546 h 6858000"/>
              <a:gd name="connsiteX2122" fmla="*/ 68398 w 6858000"/>
              <a:gd name="connsiteY2122" fmla="*/ 3878546 h 6858000"/>
              <a:gd name="connsiteX2123" fmla="*/ 68398 w 6858000"/>
              <a:gd name="connsiteY2123" fmla="*/ 3849883 h 6858000"/>
              <a:gd name="connsiteX2124" fmla="*/ 162570 w 6858000"/>
              <a:gd name="connsiteY2124" fmla="*/ 3849662 h 6858000"/>
              <a:gd name="connsiteX2125" fmla="*/ 162570 w 6858000"/>
              <a:gd name="connsiteY2125" fmla="*/ 3878769 h 6858000"/>
              <a:gd name="connsiteX2126" fmla="*/ 191677 w 6858000"/>
              <a:gd name="connsiteY2126" fmla="*/ 3878769 h 6858000"/>
              <a:gd name="connsiteX2127" fmla="*/ 191677 w 6858000"/>
              <a:gd name="connsiteY2127" fmla="*/ 3849662 h 6858000"/>
              <a:gd name="connsiteX2128" fmla="*/ 4484019 w 6858000"/>
              <a:gd name="connsiteY2128" fmla="*/ 3740936 h 6858000"/>
              <a:gd name="connsiteX2129" fmla="*/ 4484019 w 6858000"/>
              <a:gd name="connsiteY2129" fmla="*/ 3741380 h 6858000"/>
              <a:gd name="connsiteX2130" fmla="*/ 4484463 w 6858000"/>
              <a:gd name="connsiteY2130" fmla="*/ 3741380 h 6858000"/>
              <a:gd name="connsiteX2131" fmla="*/ 4484463 w 6858000"/>
              <a:gd name="connsiteY2131" fmla="*/ 3740936 h 6858000"/>
              <a:gd name="connsiteX2132" fmla="*/ 4360961 w 6858000"/>
              <a:gd name="connsiteY2132" fmla="*/ 3740936 h 6858000"/>
              <a:gd name="connsiteX2133" fmla="*/ 4360961 w 6858000"/>
              <a:gd name="connsiteY2133" fmla="*/ 3741380 h 6858000"/>
              <a:gd name="connsiteX2134" fmla="*/ 4361405 w 6858000"/>
              <a:gd name="connsiteY2134" fmla="*/ 3741380 h 6858000"/>
              <a:gd name="connsiteX2135" fmla="*/ 4361405 w 6858000"/>
              <a:gd name="connsiteY2135" fmla="*/ 3740936 h 6858000"/>
              <a:gd name="connsiteX2136" fmla="*/ 4237904 w 6858000"/>
              <a:gd name="connsiteY2136" fmla="*/ 3740936 h 6858000"/>
              <a:gd name="connsiteX2137" fmla="*/ 4237904 w 6858000"/>
              <a:gd name="connsiteY2137" fmla="*/ 3741380 h 6858000"/>
              <a:gd name="connsiteX2138" fmla="*/ 4238348 w 6858000"/>
              <a:gd name="connsiteY2138" fmla="*/ 3741380 h 6858000"/>
              <a:gd name="connsiteX2139" fmla="*/ 4238348 w 6858000"/>
              <a:gd name="connsiteY2139" fmla="*/ 3740936 h 6858000"/>
              <a:gd name="connsiteX2140" fmla="*/ 4114847 w 6858000"/>
              <a:gd name="connsiteY2140" fmla="*/ 3740936 h 6858000"/>
              <a:gd name="connsiteX2141" fmla="*/ 4114847 w 6858000"/>
              <a:gd name="connsiteY2141" fmla="*/ 3741380 h 6858000"/>
              <a:gd name="connsiteX2142" fmla="*/ 4115291 w 6858000"/>
              <a:gd name="connsiteY2142" fmla="*/ 3741380 h 6858000"/>
              <a:gd name="connsiteX2143" fmla="*/ 4115291 w 6858000"/>
              <a:gd name="connsiteY2143" fmla="*/ 3740936 h 6858000"/>
              <a:gd name="connsiteX2144" fmla="*/ 3991789 w 6858000"/>
              <a:gd name="connsiteY2144" fmla="*/ 3740936 h 6858000"/>
              <a:gd name="connsiteX2145" fmla="*/ 3991789 w 6858000"/>
              <a:gd name="connsiteY2145" fmla="*/ 3741380 h 6858000"/>
              <a:gd name="connsiteX2146" fmla="*/ 3992234 w 6858000"/>
              <a:gd name="connsiteY2146" fmla="*/ 3741380 h 6858000"/>
              <a:gd name="connsiteX2147" fmla="*/ 3992234 w 6858000"/>
              <a:gd name="connsiteY2147" fmla="*/ 3740936 h 6858000"/>
              <a:gd name="connsiteX2148" fmla="*/ 3868732 w 6858000"/>
              <a:gd name="connsiteY2148" fmla="*/ 3740936 h 6858000"/>
              <a:gd name="connsiteX2149" fmla="*/ 3868732 w 6858000"/>
              <a:gd name="connsiteY2149" fmla="*/ 3741380 h 6858000"/>
              <a:gd name="connsiteX2150" fmla="*/ 3869176 w 6858000"/>
              <a:gd name="connsiteY2150" fmla="*/ 3741380 h 6858000"/>
              <a:gd name="connsiteX2151" fmla="*/ 3869176 w 6858000"/>
              <a:gd name="connsiteY2151" fmla="*/ 3740936 h 6858000"/>
              <a:gd name="connsiteX2152" fmla="*/ 3745453 w 6858000"/>
              <a:gd name="connsiteY2152" fmla="*/ 3740750 h 6858000"/>
              <a:gd name="connsiteX2153" fmla="*/ 3745453 w 6858000"/>
              <a:gd name="connsiteY2153" fmla="*/ 3741602 h 6858000"/>
              <a:gd name="connsiteX2154" fmla="*/ 3746305 w 6858000"/>
              <a:gd name="connsiteY2154" fmla="*/ 3741602 h 6858000"/>
              <a:gd name="connsiteX2155" fmla="*/ 3746305 w 6858000"/>
              <a:gd name="connsiteY2155" fmla="*/ 3740750 h 6858000"/>
              <a:gd name="connsiteX2156" fmla="*/ 3622395 w 6858000"/>
              <a:gd name="connsiteY2156" fmla="*/ 3740750 h 6858000"/>
              <a:gd name="connsiteX2157" fmla="*/ 3622395 w 6858000"/>
              <a:gd name="connsiteY2157" fmla="*/ 3741602 h 6858000"/>
              <a:gd name="connsiteX2158" fmla="*/ 3623247 w 6858000"/>
              <a:gd name="connsiteY2158" fmla="*/ 3741602 h 6858000"/>
              <a:gd name="connsiteX2159" fmla="*/ 3623247 w 6858000"/>
              <a:gd name="connsiteY2159" fmla="*/ 3740750 h 6858000"/>
              <a:gd name="connsiteX2160" fmla="*/ 3499116 w 6858000"/>
              <a:gd name="connsiteY2160" fmla="*/ 3740491 h 6858000"/>
              <a:gd name="connsiteX2161" fmla="*/ 3499116 w 6858000"/>
              <a:gd name="connsiteY2161" fmla="*/ 3741787 h 6858000"/>
              <a:gd name="connsiteX2162" fmla="*/ 3500412 w 6858000"/>
              <a:gd name="connsiteY2162" fmla="*/ 3741787 h 6858000"/>
              <a:gd name="connsiteX2163" fmla="*/ 3500412 w 6858000"/>
              <a:gd name="connsiteY2163" fmla="*/ 3740491 h 6858000"/>
              <a:gd name="connsiteX2164" fmla="*/ 3375836 w 6858000"/>
              <a:gd name="connsiteY2164" fmla="*/ 3740269 h 6858000"/>
              <a:gd name="connsiteX2165" fmla="*/ 3375836 w 6858000"/>
              <a:gd name="connsiteY2165" fmla="*/ 3742009 h 6858000"/>
              <a:gd name="connsiteX2166" fmla="*/ 3377576 w 6858000"/>
              <a:gd name="connsiteY2166" fmla="*/ 3742009 h 6858000"/>
              <a:gd name="connsiteX2167" fmla="*/ 3377576 w 6858000"/>
              <a:gd name="connsiteY2167" fmla="*/ 3740269 h 6858000"/>
              <a:gd name="connsiteX2168" fmla="*/ 3252557 w 6858000"/>
              <a:gd name="connsiteY2168" fmla="*/ 3740047 h 6858000"/>
              <a:gd name="connsiteX2169" fmla="*/ 3252557 w 6858000"/>
              <a:gd name="connsiteY2169" fmla="*/ 3742232 h 6858000"/>
              <a:gd name="connsiteX2170" fmla="*/ 3254742 w 6858000"/>
              <a:gd name="connsiteY2170" fmla="*/ 3742232 h 6858000"/>
              <a:gd name="connsiteX2171" fmla="*/ 3254742 w 6858000"/>
              <a:gd name="connsiteY2171" fmla="*/ 3740047 h 6858000"/>
              <a:gd name="connsiteX2172" fmla="*/ 3129055 w 6858000"/>
              <a:gd name="connsiteY2172" fmla="*/ 3739639 h 6858000"/>
              <a:gd name="connsiteX2173" fmla="*/ 3129055 w 6858000"/>
              <a:gd name="connsiteY2173" fmla="*/ 3742676 h 6858000"/>
              <a:gd name="connsiteX2174" fmla="*/ 3132092 w 6858000"/>
              <a:gd name="connsiteY2174" fmla="*/ 3742676 h 6858000"/>
              <a:gd name="connsiteX2175" fmla="*/ 3132092 w 6858000"/>
              <a:gd name="connsiteY2175" fmla="*/ 3739639 h 6858000"/>
              <a:gd name="connsiteX2176" fmla="*/ 3005776 w 6858000"/>
              <a:gd name="connsiteY2176" fmla="*/ 3739417 h 6858000"/>
              <a:gd name="connsiteX2177" fmla="*/ 3005776 w 6858000"/>
              <a:gd name="connsiteY2177" fmla="*/ 3742898 h 6858000"/>
              <a:gd name="connsiteX2178" fmla="*/ 3009257 w 6858000"/>
              <a:gd name="connsiteY2178" fmla="*/ 3742898 h 6858000"/>
              <a:gd name="connsiteX2179" fmla="*/ 3009257 w 6858000"/>
              <a:gd name="connsiteY2179" fmla="*/ 3739417 h 6858000"/>
              <a:gd name="connsiteX2180" fmla="*/ 2882274 w 6858000"/>
              <a:gd name="connsiteY2180" fmla="*/ 3739010 h 6858000"/>
              <a:gd name="connsiteX2181" fmla="*/ 2882274 w 6858000"/>
              <a:gd name="connsiteY2181" fmla="*/ 3743343 h 6858000"/>
              <a:gd name="connsiteX2182" fmla="*/ 2886607 w 6858000"/>
              <a:gd name="connsiteY2182" fmla="*/ 3743343 h 6858000"/>
              <a:gd name="connsiteX2183" fmla="*/ 2886607 w 6858000"/>
              <a:gd name="connsiteY2183" fmla="*/ 3739010 h 6858000"/>
              <a:gd name="connsiteX2184" fmla="*/ 2758587 w 6858000"/>
              <a:gd name="connsiteY2184" fmla="*/ 3738343 h 6858000"/>
              <a:gd name="connsiteX2185" fmla="*/ 2758587 w 6858000"/>
              <a:gd name="connsiteY2185" fmla="*/ 3743972 h 6858000"/>
              <a:gd name="connsiteX2186" fmla="*/ 2764216 w 6858000"/>
              <a:gd name="connsiteY2186" fmla="*/ 3743972 h 6858000"/>
              <a:gd name="connsiteX2187" fmla="*/ 2764216 w 6858000"/>
              <a:gd name="connsiteY2187" fmla="*/ 3738343 h 6858000"/>
              <a:gd name="connsiteX2188" fmla="*/ 2635085 w 6858000"/>
              <a:gd name="connsiteY2188" fmla="*/ 3737899 h 6858000"/>
              <a:gd name="connsiteX2189" fmla="*/ 2635085 w 6858000"/>
              <a:gd name="connsiteY2189" fmla="*/ 3744417 h 6858000"/>
              <a:gd name="connsiteX2190" fmla="*/ 2641603 w 6858000"/>
              <a:gd name="connsiteY2190" fmla="*/ 3744417 h 6858000"/>
              <a:gd name="connsiteX2191" fmla="*/ 2641603 w 6858000"/>
              <a:gd name="connsiteY2191" fmla="*/ 3737899 h 6858000"/>
              <a:gd name="connsiteX2192" fmla="*/ 2511361 w 6858000"/>
              <a:gd name="connsiteY2192" fmla="*/ 3737232 h 6858000"/>
              <a:gd name="connsiteX2193" fmla="*/ 2511361 w 6858000"/>
              <a:gd name="connsiteY2193" fmla="*/ 3745046 h 6858000"/>
              <a:gd name="connsiteX2194" fmla="*/ 2519175 w 6858000"/>
              <a:gd name="connsiteY2194" fmla="*/ 3745046 h 6858000"/>
              <a:gd name="connsiteX2195" fmla="*/ 2519175 w 6858000"/>
              <a:gd name="connsiteY2195" fmla="*/ 3737232 h 6858000"/>
              <a:gd name="connsiteX2196" fmla="*/ 2387674 w 6858000"/>
              <a:gd name="connsiteY2196" fmla="*/ 3736603 h 6858000"/>
              <a:gd name="connsiteX2197" fmla="*/ 2387674 w 6858000"/>
              <a:gd name="connsiteY2197" fmla="*/ 3745713 h 6858000"/>
              <a:gd name="connsiteX2198" fmla="*/ 2396784 w 6858000"/>
              <a:gd name="connsiteY2198" fmla="*/ 3745713 h 6858000"/>
              <a:gd name="connsiteX2199" fmla="*/ 2396784 w 6858000"/>
              <a:gd name="connsiteY2199" fmla="*/ 3736603 h 6858000"/>
              <a:gd name="connsiteX2200" fmla="*/ 2263728 w 6858000"/>
              <a:gd name="connsiteY2200" fmla="*/ 3735751 h 6858000"/>
              <a:gd name="connsiteX2201" fmla="*/ 2263728 w 6858000"/>
              <a:gd name="connsiteY2201" fmla="*/ 3746601 h 6858000"/>
              <a:gd name="connsiteX2202" fmla="*/ 2274578 w 6858000"/>
              <a:gd name="connsiteY2202" fmla="*/ 3746601 h 6858000"/>
              <a:gd name="connsiteX2203" fmla="*/ 2274578 w 6858000"/>
              <a:gd name="connsiteY2203" fmla="*/ 3735751 h 6858000"/>
              <a:gd name="connsiteX2204" fmla="*/ 2140004 w 6858000"/>
              <a:gd name="connsiteY2204" fmla="*/ 3735084 h 6858000"/>
              <a:gd name="connsiteX2205" fmla="*/ 2140004 w 6858000"/>
              <a:gd name="connsiteY2205" fmla="*/ 3747231 h 6858000"/>
              <a:gd name="connsiteX2206" fmla="*/ 2152151 w 6858000"/>
              <a:gd name="connsiteY2206" fmla="*/ 3747231 h 6858000"/>
              <a:gd name="connsiteX2207" fmla="*/ 2152151 w 6858000"/>
              <a:gd name="connsiteY2207" fmla="*/ 3735084 h 6858000"/>
              <a:gd name="connsiteX2208" fmla="*/ 2016095 w 6858000"/>
              <a:gd name="connsiteY2208" fmla="*/ 3734233 h 6858000"/>
              <a:gd name="connsiteX2209" fmla="*/ 2016095 w 6858000"/>
              <a:gd name="connsiteY2209" fmla="*/ 3748120 h 6858000"/>
              <a:gd name="connsiteX2210" fmla="*/ 2029982 w 6858000"/>
              <a:gd name="connsiteY2210" fmla="*/ 3748120 h 6858000"/>
              <a:gd name="connsiteX2211" fmla="*/ 2029982 w 6858000"/>
              <a:gd name="connsiteY2211" fmla="*/ 3734233 h 6858000"/>
              <a:gd name="connsiteX2212" fmla="*/ 1892149 w 6858000"/>
              <a:gd name="connsiteY2212" fmla="*/ 3733344 h 6858000"/>
              <a:gd name="connsiteX2213" fmla="*/ 1892149 w 6858000"/>
              <a:gd name="connsiteY2213" fmla="*/ 3748971 h 6858000"/>
              <a:gd name="connsiteX2214" fmla="*/ 1907776 w 6858000"/>
              <a:gd name="connsiteY2214" fmla="*/ 3748971 h 6858000"/>
              <a:gd name="connsiteX2215" fmla="*/ 1907776 w 6858000"/>
              <a:gd name="connsiteY2215" fmla="*/ 3733344 h 6858000"/>
              <a:gd name="connsiteX2216" fmla="*/ 1768240 w 6858000"/>
              <a:gd name="connsiteY2216" fmla="*/ 3732455 h 6858000"/>
              <a:gd name="connsiteX2217" fmla="*/ 1768240 w 6858000"/>
              <a:gd name="connsiteY2217" fmla="*/ 3749823 h 6858000"/>
              <a:gd name="connsiteX2218" fmla="*/ 1785608 w 6858000"/>
              <a:gd name="connsiteY2218" fmla="*/ 3749823 h 6858000"/>
              <a:gd name="connsiteX2219" fmla="*/ 1785608 w 6858000"/>
              <a:gd name="connsiteY2219" fmla="*/ 3732455 h 6858000"/>
              <a:gd name="connsiteX2220" fmla="*/ 1644294 w 6858000"/>
              <a:gd name="connsiteY2220" fmla="*/ 3731604 h 6858000"/>
              <a:gd name="connsiteX2221" fmla="*/ 1644294 w 6858000"/>
              <a:gd name="connsiteY2221" fmla="*/ 3750712 h 6858000"/>
              <a:gd name="connsiteX2222" fmla="*/ 1663402 w 6858000"/>
              <a:gd name="connsiteY2222" fmla="*/ 3750712 h 6858000"/>
              <a:gd name="connsiteX2223" fmla="*/ 1663402 w 6858000"/>
              <a:gd name="connsiteY2223" fmla="*/ 3731604 h 6858000"/>
              <a:gd name="connsiteX2224" fmla="*/ 1520385 w 6858000"/>
              <a:gd name="connsiteY2224" fmla="*/ 3730715 h 6858000"/>
              <a:gd name="connsiteX2225" fmla="*/ 1520385 w 6858000"/>
              <a:gd name="connsiteY2225" fmla="*/ 3751564 h 6858000"/>
              <a:gd name="connsiteX2226" fmla="*/ 1541234 w 6858000"/>
              <a:gd name="connsiteY2226" fmla="*/ 3751564 h 6858000"/>
              <a:gd name="connsiteX2227" fmla="*/ 1541234 w 6858000"/>
              <a:gd name="connsiteY2227" fmla="*/ 3730715 h 6858000"/>
              <a:gd name="connsiteX2228" fmla="*/ 1396439 w 6858000"/>
              <a:gd name="connsiteY2228" fmla="*/ 3729863 h 6858000"/>
              <a:gd name="connsiteX2229" fmla="*/ 1396439 w 6858000"/>
              <a:gd name="connsiteY2229" fmla="*/ 3752452 h 6858000"/>
              <a:gd name="connsiteX2230" fmla="*/ 1419029 w 6858000"/>
              <a:gd name="connsiteY2230" fmla="*/ 3752452 h 6858000"/>
              <a:gd name="connsiteX2231" fmla="*/ 1419029 w 6858000"/>
              <a:gd name="connsiteY2231" fmla="*/ 3729863 h 6858000"/>
              <a:gd name="connsiteX2232" fmla="*/ 1272530 w 6858000"/>
              <a:gd name="connsiteY2232" fmla="*/ 3728974 h 6858000"/>
              <a:gd name="connsiteX2233" fmla="*/ 1272530 w 6858000"/>
              <a:gd name="connsiteY2233" fmla="*/ 3753304 h 6858000"/>
              <a:gd name="connsiteX2234" fmla="*/ 1296860 w 6858000"/>
              <a:gd name="connsiteY2234" fmla="*/ 3753304 h 6858000"/>
              <a:gd name="connsiteX2235" fmla="*/ 1296860 w 6858000"/>
              <a:gd name="connsiteY2235" fmla="*/ 3728974 h 6858000"/>
              <a:gd name="connsiteX2236" fmla="*/ 1148806 w 6858000"/>
              <a:gd name="connsiteY2236" fmla="*/ 3728345 h 6858000"/>
              <a:gd name="connsiteX2237" fmla="*/ 1148806 w 6858000"/>
              <a:gd name="connsiteY2237" fmla="*/ 3753971 h 6858000"/>
              <a:gd name="connsiteX2238" fmla="*/ 1174432 w 6858000"/>
              <a:gd name="connsiteY2238" fmla="*/ 3753971 h 6858000"/>
              <a:gd name="connsiteX2239" fmla="*/ 1174432 w 6858000"/>
              <a:gd name="connsiteY2239" fmla="*/ 3728345 h 6858000"/>
              <a:gd name="connsiteX2240" fmla="*/ 1024860 w 6858000"/>
              <a:gd name="connsiteY2240" fmla="*/ 3727456 h 6858000"/>
              <a:gd name="connsiteX2241" fmla="*/ 1024860 w 6858000"/>
              <a:gd name="connsiteY2241" fmla="*/ 3754823 h 6858000"/>
              <a:gd name="connsiteX2242" fmla="*/ 1052227 w 6858000"/>
              <a:gd name="connsiteY2242" fmla="*/ 3754823 h 6858000"/>
              <a:gd name="connsiteX2243" fmla="*/ 1052227 w 6858000"/>
              <a:gd name="connsiteY2243" fmla="*/ 3727456 h 6858000"/>
              <a:gd name="connsiteX2244" fmla="*/ 901173 w 6858000"/>
              <a:gd name="connsiteY2244" fmla="*/ 3726826 h 6858000"/>
              <a:gd name="connsiteX2245" fmla="*/ 901173 w 6858000"/>
              <a:gd name="connsiteY2245" fmla="*/ 3755489 h 6858000"/>
              <a:gd name="connsiteX2246" fmla="*/ 929836 w 6858000"/>
              <a:gd name="connsiteY2246" fmla="*/ 3755489 h 6858000"/>
              <a:gd name="connsiteX2247" fmla="*/ 929836 w 6858000"/>
              <a:gd name="connsiteY2247" fmla="*/ 3726826 h 6858000"/>
              <a:gd name="connsiteX2248" fmla="*/ 777449 w 6858000"/>
              <a:gd name="connsiteY2248" fmla="*/ 3726197 h 6858000"/>
              <a:gd name="connsiteX2249" fmla="*/ 777449 w 6858000"/>
              <a:gd name="connsiteY2249" fmla="*/ 3756156 h 6858000"/>
              <a:gd name="connsiteX2250" fmla="*/ 807408 w 6858000"/>
              <a:gd name="connsiteY2250" fmla="*/ 3756156 h 6858000"/>
              <a:gd name="connsiteX2251" fmla="*/ 807408 w 6858000"/>
              <a:gd name="connsiteY2251" fmla="*/ 3726197 h 6858000"/>
              <a:gd name="connsiteX2252" fmla="*/ 653948 w 6858000"/>
              <a:gd name="connsiteY2252" fmla="*/ 3725715 h 6858000"/>
              <a:gd name="connsiteX2253" fmla="*/ 653948 w 6858000"/>
              <a:gd name="connsiteY2253" fmla="*/ 3756563 h 6858000"/>
              <a:gd name="connsiteX2254" fmla="*/ 684796 w 6858000"/>
              <a:gd name="connsiteY2254" fmla="*/ 3756563 h 6858000"/>
              <a:gd name="connsiteX2255" fmla="*/ 684796 w 6858000"/>
              <a:gd name="connsiteY2255" fmla="*/ 3725715 h 6858000"/>
              <a:gd name="connsiteX2256" fmla="*/ 530446 w 6858000"/>
              <a:gd name="connsiteY2256" fmla="*/ 3725308 h 6858000"/>
              <a:gd name="connsiteX2257" fmla="*/ 530446 w 6858000"/>
              <a:gd name="connsiteY2257" fmla="*/ 3757007 h 6858000"/>
              <a:gd name="connsiteX2258" fmla="*/ 562145 w 6858000"/>
              <a:gd name="connsiteY2258" fmla="*/ 3757007 h 6858000"/>
              <a:gd name="connsiteX2259" fmla="*/ 562145 w 6858000"/>
              <a:gd name="connsiteY2259" fmla="*/ 3725308 h 6858000"/>
              <a:gd name="connsiteX2260" fmla="*/ 406981 w 6858000"/>
              <a:gd name="connsiteY2260" fmla="*/ 3724864 h 6858000"/>
              <a:gd name="connsiteX2261" fmla="*/ 406981 w 6858000"/>
              <a:gd name="connsiteY2261" fmla="*/ 3757452 h 6858000"/>
              <a:gd name="connsiteX2262" fmla="*/ 439569 w 6858000"/>
              <a:gd name="connsiteY2262" fmla="*/ 3757452 h 6858000"/>
              <a:gd name="connsiteX2263" fmla="*/ 439569 w 6858000"/>
              <a:gd name="connsiteY2263" fmla="*/ 3724864 h 6858000"/>
              <a:gd name="connsiteX2264" fmla="*/ 283702 w 6858000"/>
              <a:gd name="connsiteY2264" fmla="*/ 3724679 h 6858000"/>
              <a:gd name="connsiteX2265" fmla="*/ 283702 w 6858000"/>
              <a:gd name="connsiteY2265" fmla="*/ 3757674 h 6858000"/>
              <a:gd name="connsiteX2266" fmla="*/ 316698 w 6858000"/>
              <a:gd name="connsiteY2266" fmla="*/ 3757674 h 6858000"/>
              <a:gd name="connsiteX2267" fmla="*/ 316698 w 6858000"/>
              <a:gd name="connsiteY2267" fmla="*/ 3724679 h 6858000"/>
              <a:gd name="connsiteX2268" fmla="*/ 37587 w 6858000"/>
              <a:gd name="connsiteY2268" fmla="*/ 3724679 h 6858000"/>
              <a:gd name="connsiteX2269" fmla="*/ 37587 w 6858000"/>
              <a:gd name="connsiteY2269" fmla="*/ 3757674 h 6858000"/>
              <a:gd name="connsiteX2270" fmla="*/ 70583 w 6858000"/>
              <a:gd name="connsiteY2270" fmla="*/ 3757674 h 6858000"/>
              <a:gd name="connsiteX2271" fmla="*/ 70583 w 6858000"/>
              <a:gd name="connsiteY2271" fmla="*/ 3724679 h 6858000"/>
              <a:gd name="connsiteX2272" fmla="*/ 160422 w 6858000"/>
              <a:gd name="connsiteY2272" fmla="*/ 3724419 h 6858000"/>
              <a:gd name="connsiteX2273" fmla="*/ 160422 w 6858000"/>
              <a:gd name="connsiteY2273" fmla="*/ 3757859 h 6858000"/>
              <a:gd name="connsiteX2274" fmla="*/ 193862 w 6858000"/>
              <a:gd name="connsiteY2274" fmla="*/ 3757859 h 6858000"/>
              <a:gd name="connsiteX2275" fmla="*/ 193862 w 6858000"/>
              <a:gd name="connsiteY2275" fmla="*/ 3724419 h 6858000"/>
              <a:gd name="connsiteX2276" fmla="*/ 4484019 w 6858000"/>
              <a:gd name="connsiteY2276" fmla="*/ 3617879 h 6858000"/>
              <a:gd name="connsiteX2277" fmla="*/ 4484019 w 6858000"/>
              <a:gd name="connsiteY2277" fmla="*/ 3618323 h 6858000"/>
              <a:gd name="connsiteX2278" fmla="*/ 4484463 w 6858000"/>
              <a:gd name="connsiteY2278" fmla="*/ 3618323 h 6858000"/>
              <a:gd name="connsiteX2279" fmla="*/ 4484463 w 6858000"/>
              <a:gd name="connsiteY2279" fmla="*/ 3617879 h 6858000"/>
              <a:gd name="connsiteX2280" fmla="*/ 4360961 w 6858000"/>
              <a:gd name="connsiteY2280" fmla="*/ 3617879 h 6858000"/>
              <a:gd name="connsiteX2281" fmla="*/ 4360961 w 6858000"/>
              <a:gd name="connsiteY2281" fmla="*/ 3618323 h 6858000"/>
              <a:gd name="connsiteX2282" fmla="*/ 4361405 w 6858000"/>
              <a:gd name="connsiteY2282" fmla="*/ 3618323 h 6858000"/>
              <a:gd name="connsiteX2283" fmla="*/ 4361405 w 6858000"/>
              <a:gd name="connsiteY2283" fmla="*/ 3617879 h 6858000"/>
              <a:gd name="connsiteX2284" fmla="*/ 4237904 w 6858000"/>
              <a:gd name="connsiteY2284" fmla="*/ 3617879 h 6858000"/>
              <a:gd name="connsiteX2285" fmla="*/ 4237904 w 6858000"/>
              <a:gd name="connsiteY2285" fmla="*/ 3618323 h 6858000"/>
              <a:gd name="connsiteX2286" fmla="*/ 4238348 w 6858000"/>
              <a:gd name="connsiteY2286" fmla="*/ 3618323 h 6858000"/>
              <a:gd name="connsiteX2287" fmla="*/ 4238348 w 6858000"/>
              <a:gd name="connsiteY2287" fmla="*/ 3617879 h 6858000"/>
              <a:gd name="connsiteX2288" fmla="*/ 4114847 w 6858000"/>
              <a:gd name="connsiteY2288" fmla="*/ 3617879 h 6858000"/>
              <a:gd name="connsiteX2289" fmla="*/ 4114847 w 6858000"/>
              <a:gd name="connsiteY2289" fmla="*/ 3618323 h 6858000"/>
              <a:gd name="connsiteX2290" fmla="*/ 4115291 w 6858000"/>
              <a:gd name="connsiteY2290" fmla="*/ 3618323 h 6858000"/>
              <a:gd name="connsiteX2291" fmla="*/ 4115291 w 6858000"/>
              <a:gd name="connsiteY2291" fmla="*/ 3617879 h 6858000"/>
              <a:gd name="connsiteX2292" fmla="*/ 3991789 w 6858000"/>
              <a:gd name="connsiteY2292" fmla="*/ 3617879 h 6858000"/>
              <a:gd name="connsiteX2293" fmla="*/ 3991789 w 6858000"/>
              <a:gd name="connsiteY2293" fmla="*/ 3618323 h 6858000"/>
              <a:gd name="connsiteX2294" fmla="*/ 3992234 w 6858000"/>
              <a:gd name="connsiteY2294" fmla="*/ 3618323 h 6858000"/>
              <a:gd name="connsiteX2295" fmla="*/ 3992234 w 6858000"/>
              <a:gd name="connsiteY2295" fmla="*/ 3617879 h 6858000"/>
              <a:gd name="connsiteX2296" fmla="*/ 3868732 w 6858000"/>
              <a:gd name="connsiteY2296" fmla="*/ 3617879 h 6858000"/>
              <a:gd name="connsiteX2297" fmla="*/ 3868732 w 6858000"/>
              <a:gd name="connsiteY2297" fmla="*/ 3618323 h 6858000"/>
              <a:gd name="connsiteX2298" fmla="*/ 3869176 w 6858000"/>
              <a:gd name="connsiteY2298" fmla="*/ 3618323 h 6858000"/>
              <a:gd name="connsiteX2299" fmla="*/ 3869176 w 6858000"/>
              <a:gd name="connsiteY2299" fmla="*/ 3617879 h 6858000"/>
              <a:gd name="connsiteX2300" fmla="*/ 3745453 w 6858000"/>
              <a:gd name="connsiteY2300" fmla="*/ 3617693 h 6858000"/>
              <a:gd name="connsiteX2301" fmla="*/ 3745453 w 6858000"/>
              <a:gd name="connsiteY2301" fmla="*/ 3618545 h 6858000"/>
              <a:gd name="connsiteX2302" fmla="*/ 3746305 w 6858000"/>
              <a:gd name="connsiteY2302" fmla="*/ 3618545 h 6858000"/>
              <a:gd name="connsiteX2303" fmla="*/ 3746305 w 6858000"/>
              <a:gd name="connsiteY2303" fmla="*/ 3617693 h 6858000"/>
              <a:gd name="connsiteX2304" fmla="*/ 3622395 w 6858000"/>
              <a:gd name="connsiteY2304" fmla="*/ 3617693 h 6858000"/>
              <a:gd name="connsiteX2305" fmla="*/ 3622395 w 6858000"/>
              <a:gd name="connsiteY2305" fmla="*/ 3618545 h 6858000"/>
              <a:gd name="connsiteX2306" fmla="*/ 3623247 w 6858000"/>
              <a:gd name="connsiteY2306" fmla="*/ 3618545 h 6858000"/>
              <a:gd name="connsiteX2307" fmla="*/ 3623247 w 6858000"/>
              <a:gd name="connsiteY2307" fmla="*/ 3617693 h 6858000"/>
              <a:gd name="connsiteX2308" fmla="*/ 3499116 w 6858000"/>
              <a:gd name="connsiteY2308" fmla="*/ 3617434 h 6858000"/>
              <a:gd name="connsiteX2309" fmla="*/ 3499116 w 6858000"/>
              <a:gd name="connsiteY2309" fmla="*/ 3618730 h 6858000"/>
              <a:gd name="connsiteX2310" fmla="*/ 3500412 w 6858000"/>
              <a:gd name="connsiteY2310" fmla="*/ 3618730 h 6858000"/>
              <a:gd name="connsiteX2311" fmla="*/ 3500412 w 6858000"/>
              <a:gd name="connsiteY2311" fmla="*/ 3617434 h 6858000"/>
              <a:gd name="connsiteX2312" fmla="*/ 3375836 w 6858000"/>
              <a:gd name="connsiteY2312" fmla="*/ 3617212 h 6858000"/>
              <a:gd name="connsiteX2313" fmla="*/ 3375836 w 6858000"/>
              <a:gd name="connsiteY2313" fmla="*/ 3618952 h 6858000"/>
              <a:gd name="connsiteX2314" fmla="*/ 3377576 w 6858000"/>
              <a:gd name="connsiteY2314" fmla="*/ 3618952 h 6858000"/>
              <a:gd name="connsiteX2315" fmla="*/ 3377576 w 6858000"/>
              <a:gd name="connsiteY2315" fmla="*/ 3617212 h 6858000"/>
              <a:gd name="connsiteX2316" fmla="*/ 3252557 w 6858000"/>
              <a:gd name="connsiteY2316" fmla="*/ 3616989 h 6858000"/>
              <a:gd name="connsiteX2317" fmla="*/ 3252557 w 6858000"/>
              <a:gd name="connsiteY2317" fmla="*/ 3619174 h 6858000"/>
              <a:gd name="connsiteX2318" fmla="*/ 3254742 w 6858000"/>
              <a:gd name="connsiteY2318" fmla="*/ 3619174 h 6858000"/>
              <a:gd name="connsiteX2319" fmla="*/ 3254742 w 6858000"/>
              <a:gd name="connsiteY2319" fmla="*/ 3616989 h 6858000"/>
              <a:gd name="connsiteX2320" fmla="*/ 3129055 w 6858000"/>
              <a:gd name="connsiteY2320" fmla="*/ 3616582 h 6858000"/>
              <a:gd name="connsiteX2321" fmla="*/ 3129055 w 6858000"/>
              <a:gd name="connsiteY2321" fmla="*/ 3619619 h 6858000"/>
              <a:gd name="connsiteX2322" fmla="*/ 3132092 w 6858000"/>
              <a:gd name="connsiteY2322" fmla="*/ 3619619 h 6858000"/>
              <a:gd name="connsiteX2323" fmla="*/ 3132092 w 6858000"/>
              <a:gd name="connsiteY2323" fmla="*/ 3616582 h 6858000"/>
              <a:gd name="connsiteX2324" fmla="*/ 3005553 w 6858000"/>
              <a:gd name="connsiteY2324" fmla="*/ 3616138 h 6858000"/>
              <a:gd name="connsiteX2325" fmla="*/ 3005553 w 6858000"/>
              <a:gd name="connsiteY2325" fmla="*/ 3620063 h 6858000"/>
              <a:gd name="connsiteX2326" fmla="*/ 3009478 w 6858000"/>
              <a:gd name="connsiteY2326" fmla="*/ 3620063 h 6858000"/>
              <a:gd name="connsiteX2327" fmla="*/ 3009478 w 6858000"/>
              <a:gd name="connsiteY2327" fmla="*/ 3616138 h 6858000"/>
              <a:gd name="connsiteX2328" fmla="*/ 2882052 w 6858000"/>
              <a:gd name="connsiteY2328" fmla="*/ 3615693 h 6858000"/>
              <a:gd name="connsiteX2329" fmla="*/ 2882052 w 6858000"/>
              <a:gd name="connsiteY2329" fmla="*/ 3620470 h 6858000"/>
              <a:gd name="connsiteX2330" fmla="*/ 2886829 w 6858000"/>
              <a:gd name="connsiteY2330" fmla="*/ 3620470 h 6858000"/>
              <a:gd name="connsiteX2331" fmla="*/ 2886829 w 6858000"/>
              <a:gd name="connsiteY2331" fmla="*/ 3615693 h 6858000"/>
              <a:gd name="connsiteX2332" fmla="*/ 2758365 w 6858000"/>
              <a:gd name="connsiteY2332" fmla="*/ 3615064 h 6858000"/>
              <a:gd name="connsiteX2333" fmla="*/ 2758365 w 6858000"/>
              <a:gd name="connsiteY2333" fmla="*/ 3621137 h 6858000"/>
              <a:gd name="connsiteX2334" fmla="*/ 2764438 w 6858000"/>
              <a:gd name="connsiteY2334" fmla="*/ 3621137 h 6858000"/>
              <a:gd name="connsiteX2335" fmla="*/ 2764438 w 6858000"/>
              <a:gd name="connsiteY2335" fmla="*/ 3615064 h 6858000"/>
              <a:gd name="connsiteX2336" fmla="*/ 2634641 w 6858000"/>
              <a:gd name="connsiteY2336" fmla="*/ 3614435 h 6858000"/>
              <a:gd name="connsiteX2337" fmla="*/ 2634641 w 6858000"/>
              <a:gd name="connsiteY2337" fmla="*/ 3621804 h 6858000"/>
              <a:gd name="connsiteX2338" fmla="*/ 2642010 w 6858000"/>
              <a:gd name="connsiteY2338" fmla="*/ 3621804 h 6858000"/>
              <a:gd name="connsiteX2339" fmla="*/ 2642010 w 6858000"/>
              <a:gd name="connsiteY2339" fmla="*/ 3614435 h 6858000"/>
              <a:gd name="connsiteX2340" fmla="*/ 2510917 w 6858000"/>
              <a:gd name="connsiteY2340" fmla="*/ 3613731 h 6858000"/>
              <a:gd name="connsiteX2341" fmla="*/ 2510917 w 6858000"/>
              <a:gd name="connsiteY2341" fmla="*/ 3622433 h 6858000"/>
              <a:gd name="connsiteX2342" fmla="*/ 2519619 w 6858000"/>
              <a:gd name="connsiteY2342" fmla="*/ 3622433 h 6858000"/>
              <a:gd name="connsiteX2343" fmla="*/ 2519619 w 6858000"/>
              <a:gd name="connsiteY2343" fmla="*/ 3613731 h 6858000"/>
              <a:gd name="connsiteX2344" fmla="*/ 2387230 w 6858000"/>
              <a:gd name="connsiteY2344" fmla="*/ 3613101 h 6858000"/>
              <a:gd name="connsiteX2345" fmla="*/ 2387230 w 6858000"/>
              <a:gd name="connsiteY2345" fmla="*/ 3623100 h 6858000"/>
              <a:gd name="connsiteX2346" fmla="*/ 2397229 w 6858000"/>
              <a:gd name="connsiteY2346" fmla="*/ 3623100 h 6858000"/>
              <a:gd name="connsiteX2347" fmla="*/ 2397229 w 6858000"/>
              <a:gd name="connsiteY2347" fmla="*/ 3613101 h 6858000"/>
              <a:gd name="connsiteX2348" fmla="*/ 2263284 w 6858000"/>
              <a:gd name="connsiteY2348" fmla="*/ 3612212 h 6858000"/>
              <a:gd name="connsiteX2349" fmla="*/ 2263284 w 6858000"/>
              <a:gd name="connsiteY2349" fmla="*/ 3623951 h 6858000"/>
              <a:gd name="connsiteX2350" fmla="*/ 2275023 w 6858000"/>
              <a:gd name="connsiteY2350" fmla="*/ 3623951 h 6858000"/>
              <a:gd name="connsiteX2351" fmla="*/ 2275023 w 6858000"/>
              <a:gd name="connsiteY2351" fmla="*/ 3612212 h 6858000"/>
              <a:gd name="connsiteX2352" fmla="*/ 2139375 w 6858000"/>
              <a:gd name="connsiteY2352" fmla="*/ 3611360 h 6858000"/>
              <a:gd name="connsiteX2353" fmla="*/ 2139375 w 6858000"/>
              <a:gd name="connsiteY2353" fmla="*/ 3624840 h 6858000"/>
              <a:gd name="connsiteX2354" fmla="*/ 2152855 w 6858000"/>
              <a:gd name="connsiteY2354" fmla="*/ 3624840 h 6858000"/>
              <a:gd name="connsiteX2355" fmla="*/ 2152855 w 6858000"/>
              <a:gd name="connsiteY2355" fmla="*/ 3611360 h 6858000"/>
              <a:gd name="connsiteX2356" fmla="*/ 2015429 w 6858000"/>
              <a:gd name="connsiteY2356" fmla="*/ 3610509 h 6858000"/>
              <a:gd name="connsiteX2357" fmla="*/ 2015429 w 6858000"/>
              <a:gd name="connsiteY2357" fmla="*/ 3625692 h 6858000"/>
              <a:gd name="connsiteX2358" fmla="*/ 2030612 w 6858000"/>
              <a:gd name="connsiteY2358" fmla="*/ 3625692 h 6858000"/>
              <a:gd name="connsiteX2359" fmla="*/ 2030612 w 6858000"/>
              <a:gd name="connsiteY2359" fmla="*/ 3610509 h 6858000"/>
              <a:gd name="connsiteX2360" fmla="*/ 1891298 w 6858000"/>
              <a:gd name="connsiteY2360" fmla="*/ 3609398 h 6858000"/>
              <a:gd name="connsiteX2361" fmla="*/ 1891298 w 6858000"/>
              <a:gd name="connsiteY2361" fmla="*/ 3626766 h 6858000"/>
              <a:gd name="connsiteX2362" fmla="*/ 1908666 w 6858000"/>
              <a:gd name="connsiteY2362" fmla="*/ 3626766 h 6858000"/>
              <a:gd name="connsiteX2363" fmla="*/ 1908666 w 6858000"/>
              <a:gd name="connsiteY2363" fmla="*/ 3609398 h 6858000"/>
              <a:gd name="connsiteX2364" fmla="*/ 1767129 w 6858000"/>
              <a:gd name="connsiteY2364" fmla="*/ 3608324 h 6858000"/>
              <a:gd name="connsiteX2365" fmla="*/ 1767129 w 6858000"/>
              <a:gd name="connsiteY2365" fmla="*/ 3627877 h 6858000"/>
              <a:gd name="connsiteX2366" fmla="*/ 1786682 w 6858000"/>
              <a:gd name="connsiteY2366" fmla="*/ 3627877 h 6858000"/>
              <a:gd name="connsiteX2367" fmla="*/ 1786682 w 6858000"/>
              <a:gd name="connsiteY2367" fmla="*/ 3608324 h 6858000"/>
              <a:gd name="connsiteX2368" fmla="*/ 1643220 w 6858000"/>
              <a:gd name="connsiteY2368" fmla="*/ 3607436 h 6858000"/>
              <a:gd name="connsiteX2369" fmla="*/ 1643220 w 6858000"/>
              <a:gd name="connsiteY2369" fmla="*/ 3628729 h 6858000"/>
              <a:gd name="connsiteX2370" fmla="*/ 1664513 w 6858000"/>
              <a:gd name="connsiteY2370" fmla="*/ 3628729 h 6858000"/>
              <a:gd name="connsiteX2371" fmla="*/ 1664513 w 6858000"/>
              <a:gd name="connsiteY2371" fmla="*/ 3607436 h 6858000"/>
              <a:gd name="connsiteX2372" fmla="*/ 1519052 w 6858000"/>
              <a:gd name="connsiteY2372" fmla="*/ 3606361 h 6858000"/>
              <a:gd name="connsiteX2373" fmla="*/ 1519052 w 6858000"/>
              <a:gd name="connsiteY2373" fmla="*/ 3629802 h 6858000"/>
              <a:gd name="connsiteX2374" fmla="*/ 1542493 w 6858000"/>
              <a:gd name="connsiteY2374" fmla="*/ 3629802 h 6858000"/>
              <a:gd name="connsiteX2375" fmla="*/ 1542493 w 6858000"/>
              <a:gd name="connsiteY2375" fmla="*/ 3606361 h 6858000"/>
              <a:gd name="connsiteX2376" fmla="*/ 1395143 w 6858000"/>
              <a:gd name="connsiteY2376" fmla="*/ 3605509 h 6858000"/>
              <a:gd name="connsiteX2377" fmla="*/ 1395143 w 6858000"/>
              <a:gd name="connsiteY2377" fmla="*/ 3630691 h 6858000"/>
              <a:gd name="connsiteX2378" fmla="*/ 1420325 w 6858000"/>
              <a:gd name="connsiteY2378" fmla="*/ 3630691 h 6858000"/>
              <a:gd name="connsiteX2379" fmla="*/ 1420325 w 6858000"/>
              <a:gd name="connsiteY2379" fmla="*/ 3605509 h 6858000"/>
              <a:gd name="connsiteX2380" fmla="*/ 1271012 w 6858000"/>
              <a:gd name="connsiteY2380" fmla="*/ 3604398 h 6858000"/>
              <a:gd name="connsiteX2381" fmla="*/ 1271012 w 6858000"/>
              <a:gd name="connsiteY2381" fmla="*/ 3631765 h 6858000"/>
              <a:gd name="connsiteX2382" fmla="*/ 1298379 w 6858000"/>
              <a:gd name="connsiteY2382" fmla="*/ 3631765 h 6858000"/>
              <a:gd name="connsiteX2383" fmla="*/ 1298379 w 6858000"/>
              <a:gd name="connsiteY2383" fmla="*/ 3604398 h 6858000"/>
              <a:gd name="connsiteX2384" fmla="*/ 1147066 w 6858000"/>
              <a:gd name="connsiteY2384" fmla="*/ 3603547 h 6858000"/>
              <a:gd name="connsiteX2385" fmla="*/ 1147066 w 6858000"/>
              <a:gd name="connsiteY2385" fmla="*/ 3632654 h 6858000"/>
              <a:gd name="connsiteX2386" fmla="*/ 1176173 w 6858000"/>
              <a:gd name="connsiteY2386" fmla="*/ 3632654 h 6858000"/>
              <a:gd name="connsiteX2387" fmla="*/ 1176173 w 6858000"/>
              <a:gd name="connsiteY2387" fmla="*/ 3603547 h 6858000"/>
              <a:gd name="connsiteX2388" fmla="*/ 1023119 w 6858000"/>
              <a:gd name="connsiteY2388" fmla="*/ 3602658 h 6858000"/>
              <a:gd name="connsiteX2389" fmla="*/ 1023119 w 6858000"/>
              <a:gd name="connsiteY2389" fmla="*/ 3633506 h 6858000"/>
              <a:gd name="connsiteX2390" fmla="*/ 1053967 w 6858000"/>
              <a:gd name="connsiteY2390" fmla="*/ 3633506 h 6858000"/>
              <a:gd name="connsiteX2391" fmla="*/ 1053967 w 6858000"/>
              <a:gd name="connsiteY2391" fmla="*/ 3602658 h 6858000"/>
              <a:gd name="connsiteX2392" fmla="*/ 899210 w 6858000"/>
              <a:gd name="connsiteY2392" fmla="*/ 3601806 h 6858000"/>
              <a:gd name="connsiteX2393" fmla="*/ 899210 w 6858000"/>
              <a:gd name="connsiteY2393" fmla="*/ 3634394 h 6858000"/>
              <a:gd name="connsiteX2394" fmla="*/ 931798 w 6858000"/>
              <a:gd name="connsiteY2394" fmla="*/ 3634394 h 6858000"/>
              <a:gd name="connsiteX2395" fmla="*/ 931798 w 6858000"/>
              <a:gd name="connsiteY2395" fmla="*/ 3601806 h 6858000"/>
              <a:gd name="connsiteX2396" fmla="*/ 775487 w 6858000"/>
              <a:gd name="connsiteY2396" fmla="*/ 3601140 h 6858000"/>
              <a:gd name="connsiteX2397" fmla="*/ 775487 w 6858000"/>
              <a:gd name="connsiteY2397" fmla="*/ 3635024 h 6858000"/>
              <a:gd name="connsiteX2398" fmla="*/ 809371 w 6858000"/>
              <a:gd name="connsiteY2398" fmla="*/ 3635024 h 6858000"/>
              <a:gd name="connsiteX2399" fmla="*/ 809371 w 6858000"/>
              <a:gd name="connsiteY2399" fmla="*/ 3601140 h 6858000"/>
              <a:gd name="connsiteX2400" fmla="*/ 651800 w 6858000"/>
              <a:gd name="connsiteY2400" fmla="*/ 3600511 h 6858000"/>
              <a:gd name="connsiteX2401" fmla="*/ 651800 w 6858000"/>
              <a:gd name="connsiteY2401" fmla="*/ 3635691 h 6858000"/>
              <a:gd name="connsiteX2402" fmla="*/ 686980 w 6858000"/>
              <a:gd name="connsiteY2402" fmla="*/ 3635691 h 6858000"/>
              <a:gd name="connsiteX2403" fmla="*/ 686980 w 6858000"/>
              <a:gd name="connsiteY2403" fmla="*/ 3600511 h 6858000"/>
              <a:gd name="connsiteX2404" fmla="*/ 528298 w 6858000"/>
              <a:gd name="connsiteY2404" fmla="*/ 3600103 h 6858000"/>
              <a:gd name="connsiteX2405" fmla="*/ 528298 w 6858000"/>
              <a:gd name="connsiteY2405" fmla="*/ 3636135 h 6858000"/>
              <a:gd name="connsiteX2406" fmla="*/ 564330 w 6858000"/>
              <a:gd name="connsiteY2406" fmla="*/ 3636135 h 6858000"/>
              <a:gd name="connsiteX2407" fmla="*/ 564330 w 6858000"/>
              <a:gd name="connsiteY2407" fmla="*/ 3600103 h 6858000"/>
              <a:gd name="connsiteX2408" fmla="*/ 404796 w 6858000"/>
              <a:gd name="connsiteY2408" fmla="*/ 3599621 h 6858000"/>
              <a:gd name="connsiteX2409" fmla="*/ 404796 w 6858000"/>
              <a:gd name="connsiteY2409" fmla="*/ 3636542 h 6858000"/>
              <a:gd name="connsiteX2410" fmla="*/ 441717 w 6858000"/>
              <a:gd name="connsiteY2410" fmla="*/ 3636542 h 6858000"/>
              <a:gd name="connsiteX2411" fmla="*/ 441717 w 6858000"/>
              <a:gd name="connsiteY2411" fmla="*/ 3599621 h 6858000"/>
              <a:gd name="connsiteX2412" fmla="*/ 35402 w 6858000"/>
              <a:gd name="connsiteY2412" fmla="*/ 3599399 h 6858000"/>
              <a:gd name="connsiteX2413" fmla="*/ 35402 w 6858000"/>
              <a:gd name="connsiteY2413" fmla="*/ 3636764 h 6858000"/>
              <a:gd name="connsiteX2414" fmla="*/ 72767 w 6858000"/>
              <a:gd name="connsiteY2414" fmla="*/ 3636764 h 6858000"/>
              <a:gd name="connsiteX2415" fmla="*/ 72767 w 6858000"/>
              <a:gd name="connsiteY2415" fmla="*/ 3599399 h 6858000"/>
              <a:gd name="connsiteX2416" fmla="*/ 281295 w 6858000"/>
              <a:gd name="connsiteY2416" fmla="*/ 3599214 h 6858000"/>
              <a:gd name="connsiteX2417" fmla="*/ 281295 w 6858000"/>
              <a:gd name="connsiteY2417" fmla="*/ 3636987 h 6858000"/>
              <a:gd name="connsiteX2418" fmla="*/ 319068 w 6858000"/>
              <a:gd name="connsiteY2418" fmla="*/ 3636987 h 6858000"/>
              <a:gd name="connsiteX2419" fmla="*/ 319068 w 6858000"/>
              <a:gd name="connsiteY2419" fmla="*/ 3599214 h 6858000"/>
              <a:gd name="connsiteX2420" fmla="*/ 158015 w 6858000"/>
              <a:gd name="connsiteY2420" fmla="*/ 3598992 h 6858000"/>
              <a:gd name="connsiteX2421" fmla="*/ 158015 w 6858000"/>
              <a:gd name="connsiteY2421" fmla="*/ 3637209 h 6858000"/>
              <a:gd name="connsiteX2422" fmla="*/ 196232 w 6858000"/>
              <a:gd name="connsiteY2422" fmla="*/ 3637209 h 6858000"/>
              <a:gd name="connsiteX2423" fmla="*/ 196232 w 6858000"/>
              <a:gd name="connsiteY2423" fmla="*/ 3598992 h 6858000"/>
              <a:gd name="connsiteX2424" fmla="*/ 4484019 w 6858000"/>
              <a:gd name="connsiteY2424" fmla="*/ 3494821 h 6858000"/>
              <a:gd name="connsiteX2425" fmla="*/ 4484019 w 6858000"/>
              <a:gd name="connsiteY2425" fmla="*/ 3495265 h 6858000"/>
              <a:gd name="connsiteX2426" fmla="*/ 4484463 w 6858000"/>
              <a:gd name="connsiteY2426" fmla="*/ 3495265 h 6858000"/>
              <a:gd name="connsiteX2427" fmla="*/ 4484463 w 6858000"/>
              <a:gd name="connsiteY2427" fmla="*/ 3494821 h 6858000"/>
              <a:gd name="connsiteX2428" fmla="*/ 4360961 w 6858000"/>
              <a:gd name="connsiteY2428" fmla="*/ 3494821 h 6858000"/>
              <a:gd name="connsiteX2429" fmla="*/ 4360961 w 6858000"/>
              <a:gd name="connsiteY2429" fmla="*/ 3495265 h 6858000"/>
              <a:gd name="connsiteX2430" fmla="*/ 4361405 w 6858000"/>
              <a:gd name="connsiteY2430" fmla="*/ 3495265 h 6858000"/>
              <a:gd name="connsiteX2431" fmla="*/ 4361405 w 6858000"/>
              <a:gd name="connsiteY2431" fmla="*/ 3494821 h 6858000"/>
              <a:gd name="connsiteX2432" fmla="*/ 4237904 w 6858000"/>
              <a:gd name="connsiteY2432" fmla="*/ 3494821 h 6858000"/>
              <a:gd name="connsiteX2433" fmla="*/ 4237904 w 6858000"/>
              <a:gd name="connsiteY2433" fmla="*/ 3495265 h 6858000"/>
              <a:gd name="connsiteX2434" fmla="*/ 4238348 w 6858000"/>
              <a:gd name="connsiteY2434" fmla="*/ 3495265 h 6858000"/>
              <a:gd name="connsiteX2435" fmla="*/ 4238348 w 6858000"/>
              <a:gd name="connsiteY2435" fmla="*/ 3494821 h 6858000"/>
              <a:gd name="connsiteX2436" fmla="*/ 4114847 w 6858000"/>
              <a:gd name="connsiteY2436" fmla="*/ 3494821 h 6858000"/>
              <a:gd name="connsiteX2437" fmla="*/ 4114847 w 6858000"/>
              <a:gd name="connsiteY2437" fmla="*/ 3495265 h 6858000"/>
              <a:gd name="connsiteX2438" fmla="*/ 4115291 w 6858000"/>
              <a:gd name="connsiteY2438" fmla="*/ 3495265 h 6858000"/>
              <a:gd name="connsiteX2439" fmla="*/ 4115291 w 6858000"/>
              <a:gd name="connsiteY2439" fmla="*/ 3494821 h 6858000"/>
              <a:gd name="connsiteX2440" fmla="*/ 3991789 w 6858000"/>
              <a:gd name="connsiteY2440" fmla="*/ 3494821 h 6858000"/>
              <a:gd name="connsiteX2441" fmla="*/ 3991789 w 6858000"/>
              <a:gd name="connsiteY2441" fmla="*/ 3495265 h 6858000"/>
              <a:gd name="connsiteX2442" fmla="*/ 3992234 w 6858000"/>
              <a:gd name="connsiteY2442" fmla="*/ 3495265 h 6858000"/>
              <a:gd name="connsiteX2443" fmla="*/ 3992234 w 6858000"/>
              <a:gd name="connsiteY2443" fmla="*/ 3494821 h 6858000"/>
              <a:gd name="connsiteX2444" fmla="*/ 3868732 w 6858000"/>
              <a:gd name="connsiteY2444" fmla="*/ 3494821 h 6858000"/>
              <a:gd name="connsiteX2445" fmla="*/ 3868732 w 6858000"/>
              <a:gd name="connsiteY2445" fmla="*/ 3495265 h 6858000"/>
              <a:gd name="connsiteX2446" fmla="*/ 3869176 w 6858000"/>
              <a:gd name="connsiteY2446" fmla="*/ 3495265 h 6858000"/>
              <a:gd name="connsiteX2447" fmla="*/ 3869176 w 6858000"/>
              <a:gd name="connsiteY2447" fmla="*/ 3494821 h 6858000"/>
              <a:gd name="connsiteX2448" fmla="*/ 3745453 w 6858000"/>
              <a:gd name="connsiteY2448" fmla="*/ 3494598 h 6858000"/>
              <a:gd name="connsiteX2449" fmla="*/ 3745453 w 6858000"/>
              <a:gd name="connsiteY2449" fmla="*/ 3495450 h 6858000"/>
              <a:gd name="connsiteX2450" fmla="*/ 3746305 w 6858000"/>
              <a:gd name="connsiteY2450" fmla="*/ 3495450 h 6858000"/>
              <a:gd name="connsiteX2451" fmla="*/ 3746305 w 6858000"/>
              <a:gd name="connsiteY2451" fmla="*/ 3494598 h 6858000"/>
              <a:gd name="connsiteX2452" fmla="*/ 3622395 w 6858000"/>
              <a:gd name="connsiteY2452" fmla="*/ 3494598 h 6858000"/>
              <a:gd name="connsiteX2453" fmla="*/ 3622395 w 6858000"/>
              <a:gd name="connsiteY2453" fmla="*/ 3495450 h 6858000"/>
              <a:gd name="connsiteX2454" fmla="*/ 3623247 w 6858000"/>
              <a:gd name="connsiteY2454" fmla="*/ 3495450 h 6858000"/>
              <a:gd name="connsiteX2455" fmla="*/ 3623247 w 6858000"/>
              <a:gd name="connsiteY2455" fmla="*/ 3494598 h 6858000"/>
              <a:gd name="connsiteX2456" fmla="*/ 3499116 w 6858000"/>
              <a:gd name="connsiteY2456" fmla="*/ 3494377 h 6858000"/>
              <a:gd name="connsiteX2457" fmla="*/ 3499116 w 6858000"/>
              <a:gd name="connsiteY2457" fmla="*/ 3495673 h 6858000"/>
              <a:gd name="connsiteX2458" fmla="*/ 3500412 w 6858000"/>
              <a:gd name="connsiteY2458" fmla="*/ 3495673 h 6858000"/>
              <a:gd name="connsiteX2459" fmla="*/ 3500412 w 6858000"/>
              <a:gd name="connsiteY2459" fmla="*/ 3494377 h 6858000"/>
              <a:gd name="connsiteX2460" fmla="*/ 3375836 w 6858000"/>
              <a:gd name="connsiteY2460" fmla="*/ 3494155 h 6858000"/>
              <a:gd name="connsiteX2461" fmla="*/ 3375836 w 6858000"/>
              <a:gd name="connsiteY2461" fmla="*/ 3495895 h 6858000"/>
              <a:gd name="connsiteX2462" fmla="*/ 3377576 w 6858000"/>
              <a:gd name="connsiteY2462" fmla="*/ 3495895 h 6858000"/>
              <a:gd name="connsiteX2463" fmla="*/ 3377576 w 6858000"/>
              <a:gd name="connsiteY2463" fmla="*/ 3494155 h 6858000"/>
              <a:gd name="connsiteX2464" fmla="*/ 3252335 w 6858000"/>
              <a:gd name="connsiteY2464" fmla="*/ 3493747 h 6858000"/>
              <a:gd name="connsiteX2465" fmla="*/ 3252335 w 6858000"/>
              <a:gd name="connsiteY2465" fmla="*/ 3496339 h 6858000"/>
              <a:gd name="connsiteX2466" fmla="*/ 3254927 w 6858000"/>
              <a:gd name="connsiteY2466" fmla="*/ 3496339 h 6858000"/>
              <a:gd name="connsiteX2467" fmla="*/ 3254927 w 6858000"/>
              <a:gd name="connsiteY2467" fmla="*/ 3493747 h 6858000"/>
              <a:gd name="connsiteX2468" fmla="*/ 3129055 w 6858000"/>
              <a:gd name="connsiteY2468" fmla="*/ 3493524 h 6858000"/>
              <a:gd name="connsiteX2469" fmla="*/ 3129055 w 6858000"/>
              <a:gd name="connsiteY2469" fmla="*/ 3496561 h 6858000"/>
              <a:gd name="connsiteX2470" fmla="*/ 3132092 w 6858000"/>
              <a:gd name="connsiteY2470" fmla="*/ 3496561 h 6858000"/>
              <a:gd name="connsiteX2471" fmla="*/ 3132092 w 6858000"/>
              <a:gd name="connsiteY2471" fmla="*/ 3493524 h 6858000"/>
              <a:gd name="connsiteX2472" fmla="*/ 3005553 w 6858000"/>
              <a:gd name="connsiteY2472" fmla="*/ 3493081 h 6858000"/>
              <a:gd name="connsiteX2473" fmla="*/ 3005553 w 6858000"/>
              <a:gd name="connsiteY2473" fmla="*/ 3497006 h 6858000"/>
              <a:gd name="connsiteX2474" fmla="*/ 3009478 w 6858000"/>
              <a:gd name="connsiteY2474" fmla="*/ 3497006 h 6858000"/>
              <a:gd name="connsiteX2475" fmla="*/ 3009478 w 6858000"/>
              <a:gd name="connsiteY2475" fmla="*/ 3493081 h 6858000"/>
              <a:gd name="connsiteX2476" fmla="*/ 2881866 w 6858000"/>
              <a:gd name="connsiteY2476" fmla="*/ 3492414 h 6858000"/>
              <a:gd name="connsiteX2477" fmla="*/ 2881866 w 6858000"/>
              <a:gd name="connsiteY2477" fmla="*/ 3497635 h 6858000"/>
              <a:gd name="connsiteX2478" fmla="*/ 2887087 w 6858000"/>
              <a:gd name="connsiteY2478" fmla="*/ 3497635 h 6858000"/>
              <a:gd name="connsiteX2479" fmla="*/ 2887087 w 6858000"/>
              <a:gd name="connsiteY2479" fmla="*/ 3492414 h 6858000"/>
              <a:gd name="connsiteX2480" fmla="*/ 2758365 w 6858000"/>
              <a:gd name="connsiteY2480" fmla="*/ 3492007 h 6858000"/>
              <a:gd name="connsiteX2481" fmla="*/ 2758365 w 6858000"/>
              <a:gd name="connsiteY2481" fmla="*/ 3498080 h 6858000"/>
              <a:gd name="connsiteX2482" fmla="*/ 2764438 w 6858000"/>
              <a:gd name="connsiteY2482" fmla="*/ 3498080 h 6858000"/>
              <a:gd name="connsiteX2483" fmla="*/ 2764438 w 6858000"/>
              <a:gd name="connsiteY2483" fmla="*/ 3492007 h 6858000"/>
              <a:gd name="connsiteX2484" fmla="*/ 2634419 w 6858000"/>
              <a:gd name="connsiteY2484" fmla="*/ 3491117 h 6858000"/>
              <a:gd name="connsiteX2485" fmla="*/ 2634419 w 6858000"/>
              <a:gd name="connsiteY2485" fmla="*/ 3498931 h 6858000"/>
              <a:gd name="connsiteX2486" fmla="*/ 2642233 w 6858000"/>
              <a:gd name="connsiteY2486" fmla="*/ 3498931 h 6858000"/>
              <a:gd name="connsiteX2487" fmla="*/ 2642233 w 6858000"/>
              <a:gd name="connsiteY2487" fmla="*/ 3491117 h 6858000"/>
              <a:gd name="connsiteX2488" fmla="*/ 2510732 w 6858000"/>
              <a:gd name="connsiteY2488" fmla="*/ 3490488 h 6858000"/>
              <a:gd name="connsiteX2489" fmla="*/ 2510732 w 6858000"/>
              <a:gd name="connsiteY2489" fmla="*/ 3499598 h 6858000"/>
              <a:gd name="connsiteX2490" fmla="*/ 2519842 w 6858000"/>
              <a:gd name="connsiteY2490" fmla="*/ 3499598 h 6858000"/>
              <a:gd name="connsiteX2491" fmla="*/ 2519842 w 6858000"/>
              <a:gd name="connsiteY2491" fmla="*/ 3490488 h 6858000"/>
              <a:gd name="connsiteX2492" fmla="*/ 2386786 w 6858000"/>
              <a:gd name="connsiteY2492" fmla="*/ 3489600 h 6858000"/>
              <a:gd name="connsiteX2493" fmla="*/ 2386786 w 6858000"/>
              <a:gd name="connsiteY2493" fmla="*/ 3500450 h 6858000"/>
              <a:gd name="connsiteX2494" fmla="*/ 2397636 w 6858000"/>
              <a:gd name="connsiteY2494" fmla="*/ 3500450 h 6858000"/>
              <a:gd name="connsiteX2495" fmla="*/ 2397636 w 6858000"/>
              <a:gd name="connsiteY2495" fmla="*/ 3489600 h 6858000"/>
              <a:gd name="connsiteX2496" fmla="*/ 2262654 w 6858000"/>
              <a:gd name="connsiteY2496" fmla="*/ 3488526 h 6858000"/>
              <a:gd name="connsiteX2497" fmla="*/ 2262654 w 6858000"/>
              <a:gd name="connsiteY2497" fmla="*/ 3501561 h 6858000"/>
              <a:gd name="connsiteX2498" fmla="*/ 2275689 w 6858000"/>
              <a:gd name="connsiteY2498" fmla="*/ 3501561 h 6858000"/>
              <a:gd name="connsiteX2499" fmla="*/ 2275689 w 6858000"/>
              <a:gd name="connsiteY2499" fmla="*/ 3488526 h 6858000"/>
              <a:gd name="connsiteX2500" fmla="*/ 2138708 w 6858000"/>
              <a:gd name="connsiteY2500" fmla="*/ 3487636 h 6858000"/>
              <a:gd name="connsiteX2501" fmla="*/ 2138708 w 6858000"/>
              <a:gd name="connsiteY2501" fmla="*/ 3502412 h 6858000"/>
              <a:gd name="connsiteX2502" fmla="*/ 2153484 w 6858000"/>
              <a:gd name="connsiteY2502" fmla="*/ 3502412 h 6858000"/>
              <a:gd name="connsiteX2503" fmla="*/ 2153484 w 6858000"/>
              <a:gd name="connsiteY2503" fmla="*/ 3487636 h 6858000"/>
              <a:gd name="connsiteX2504" fmla="*/ 2014577 w 6858000"/>
              <a:gd name="connsiteY2504" fmla="*/ 3486562 h 6858000"/>
              <a:gd name="connsiteX2505" fmla="*/ 2014577 w 6858000"/>
              <a:gd name="connsiteY2505" fmla="*/ 3503486 h 6858000"/>
              <a:gd name="connsiteX2506" fmla="*/ 2031501 w 6858000"/>
              <a:gd name="connsiteY2506" fmla="*/ 3503486 h 6858000"/>
              <a:gd name="connsiteX2507" fmla="*/ 2031501 w 6858000"/>
              <a:gd name="connsiteY2507" fmla="*/ 3486562 h 6858000"/>
              <a:gd name="connsiteX2508" fmla="*/ 1890409 w 6858000"/>
              <a:gd name="connsiteY2508" fmla="*/ 3485489 h 6858000"/>
              <a:gd name="connsiteX2509" fmla="*/ 1890409 w 6858000"/>
              <a:gd name="connsiteY2509" fmla="*/ 3504597 h 6858000"/>
              <a:gd name="connsiteX2510" fmla="*/ 1909518 w 6858000"/>
              <a:gd name="connsiteY2510" fmla="*/ 3504597 h 6858000"/>
              <a:gd name="connsiteX2511" fmla="*/ 1909518 w 6858000"/>
              <a:gd name="connsiteY2511" fmla="*/ 3485489 h 6858000"/>
              <a:gd name="connsiteX2512" fmla="*/ 1766055 w 6858000"/>
              <a:gd name="connsiteY2512" fmla="*/ 3484192 h 6858000"/>
              <a:gd name="connsiteX2513" fmla="*/ 1766055 w 6858000"/>
              <a:gd name="connsiteY2513" fmla="*/ 3505893 h 6858000"/>
              <a:gd name="connsiteX2514" fmla="*/ 1787756 w 6858000"/>
              <a:gd name="connsiteY2514" fmla="*/ 3505893 h 6858000"/>
              <a:gd name="connsiteX2515" fmla="*/ 1787756 w 6858000"/>
              <a:gd name="connsiteY2515" fmla="*/ 3484192 h 6858000"/>
              <a:gd name="connsiteX2516" fmla="*/ 1641924 w 6858000"/>
              <a:gd name="connsiteY2516" fmla="*/ 3483081 h 6858000"/>
              <a:gd name="connsiteX2517" fmla="*/ 1641924 w 6858000"/>
              <a:gd name="connsiteY2517" fmla="*/ 3506967 h 6858000"/>
              <a:gd name="connsiteX2518" fmla="*/ 1665810 w 6858000"/>
              <a:gd name="connsiteY2518" fmla="*/ 3506967 h 6858000"/>
              <a:gd name="connsiteX2519" fmla="*/ 1665810 w 6858000"/>
              <a:gd name="connsiteY2519" fmla="*/ 3483081 h 6858000"/>
              <a:gd name="connsiteX2520" fmla="*/ 1517756 w 6858000"/>
              <a:gd name="connsiteY2520" fmla="*/ 3482008 h 6858000"/>
              <a:gd name="connsiteX2521" fmla="*/ 1517756 w 6858000"/>
              <a:gd name="connsiteY2521" fmla="*/ 3508078 h 6858000"/>
              <a:gd name="connsiteX2522" fmla="*/ 1543827 w 6858000"/>
              <a:gd name="connsiteY2522" fmla="*/ 3508078 h 6858000"/>
              <a:gd name="connsiteX2523" fmla="*/ 1543827 w 6858000"/>
              <a:gd name="connsiteY2523" fmla="*/ 3482008 h 6858000"/>
              <a:gd name="connsiteX2524" fmla="*/ 1393402 w 6858000"/>
              <a:gd name="connsiteY2524" fmla="*/ 3480711 h 6858000"/>
              <a:gd name="connsiteX2525" fmla="*/ 1393402 w 6858000"/>
              <a:gd name="connsiteY2525" fmla="*/ 3509374 h 6858000"/>
              <a:gd name="connsiteX2526" fmla="*/ 1422065 w 6858000"/>
              <a:gd name="connsiteY2526" fmla="*/ 3509374 h 6858000"/>
              <a:gd name="connsiteX2527" fmla="*/ 1422065 w 6858000"/>
              <a:gd name="connsiteY2527" fmla="*/ 3480711 h 6858000"/>
              <a:gd name="connsiteX2528" fmla="*/ 1269456 w 6858000"/>
              <a:gd name="connsiteY2528" fmla="*/ 3479823 h 6858000"/>
              <a:gd name="connsiteX2529" fmla="*/ 1269456 w 6858000"/>
              <a:gd name="connsiteY2529" fmla="*/ 3510226 h 6858000"/>
              <a:gd name="connsiteX2530" fmla="*/ 1299859 w 6858000"/>
              <a:gd name="connsiteY2530" fmla="*/ 3510226 h 6858000"/>
              <a:gd name="connsiteX2531" fmla="*/ 1299859 w 6858000"/>
              <a:gd name="connsiteY2531" fmla="*/ 3479823 h 6858000"/>
              <a:gd name="connsiteX2532" fmla="*/ 1145325 w 6858000"/>
              <a:gd name="connsiteY2532" fmla="*/ 3478749 h 6858000"/>
              <a:gd name="connsiteX2533" fmla="*/ 1145325 w 6858000"/>
              <a:gd name="connsiteY2533" fmla="*/ 3511337 h 6858000"/>
              <a:gd name="connsiteX2534" fmla="*/ 1177913 w 6858000"/>
              <a:gd name="connsiteY2534" fmla="*/ 3511337 h 6858000"/>
              <a:gd name="connsiteX2535" fmla="*/ 1177913 w 6858000"/>
              <a:gd name="connsiteY2535" fmla="*/ 3478749 h 6858000"/>
              <a:gd name="connsiteX2536" fmla="*/ 1021416 w 6858000"/>
              <a:gd name="connsiteY2536" fmla="*/ 3477860 h 6858000"/>
              <a:gd name="connsiteX2537" fmla="*/ 1021416 w 6858000"/>
              <a:gd name="connsiteY2537" fmla="*/ 3512189 h 6858000"/>
              <a:gd name="connsiteX2538" fmla="*/ 1055745 w 6858000"/>
              <a:gd name="connsiteY2538" fmla="*/ 3512189 h 6858000"/>
              <a:gd name="connsiteX2539" fmla="*/ 1055745 w 6858000"/>
              <a:gd name="connsiteY2539" fmla="*/ 3477860 h 6858000"/>
              <a:gd name="connsiteX2540" fmla="*/ 897248 w 6858000"/>
              <a:gd name="connsiteY2540" fmla="*/ 3476787 h 6858000"/>
              <a:gd name="connsiteX2541" fmla="*/ 897248 w 6858000"/>
              <a:gd name="connsiteY2541" fmla="*/ 3513263 h 6858000"/>
              <a:gd name="connsiteX2542" fmla="*/ 933725 w 6858000"/>
              <a:gd name="connsiteY2542" fmla="*/ 3513263 h 6858000"/>
              <a:gd name="connsiteX2543" fmla="*/ 933725 w 6858000"/>
              <a:gd name="connsiteY2543" fmla="*/ 3476787 h 6858000"/>
              <a:gd name="connsiteX2544" fmla="*/ 773339 w 6858000"/>
              <a:gd name="connsiteY2544" fmla="*/ 3475935 h 6858000"/>
              <a:gd name="connsiteX2545" fmla="*/ 773339 w 6858000"/>
              <a:gd name="connsiteY2545" fmla="*/ 3514152 h 6858000"/>
              <a:gd name="connsiteX2546" fmla="*/ 811556 w 6858000"/>
              <a:gd name="connsiteY2546" fmla="*/ 3514152 h 6858000"/>
              <a:gd name="connsiteX2547" fmla="*/ 811556 w 6858000"/>
              <a:gd name="connsiteY2547" fmla="*/ 3475935 h 6858000"/>
              <a:gd name="connsiteX2548" fmla="*/ 649615 w 6858000"/>
              <a:gd name="connsiteY2548" fmla="*/ 3475268 h 6858000"/>
              <a:gd name="connsiteX2549" fmla="*/ 649615 w 6858000"/>
              <a:gd name="connsiteY2549" fmla="*/ 3514781 h 6858000"/>
              <a:gd name="connsiteX2550" fmla="*/ 689128 w 6858000"/>
              <a:gd name="connsiteY2550" fmla="*/ 3514781 h 6858000"/>
              <a:gd name="connsiteX2551" fmla="*/ 689128 w 6858000"/>
              <a:gd name="connsiteY2551" fmla="*/ 3475268 h 6858000"/>
              <a:gd name="connsiteX2552" fmla="*/ 525891 w 6858000"/>
              <a:gd name="connsiteY2552" fmla="*/ 3474639 h 6858000"/>
              <a:gd name="connsiteX2553" fmla="*/ 525891 w 6858000"/>
              <a:gd name="connsiteY2553" fmla="*/ 3515448 h 6858000"/>
              <a:gd name="connsiteX2554" fmla="*/ 566700 w 6858000"/>
              <a:gd name="connsiteY2554" fmla="*/ 3515448 h 6858000"/>
              <a:gd name="connsiteX2555" fmla="*/ 566700 w 6858000"/>
              <a:gd name="connsiteY2555" fmla="*/ 3474639 h 6858000"/>
              <a:gd name="connsiteX2556" fmla="*/ 402389 w 6858000"/>
              <a:gd name="connsiteY2556" fmla="*/ 3474194 h 6858000"/>
              <a:gd name="connsiteX2557" fmla="*/ 402389 w 6858000"/>
              <a:gd name="connsiteY2557" fmla="*/ 3515892 h 6858000"/>
              <a:gd name="connsiteX2558" fmla="*/ 444087 w 6858000"/>
              <a:gd name="connsiteY2558" fmla="*/ 3515892 h 6858000"/>
              <a:gd name="connsiteX2559" fmla="*/ 444087 w 6858000"/>
              <a:gd name="connsiteY2559" fmla="*/ 3474194 h 6858000"/>
              <a:gd name="connsiteX2560" fmla="*/ 32995 w 6858000"/>
              <a:gd name="connsiteY2560" fmla="*/ 3473971 h 6858000"/>
              <a:gd name="connsiteX2561" fmla="*/ 32995 w 6858000"/>
              <a:gd name="connsiteY2561" fmla="*/ 3516114 h 6858000"/>
              <a:gd name="connsiteX2562" fmla="*/ 75137 w 6858000"/>
              <a:gd name="connsiteY2562" fmla="*/ 3516114 h 6858000"/>
              <a:gd name="connsiteX2563" fmla="*/ 75137 w 6858000"/>
              <a:gd name="connsiteY2563" fmla="*/ 3473971 h 6858000"/>
              <a:gd name="connsiteX2564" fmla="*/ 278924 w 6858000"/>
              <a:gd name="connsiteY2564" fmla="*/ 3473749 h 6858000"/>
              <a:gd name="connsiteX2565" fmla="*/ 278924 w 6858000"/>
              <a:gd name="connsiteY2565" fmla="*/ 3516299 h 6858000"/>
              <a:gd name="connsiteX2566" fmla="*/ 321474 w 6858000"/>
              <a:gd name="connsiteY2566" fmla="*/ 3516299 h 6858000"/>
              <a:gd name="connsiteX2567" fmla="*/ 321474 w 6858000"/>
              <a:gd name="connsiteY2567" fmla="*/ 3473749 h 6858000"/>
              <a:gd name="connsiteX2568" fmla="*/ 155645 w 6858000"/>
              <a:gd name="connsiteY2568" fmla="*/ 3473528 h 6858000"/>
              <a:gd name="connsiteX2569" fmla="*/ 155645 w 6858000"/>
              <a:gd name="connsiteY2569" fmla="*/ 3516522 h 6858000"/>
              <a:gd name="connsiteX2570" fmla="*/ 198639 w 6858000"/>
              <a:gd name="connsiteY2570" fmla="*/ 3516522 h 6858000"/>
              <a:gd name="connsiteX2571" fmla="*/ 198639 w 6858000"/>
              <a:gd name="connsiteY2571" fmla="*/ 3473528 h 6858000"/>
              <a:gd name="connsiteX2572" fmla="*/ 4484019 w 6858000"/>
              <a:gd name="connsiteY2572" fmla="*/ 3371764 h 6858000"/>
              <a:gd name="connsiteX2573" fmla="*/ 4484019 w 6858000"/>
              <a:gd name="connsiteY2573" fmla="*/ 3372208 h 6858000"/>
              <a:gd name="connsiteX2574" fmla="*/ 4484463 w 6858000"/>
              <a:gd name="connsiteY2574" fmla="*/ 3372208 h 6858000"/>
              <a:gd name="connsiteX2575" fmla="*/ 4484463 w 6858000"/>
              <a:gd name="connsiteY2575" fmla="*/ 3371764 h 6858000"/>
              <a:gd name="connsiteX2576" fmla="*/ 4360961 w 6858000"/>
              <a:gd name="connsiteY2576" fmla="*/ 3371764 h 6858000"/>
              <a:gd name="connsiteX2577" fmla="*/ 4360961 w 6858000"/>
              <a:gd name="connsiteY2577" fmla="*/ 3372208 h 6858000"/>
              <a:gd name="connsiteX2578" fmla="*/ 4361405 w 6858000"/>
              <a:gd name="connsiteY2578" fmla="*/ 3372208 h 6858000"/>
              <a:gd name="connsiteX2579" fmla="*/ 4361405 w 6858000"/>
              <a:gd name="connsiteY2579" fmla="*/ 3371764 h 6858000"/>
              <a:gd name="connsiteX2580" fmla="*/ 4237904 w 6858000"/>
              <a:gd name="connsiteY2580" fmla="*/ 3371764 h 6858000"/>
              <a:gd name="connsiteX2581" fmla="*/ 4237904 w 6858000"/>
              <a:gd name="connsiteY2581" fmla="*/ 3372208 h 6858000"/>
              <a:gd name="connsiteX2582" fmla="*/ 4238348 w 6858000"/>
              <a:gd name="connsiteY2582" fmla="*/ 3372208 h 6858000"/>
              <a:gd name="connsiteX2583" fmla="*/ 4238348 w 6858000"/>
              <a:gd name="connsiteY2583" fmla="*/ 3371764 h 6858000"/>
              <a:gd name="connsiteX2584" fmla="*/ 4114847 w 6858000"/>
              <a:gd name="connsiteY2584" fmla="*/ 3371764 h 6858000"/>
              <a:gd name="connsiteX2585" fmla="*/ 4114847 w 6858000"/>
              <a:gd name="connsiteY2585" fmla="*/ 3372208 h 6858000"/>
              <a:gd name="connsiteX2586" fmla="*/ 4115291 w 6858000"/>
              <a:gd name="connsiteY2586" fmla="*/ 3372208 h 6858000"/>
              <a:gd name="connsiteX2587" fmla="*/ 4115291 w 6858000"/>
              <a:gd name="connsiteY2587" fmla="*/ 3371764 h 6858000"/>
              <a:gd name="connsiteX2588" fmla="*/ 3991789 w 6858000"/>
              <a:gd name="connsiteY2588" fmla="*/ 3371764 h 6858000"/>
              <a:gd name="connsiteX2589" fmla="*/ 3991789 w 6858000"/>
              <a:gd name="connsiteY2589" fmla="*/ 3372208 h 6858000"/>
              <a:gd name="connsiteX2590" fmla="*/ 3992234 w 6858000"/>
              <a:gd name="connsiteY2590" fmla="*/ 3372208 h 6858000"/>
              <a:gd name="connsiteX2591" fmla="*/ 3992234 w 6858000"/>
              <a:gd name="connsiteY2591" fmla="*/ 3371764 h 6858000"/>
              <a:gd name="connsiteX2592" fmla="*/ 3868732 w 6858000"/>
              <a:gd name="connsiteY2592" fmla="*/ 3371764 h 6858000"/>
              <a:gd name="connsiteX2593" fmla="*/ 3868732 w 6858000"/>
              <a:gd name="connsiteY2593" fmla="*/ 3372208 h 6858000"/>
              <a:gd name="connsiteX2594" fmla="*/ 3869176 w 6858000"/>
              <a:gd name="connsiteY2594" fmla="*/ 3372208 h 6858000"/>
              <a:gd name="connsiteX2595" fmla="*/ 3869176 w 6858000"/>
              <a:gd name="connsiteY2595" fmla="*/ 3371764 h 6858000"/>
              <a:gd name="connsiteX2596" fmla="*/ 3745453 w 6858000"/>
              <a:gd name="connsiteY2596" fmla="*/ 3371541 h 6858000"/>
              <a:gd name="connsiteX2597" fmla="*/ 3745453 w 6858000"/>
              <a:gd name="connsiteY2597" fmla="*/ 3372393 h 6858000"/>
              <a:gd name="connsiteX2598" fmla="*/ 3746305 w 6858000"/>
              <a:gd name="connsiteY2598" fmla="*/ 3372393 h 6858000"/>
              <a:gd name="connsiteX2599" fmla="*/ 3746305 w 6858000"/>
              <a:gd name="connsiteY2599" fmla="*/ 3371541 h 6858000"/>
              <a:gd name="connsiteX2600" fmla="*/ 3622395 w 6858000"/>
              <a:gd name="connsiteY2600" fmla="*/ 3371541 h 6858000"/>
              <a:gd name="connsiteX2601" fmla="*/ 3622395 w 6858000"/>
              <a:gd name="connsiteY2601" fmla="*/ 3372393 h 6858000"/>
              <a:gd name="connsiteX2602" fmla="*/ 3623247 w 6858000"/>
              <a:gd name="connsiteY2602" fmla="*/ 3372393 h 6858000"/>
              <a:gd name="connsiteX2603" fmla="*/ 3623247 w 6858000"/>
              <a:gd name="connsiteY2603" fmla="*/ 3371541 h 6858000"/>
              <a:gd name="connsiteX2604" fmla="*/ 3499116 w 6858000"/>
              <a:gd name="connsiteY2604" fmla="*/ 3371319 h 6858000"/>
              <a:gd name="connsiteX2605" fmla="*/ 3499116 w 6858000"/>
              <a:gd name="connsiteY2605" fmla="*/ 3372615 h 6858000"/>
              <a:gd name="connsiteX2606" fmla="*/ 3500412 w 6858000"/>
              <a:gd name="connsiteY2606" fmla="*/ 3372615 h 6858000"/>
              <a:gd name="connsiteX2607" fmla="*/ 3500412 w 6858000"/>
              <a:gd name="connsiteY2607" fmla="*/ 3371319 h 6858000"/>
              <a:gd name="connsiteX2608" fmla="*/ 3375836 w 6858000"/>
              <a:gd name="connsiteY2608" fmla="*/ 3371097 h 6858000"/>
              <a:gd name="connsiteX2609" fmla="*/ 3375836 w 6858000"/>
              <a:gd name="connsiteY2609" fmla="*/ 3372837 h 6858000"/>
              <a:gd name="connsiteX2610" fmla="*/ 3377576 w 6858000"/>
              <a:gd name="connsiteY2610" fmla="*/ 3372837 h 6858000"/>
              <a:gd name="connsiteX2611" fmla="*/ 3377576 w 6858000"/>
              <a:gd name="connsiteY2611" fmla="*/ 3371097 h 6858000"/>
              <a:gd name="connsiteX2612" fmla="*/ 3252335 w 6858000"/>
              <a:gd name="connsiteY2612" fmla="*/ 3370690 h 6858000"/>
              <a:gd name="connsiteX2613" fmla="*/ 3252335 w 6858000"/>
              <a:gd name="connsiteY2613" fmla="*/ 3373282 h 6858000"/>
              <a:gd name="connsiteX2614" fmla="*/ 3254927 w 6858000"/>
              <a:gd name="connsiteY2614" fmla="*/ 3373282 h 6858000"/>
              <a:gd name="connsiteX2615" fmla="*/ 3254927 w 6858000"/>
              <a:gd name="connsiteY2615" fmla="*/ 3370690 h 6858000"/>
              <a:gd name="connsiteX2616" fmla="*/ 3129055 w 6858000"/>
              <a:gd name="connsiteY2616" fmla="*/ 3370467 h 6858000"/>
              <a:gd name="connsiteX2617" fmla="*/ 3129055 w 6858000"/>
              <a:gd name="connsiteY2617" fmla="*/ 3373504 h 6858000"/>
              <a:gd name="connsiteX2618" fmla="*/ 3132092 w 6858000"/>
              <a:gd name="connsiteY2618" fmla="*/ 3373504 h 6858000"/>
              <a:gd name="connsiteX2619" fmla="*/ 3132092 w 6858000"/>
              <a:gd name="connsiteY2619" fmla="*/ 3370467 h 6858000"/>
              <a:gd name="connsiteX2620" fmla="*/ 3005331 w 6858000"/>
              <a:gd name="connsiteY2620" fmla="*/ 3369801 h 6858000"/>
              <a:gd name="connsiteX2621" fmla="*/ 3005331 w 6858000"/>
              <a:gd name="connsiteY2621" fmla="*/ 3374134 h 6858000"/>
              <a:gd name="connsiteX2622" fmla="*/ 3009664 w 6858000"/>
              <a:gd name="connsiteY2622" fmla="*/ 3374134 h 6858000"/>
              <a:gd name="connsiteX2623" fmla="*/ 3009664 w 6858000"/>
              <a:gd name="connsiteY2623" fmla="*/ 3369801 h 6858000"/>
              <a:gd name="connsiteX2624" fmla="*/ 2881866 w 6858000"/>
              <a:gd name="connsiteY2624" fmla="*/ 3369357 h 6858000"/>
              <a:gd name="connsiteX2625" fmla="*/ 2881866 w 6858000"/>
              <a:gd name="connsiteY2625" fmla="*/ 3374578 h 6858000"/>
              <a:gd name="connsiteX2626" fmla="*/ 2887087 w 6858000"/>
              <a:gd name="connsiteY2626" fmla="*/ 3374578 h 6858000"/>
              <a:gd name="connsiteX2627" fmla="*/ 2887087 w 6858000"/>
              <a:gd name="connsiteY2627" fmla="*/ 3369357 h 6858000"/>
              <a:gd name="connsiteX2628" fmla="*/ 2758143 w 6858000"/>
              <a:gd name="connsiteY2628" fmla="*/ 3368726 h 6858000"/>
              <a:gd name="connsiteX2629" fmla="*/ 2758143 w 6858000"/>
              <a:gd name="connsiteY2629" fmla="*/ 3375244 h 6858000"/>
              <a:gd name="connsiteX2630" fmla="*/ 2764661 w 6858000"/>
              <a:gd name="connsiteY2630" fmla="*/ 3375244 h 6858000"/>
              <a:gd name="connsiteX2631" fmla="*/ 2764661 w 6858000"/>
              <a:gd name="connsiteY2631" fmla="*/ 3368726 h 6858000"/>
              <a:gd name="connsiteX2632" fmla="*/ 2634196 w 6858000"/>
              <a:gd name="connsiteY2632" fmla="*/ 3367838 h 6858000"/>
              <a:gd name="connsiteX2633" fmla="*/ 2634196 w 6858000"/>
              <a:gd name="connsiteY2633" fmla="*/ 3376096 h 6858000"/>
              <a:gd name="connsiteX2634" fmla="*/ 2642454 w 6858000"/>
              <a:gd name="connsiteY2634" fmla="*/ 3376096 h 6858000"/>
              <a:gd name="connsiteX2635" fmla="*/ 2642454 w 6858000"/>
              <a:gd name="connsiteY2635" fmla="*/ 3367838 h 6858000"/>
              <a:gd name="connsiteX2636" fmla="*/ 2510287 w 6858000"/>
              <a:gd name="connsiteY2636" fmla="*/ 3366986 h 6858000"/>
              <a:gd name="connsiteX2637" fmla="*/ 2510287 w 6858000"/>
              <a:gd name="connsiteY2637" fmla="*/ 3376985 h 6858000"/>
              <a:gd name="connsiteX2638" fmla="*/ 2520286 w 6858000"/>
              <a:gd name="connsiteY2638" fmla="*/ 3376985 h 6858000"/>
              <a:gd name="connsiteX2639" fmla="*/ 2520286 w 6858000"/>
              <a:gd name="connsiteY2639" fmla="*/ 3366986 h 6858000"/>
              <a:gd name="connsiteX2640" fmla="*/ 2386341 w 6858000"/>
              <a:gd name="connsiteY2640" fmla="*/ 3366098 h 6858000"/>
              <a:gd name="connsiteX2641" fmla="*/ 2386341 w 6858000"/>
              <a:gd name="connsiteY2641" fmla="*/ 3377837 h 6858000"/>
              <a:gd name="connsiteX2642" fmla="*/ 2398080 w 6858000"/>
              <a:gd name="connsiteY2642" fmla="*/ 3377837 h 6858000"/>
              <a:gd name="connsiteX2643" fmla="*/ 2398080 w 6858000"/>
              <a:gd name="connsiteY2643" fmla="*/ 3366098 h 6858000"/>
              <a:gd name="connsiteX2644" fmla="*/ 2262210 w 6858000"/>
              <a:gd name="connsiteY2644" fmla="*/ 3365024 h 6858000"/>
              <a:gd name="connsiteX2645" fmla="*/ 2262210 w 6858000"/>
              <a:gd name="connsiteY2645" fmla="*/ 3378911 h 6858000"/>
              <a:gd name="connsiteX2646" fmla="*/ 2276097 w 6858000"/>
              <a:gd name="connsiteY2646" fmla="*/ 3378911 h 6858000"/>
              <a:gd name="connsiteX2647" fmla="*/ 2276097 w 6858000"/>
              <a:gd name="connsiteY2647" fmla="*/ 3365024 h 6858000"/>
              <a:gd name="connsiteX2648" fmla="*/ 2138079 w 6858000"/>
              <a:gd name="connsiteY2648" fmla="*/ 3363950 h 6858000"/>
              <a:gd name="connsiteX2649" fmla="*/ 2138079 w 6858000"/>
              <a:gd name="connsiteY2649" fmla="*/ 3380022 h 6858000"/>
              <a:gd name="connsiteX2650" fmla="*/ 2154151 w 6858000"/>
              <a:gd name="connsiteY2650" fmla="*/ 3380022 h 6858000"/>
              <a:gd name="connsiteX2651" fmla="*/ 2154151 w 6858000"/>
              <a:gd name="connsiteY2651" fmla="*/ 3363950 h 6858000"/>
              <a:gd name="connsiteX2652" fmla="*/ 2013911 w 6858000"/>
              <a:gd name="connsiteY2652" fmla="*/ 3362839 h 6858000"/>
              <a:gd name="connsiteX2653" fmla="*/ 2013911 w 6858000"/>
              <a:gd name="connsiteY2653" fmla="*/ 3381096 h 6858000"/>
              <a:gd name="connsiteX2654" fmla="*/ 2032168 w 6858000"/>
              <a:gd name="connsiteY2654" fmla="*/ 3381096 h 6858000"/>
              <a:gd name="connsiteX2655" fmla="*/ 2032168 w 6858000"/>
              <a:gd name="connsiteY2655" fmla="*/ 3362839 h 6858000"/>
              <a:gd name="connsiteX2656" fmla="*/ 1889557 w 6858000"/>
              <a:gd name="connsiteY2656" fmla="*/ 3361543 h 6858000"/>
              <a:gd name="connsiteX2657" fmla="*/ 1889557 w 6858000"/>
              <a:gd name="connsiteY2657" fmla="*/ 3382392 h 6858000"/>
              <a:gd name="connsiteX2658" fmla="*/ 1910406 w 6858000"/>
              <a:gd name="connsiteY2658" fmla="*/ 3382392 h 6858000"/>
              <a:gd name="connsiteX2659" fmla="*/ 1910406 w 6858000"/>
              <a:gd name="connsiteY2659" fmla="*/ 3361543 h 6858000"/>
              <a:gd name="connsiteX2660" fmla="*/ 1764981 w 6858000"/>
              <a:gd name="connsiteY2660" fmla="*/ 3360024 h 6858000"/>
              <a:gd name="connsiteX2661" fmla="*/ 1764981 w 6858000"/>
              <a:gd name="connsiteY2661" fmla="*/ 3383910 h 6858000"/>
              <a:gd name="connsiteX2662" fmla="*/ 1788867 w 6858000"/>
              <a:gd name="connsiteY2662" fmla="*/ 3383910 h 6858000"/>
              <a:gd name="connsiteX2663" fmla="*/ 1788867 w 6858000"/>
              <a:gd name="connsiteY2663" fmla="*/ 3360024 h 6858000"/>
              <a:gd name="connsiteX2664" fmla="*/ 1640591 w 6858000"/>
              <a:gd name="connsiteY2664" fmla="*/ 3358728 h 6858000"/>
              <a:gd name="connsiteX2665" fmla="*/ 1640591 w 6858000"/>
              <a:gd name="connsiteY2665" fmla="*/ 3385206 h 6858000"/>
              <a:gd name="connsiteX2666" fmla="*/ 1667069 w 6858000"/>
              <a:gd name="connsiteY2666" fmla="*/ 3385206 h 6858000"/>
              <a:gd name="connsiteX2667" fmla="*/ 1667069 w 6858000"/>
              <a:gd name="connsiteY2667" fmla="*/ 3358728 h 6858000"/>
              <a:gd name="connsiteX2668" fmla="*/ 1516238 w 6858000"/>
              <a:gd name="connsiteY2668" fmla="*/ 3357432 h 6858000"/>
              <a:gd name="connsiteX2669" fmla="*/ 1516238 w 6858000"/>
              <a:gd name="connsiteY2669" fmla="*/ 3386539 h 6858000"/>
              <a:gd name="connsiteX2670" fmla="*/ 1545345 w 6858000"/>
              <a:gd name="connsiteY2670" fmla="*/ 3386539 h 6858000"/>
              <a:gd name="connsiteX2671" fmla="*/ 1545345 w 6858000"/>
              <a:gd name="connsiteY2671" fmla="*/ 3357432 h 6858000"/>
              <a:gd name="connsiteX2672" fmla="*/ 1392106 w 6858000"/>
              <a:gd name="connsiteY2672" fmla="*/ 3356358 h 6858000"/>
              <a:gd name="connsiteX2673" fmla="*/ 1392106 w 6858000"/>
              <a:gd name="connsiteY2673" fmla="*/ 3387613 h 6858000"/>
              <a:gd name="connsiteX2674" fmla="*/ 1423361 w 6858000"/>
              <a:gd name="connsiteY2674" fmla="*/ 3387613 h 6858000"/>
              <a:gd name="connsiteX2675" fmla="*/ 1423361 w 6858000"/>
              <a:gd name="connsiteY2675" fmla="*/ 3356358 h 6858000"/>
              <a:gd name="connsiteX2676" fmla="*/ 1267753 w 6858000"/>
              <a:gd name="connsiteY2676" fmla="*/ 3355025 h 6858000"/>
              <a:gd name="connsiteX2677" fmla="*/ 1267753 w 6858000"/>
              <a:gd name="connsiteY2677" fmla="*/ 3388909 h 6858000"/>
              <a:gd name="connsiteX2678" fmla="*/ 1301637 w 6858000"/>
              <a:gd name="connsiteY2678" fmla="*/ 3388909 h 6858000"/>
              <a:gd name="connsiteX2679" fmla="*/ 1301637 w 6858000"/>
              <a:gd name="connsiteY2679" fmla="*/ 3355025 h 6858000"/>
              <a:gd name="connsiteX2680" fmla="*/ 1143585 w 6858000"/>
              <a:gd name="connsiteY2680" fmla="*/ 3353951 h 6858000"/>
              <a:gd name="connsiteX2681" fmla="*/ 1143585 w 6858000"/>
              <a:gd name="connsiteY2681" fmla="*/ 3389983 h 6858000"/>
              <a:gd name="connsiteX2682" fmla="*/ 1179617 w 6858000"/>
              <a:gd name="connsiteY2682" fmla="*/ 3389983 h 6858000"/>
              <a:gd name="connsiteX2683" fmla="*/ 1179617 w 6858000"/>
              <a:gd name="connsiteY2683" fmla="*/ 3353951 h 6858000"/>
              <a:gd name="connsiteX2684" fmla="*/ 1019453 w 6858000"/>
              <a:gd name="connsiteY2684" fmla="*/ 3352877 h 6858000"/>
              <a:gd name="connsiteX2685" fmla="*/ 1019453 w 6858000"/>
              <a:gd name="connsiteY2685" fmla="*/ 3391094 h 6858000"/>
              <a:gd name="connsiteX2686" fmla="*/ 1057670 w 6858000"/>
              <a:gd name="connsiteY2686" fmla="*/ 3391094 h 6858000"/>
              <a:gd name="connsiteX2687" fmla="*/ 1057670 w 6858000"/>
              <a:gd name="connsiteY2687" fmla="*/ 3352877 h 6858000"/>
              <a:gd name="connsiteX2688" fmla="*/ 895285 w 6858000"/>
              <a:gd name="connsiteY2688" fmla="*/ 3351766 h 6858000"/>
              <a:gd name="connsiteX2689" fmla="*/ 895285 w 6858000"/>
              <a:gd name="connsiteY2689" fmla="*/ 3392168 h 6858000"/>
              <a:gd name="connsiteX2690" fmla="*/ 935687 w 6858000"/>
              <a:gd name="connsiteY2690" fmla="*/ 3392168 h 6858000"/>
              <a:gd name="connsiteX2691" fmla="*/ 935687 w 6858000"/>
              <a:gd name="connsiteY2691" fmla="*/ 3351766 h 6858000"/>
              <a:gd name="connsiteX2692" fmla="*/ 771376 w 6858000"/>
              <a:gd name="connsiteY2692" fmla="*/ 3350915 h 6858000"/>
              <a:gd name="connsiteX2693" fmla="*/ 771376 w 6858000"/>
              <a:gd name="connsiteY2693" fmla="*/ 3393057 h 6858000"/>
              <a:gd name="connsiteX2694" fmla="*/ 813518 w 6858000"/>
              <a:gd name="connsiteY2694" fmla="*/ 3393057 h 6858000"/>
              <a:gd name="connsiteX2695" fmla="*/ 813518 w 6858000"/>
              <a:gd name="connsiteY2695" fmla="*/ 3350915 h 6858000"/>
              <a:gd name="connsiteX2696" fmla="*/ 647430 w 6858000"/>
              <a:gd name="connsiteY2696" fmla="*/ 3350026 h 6858000"/>
              <a:gd name="connsiteX2697" fmla="*/ 647430 w 6858000"/>
              <a:gd name="connsiteY2697" fmla="*/ 3393909 h 6858000"/>
              <a:gd name="connsiteX2698" fmla="*/ 691313 w 6858000"/>
              <a:gd name="connsiteY2698" fmla="*/ 3393909 h 6858000"/>
              <a:gd name="connsiteX2699" fmla="*/ 691313 w 6858000"/>
              <a:gd name="connsiteY2699" fmla="*/ 3350026 h 6858000"/>
              <a:gd name="connsiteX2700" fmla="*/ 523743 w 6858000"/>
              <a:gd name="connsiteY2700" fmla="*/ 3349396 h 6858000"/>
              <a:gd name="connsiteX2701" fmla="*/ 523743 w 6858000"/>
              <a:gd name="connsiteY2701" fmla="*/ 3394575 h 6858000"/>
              <a:gd name="connsiteX2702" fmla="*/ 568922 w 6858000"/>
              <a:gd name="connsiteY2702" fmla="*/ 3394575 h 6858000"/>
              <a:gd name="connsiteX2703" fmla="*/ 568922 w 6858000"/>
              <a:gd name="connsiteY2703" fmla="*/ 3349396 h 6858000"/>
              <a:gd name="connsiteX2704" fmla="*/ 400019 w 6858000"/>
              <a:gd name="connsiteY2704" fmla="*/ 3348730 h 6858000"/>
              <a:gd name="connsiteX2705" fmla="*/ 400019 w 6858000"/>
              <a:gd name="connsiteY2705" fmla="*/ 3395205 h 6858000"/>
              <a:gd name="connsiteX2706" fmla="*/ 446494 w 6858000"/>
              <a:gd name="connsiteY2706" fmla="*/ 3395205 h 6858000"/>
              <a:gd name="connsiteX2707" fmla="*/ 446494 w 6858000"/>
              <a:gd name="connsiteY2707" fmla="*/ 3348730 h 6858000"/>
              <a:gd name="connsiteX2708" fmla="*/ 30625 w 6858000"/>
              <a:gd name="connsiteY2708" fmla="*/ 3348508 h 6858000"/>
              <a:gd name="connsiteX2709" fmla="*/ 30625 w 6858000"/>
              <a:gd name="connsiteY2709" fmla="*/ 3395427 h 6858000"/>
              <a:gd name="connsiteX2710" fmla="*/ 77545 w 6858000"/>
              <a:gd name="connsiteY2710" fmla="*/ 3395427 h 6858000"/>
              <a:gd name="connsiteX2711" fmla="*/ 77545 w 6858000"/>
              <a:gd name="connsiteY2711" fmla="*/ 3348508 h 6858000"/>
              <a:gd name="connsiteX2712" fmla="*/ 276517 w 6858000"/>
              <a:gd name="connsiteY2712" fmla="*/ 3348322 h 6858000"/>
              <a:gd name="connsiteX2713" fmla="*/ 276517 w 6858000"/>
              <a:gd name="connsiteY2713" fmla="*/ 3395649 h 6858000"/>
              <a:gd name="connsiteX2714" fmla="*/ 323844 w 6858000"/>
              <a:gd name="connsiteY2714" fmla="*/ 3395649 h 6858000"/>
              <a:gd name="connsiteX2715" fmla="*/ 323844 w 6858000"/>
              <a:gd name="connsiteY2715" fmla="*/ 3348322 h 6858000"/>
              <a:gd name="connsiteX2716" fmla="*/ 153238 w 6858000"/>
              <a:gd name="connsiteY2716" fmla="*/ 3348100 h 6858000"/>
              <a:gd name="connsiteX2717" fmla="*/ 153238 w 6858000"/>
              <a:gd name="connsiteY2717" fmla="*/ 3395871 h 6858000"/>
              <a:gd name="connsiteX2718" fmla="*/ 201009 w 6858000"/>
              <a:gd name="connsiteY2718" fmla="*/ 3395871 h 6858000"/>
              <a:gd name="connsiteX2719" fmla="*/ 201009 w 6858000"/>
              <a:gd name="connsiteY2719" fmla="*/ 3348100 h 6858000"/>
              <a:gd name="connsiteX2720" fmla="*/ 4484019 w 6858000"/>
              <a:gd name="connsiteY2720" fmla="*/ 3248669 h 6858000"/>
              <a:gd name="connsiteX2721" fmla="*/ 4484019 w 6858000"/>
              <a:gd name="connsiteY2721" fmla="*/ 3249113 h 6858000"/>
              <a:gd name="connsiteX2722" fmla="*/ 4484463 w 6858000"/>
              <a:gd name="connsiteY2722" fmla="*/ 3249113 h 6858000"/>
              <a:gd name="connsiteX2723" fmla="*/ 4484463 w 6858000"/>
              <a:gd name="connsiteY2723" fmla="*/ 3248669 h 6858000"/>
              <a:gd name="connsiteX2724" fmla="*/ 4360961 w 6858000"/>
              <a:gd name="connsiteY2724" fmla="*/ 3248669 h 6858000"/>
              <a:gd name="connsiteX2725" fmla="*/ 4360961 w 6858000"/>
              <a:gd name="connsiteY2725" fmla="*/ 3249113 h 6858000"/>
              <a:gd name="connsiteX2726" fmla="*/ 4361405 w 6858000"/>
              <a:gd name="connsiteY2726" fmla="*/ 3249113 h 6858000"/>
              <a:gd name="connsiteX2727" fmla="*/ 4361405 w 6858000"/>
              <a:gd name="connsiteY2727" fmla="*/ 3248669 h 6858000"/>
              <a:gd name="connsiteX2728" fmla="*/ 4237904 w 6858000"/>
              <a:gd name="connsiteY2728" fmla="*/ 3248669 h 6858000"/>
              <a:gd name="connsiteX2729" fmla="*/ 4237904 w 6858000"/>
              <a:gd name="connsiteY2729" fmla="*/ 3249113 h 6858000"/>
              <a:gd name="connsiteX2730" fmla="*/ 4238348 w 6858000"/>
              <a:gd name="connsiteY2730" fmla="*/ 3249113 h 6858000"/>
              <a:gd name="connsiteX2731" fmla="*/ 4238348 w 6858000"/>
              <a:gd name="connsiteY2731" fmla="*/ 3248669 h 6858000"/>
              <a:gd name="connsiteX2732" fmla="*/ 4114847 w 6858000"/>
              <a:gd name="connsiteY2732" fmla="*/ 3248669 h 6858000"/>
              <a:gd name="connsiteX2733" fmla="*/ 4114847 w 6858000"/>
              <a:gd name="connsiteY2733" fmla="*/ 3249113 h 6858000"/>
              <a:gd name="connsiteX2734" fmla="*/ 4115291 w 6858000"/>
              <a:gd name="connsiteY2734" fmla="*/ 3249113 h 6858000"/>
              <a:gd name="connsiteX2735" fmla="*/ 4115291 w 6858000"/>
              <a:gd name="connsiteY2735" fmla="*/ 3248669 h 6858000"/>
              <a:gd name="connsiteX2736" fmla="*/ 3991789 w 6858000"/>
              <a:gd name="connsiteY2736" fmla="*/ 3248669 h 6858000"/>
              <a:gd name="connsiteX2737" fmla="*/ 3991789 w 6858000"/>
              <a:gd name="connsiteY2737" fmla="*/ 3249113 h 6858000"/>
              <a:gd name="connsiteX2738" fmla="*/ 3992234 w 6858000"/>
              <a:gd name="connsiteY2738" fmla="*/ 3249113 h 6858000"/>
              <a:gd name="connsiteX2739" fmla="*/ 3992234 w 6858000"/>
              <a:gd name="connsiteY2739" fmla="*/ 3248669 h 6858000"/>
              <a:gd name="connsiteX2740" fmla="*/ 3868732 w 6858000"/>
              <a:gd name="connsiteY2740" fmla="*/ 3248669 h 6858000"/>
              <a:gd name="connsiteX2741" fmla="*/ 3868732 w 6858000"/>
              <a:gd name="connsiteY2741" fmla="*/ 3249113 h 6858000"/>
              <a:gd name="connsiteX2742" fmla="*/ 3869176 w 6858000"/>
              <a:gd name="connsiteY2742" fmla="*/ 3249113 h 6858000"/>
              <a:gd name="connsiteX2743" fmla="*/ 3869176 w 6858000"/>
              <a:gd name="connsiteY2743" fmla="*/ 3248669 h 6858000"/>
              <a:gd name="connsiteX2744" fmla="*/ 3745453 w 6858000"/>
              <a:gd name="connsiteY2744" fmla="*/ 3248484 h 6858000"/>
              <a:gd name="connsiteX2745" fmla="*/ 3745453 w 6858000"/>
              <a:gd name="connsiteY2745" fmla="*/ 3249336 h 6858000"/>
              <a:gd name="connsiteX2746" fmla="*/ 3746305 w 6858000"/>
              <a:gd name="connsiteY2746" fmla="*/ 3249336 h 6858000"/>
              <a:gd name="connsiteX2747" fmla="*/ 3746305 w 6858000"/>
              <a:gd name="connsiteY2747" fmla="*/ 3248484 h 6858000"/>
              <a:gd name="connsiteX2748" fmla="*/ 3622395 w 6858000"/>
              <a:gd name="connsiteY2748" fmla="*/ 3248484 h 6858000"/>
              <a:gd name="connsiteX2749" fmla="*/ 3622395 w 6858000"/>
              <a:gd name="connsiteY2749" fmla="*/ 3249336 h 6858000"/>
              <a:gd name="connsiteX2750" fmla="*/ 3623247 w 6858000"/>
              <a:gd name="connsiteY2750" fmla="*/ 3249336 h 6858000"/>
              <a:gd name="connsiteX2751" fmla="*/ 3623247 w 6858000"/>
              <a:gd name="connsiteY2751" fmla="*/ 3248484 h 6858000"/>
              <a:gd name="connsiteX2752" fmla="*/ 3499116 w 6858000"/>
              <a:gd name="connsiteY2752" fmla="*/ 3248262 h 6858000"/>
              <a:gd name="connsiteX2753" fmla="*/ 3499116 w 6858000"/>
              <a:gd name="connsiteY2753" fmla="*/ 3249558 h 6858000"/>
              <a:gd name="connsiteX2754" fmla="*/ 3500412 w 6858000"/>
              <a:gd name="connsiteY2754" fmla="*/ 3249558 h 6858000"/>
              <a:gd name="connsiteX2755" fmla="*/ 3500412 w 6858000"/>
              <a:gd name="connsiteY2755" fmla="*/ 3248262 h 6858000"/>
              <a:gd name="connsiteX2756" fmla="*/ 3375836 w 6858000"/>
              <a:gd name="connsiteY2756" fmla="*/ 3248040 h 6858000"/>
              <a:gd name="connsiteX2757" fmla="*/ 3375836 w 6858000"/>
              <a:gd name="connsiteY2757" fmla="*/ 3249780 h 6858000"/>
              <a:gd name="connsiteX2758" fmla="*/ 3377576 w 6858000"/>
              <a:gd name="connsiteY2758" fmla="*/ 3249780 h 6858000"/>
              <a:gd name="connsiteX2759" fmla="*/ 3377576 w 6858000"/>
              <a:gd name="connsiteY2759" fmla="*/ 3248040 h 6858000"/>
              <a:gd name="connsiteX2760" fmla="*/ 3252335 w 6858000"/>
              <a:gd name="connsiteY2760" fmla="*/ 3247632 h 6858000"/>
              <a:gd name="connsiteX2761" fmla="*/ 3252335 w 6858000"/>
              <a:gd name="connsiteY2761" fmla="*/ 3250224 h 6858000"/>
              <a:gd name="connsiteX2762" fmla="*/ 3254927 w 6858000"/>
              <a:gd name="connsiteY2762" fmla="*/ 3250224 h 6858000"/>
              <a:gd name="connsiteX2763" fmla="*/ 3254927 w 6858000"/>
              <a:gd name="connsiteY2763" fmla="*/ 3247632 h 6858000"/>
              <a:gd name="connsiteX2764" fmla="*/ 3128833 w 6858000"/>
              <a:gd name="connsiteY2764" fmla="*/ 3247188 h 6858000"/>
              <a:gd name="connsiteX2765" fmla="*/ 3128833 w 6858000"/>
              <a:gd name="connsiteY2765" fmla="*/ 3250669 h 6858000"/>
              <a:gd name="connsiteX2766" fmla="*/ 3132314 w 6858000"/>
              <a:gd name="connsiteY2766" fmla="*/ 3250669 h 6858000"/>
              <a:gd name="connsiteX2767" fmla="*/ 3132314 w 6858000"/>
              <a:gd name="connsiteY2767" fmla="*/ 3247188 h 6858000"/>
              <a:gd name="connsiteX2768" fmla="*/ 3005331 w 6858000"/>
              <a:gd name="connsiteY2768" fmla="*/ 3246743 h 6858000"/>
              <a:gd name="connsiteX2769" fmla="*/ 3005331 w 6858000"/>
              <a:gd name="connsiteY2769" fmla="*/ 3251076 h 6858000"/>
              <a:gd name="connsiteX2770" fmla="*/ 3009664 w 6858000"/>
              <a:gd name="connsiteY2770" fmla="*/ 3251076 h 6858000"/>
              <a:gd name="connsiteX2771" fmla="*/ 3009664 w 6858000"/>
              <a:gd name="connsiteY2771" fmla="*/ 3246743 h 6858000"/>
              <a:gd name="connsiteX2772" fmla="*/ 2881644 w 6858000"/>
              <a:gd name="connsiteY2772" fmla="*/ 3246114 h 6858000"/>
              <a:gd name="connsiteX2773" fmla="*/ 2881644 w 6858000"/>
              <a:gd name="connsiteY2773" fmla="*/ 3251743 h 6858000"/>
              <a:gd name="connsiteX2774" fmla="*/ 2887273 w 6858000"/>
              <a:gd name="connsiteY2774" fmla="*/ 3251743 h 6858000"/>
              <a:gd name="connsiteX2775" fmla="*/ 2887273 w 6858000"/>
              <a:gd name="connsiteY2775" fmla="*/ 3246114 h 6858000"/>
              <a:gd name="connsiteX2776" fmla="*/ 2757920 w 6858000"/>
              <a:gd name="connsiteY2776" fmla="*/ 3245410 h 6858000"/>
              <a:gd name="connsiteX2777" fmla="*/ 2757920 w 6858000"/>
              <a:gd name="connsiteY2777" fmla="*/ 3252372 h 6858000"/>
              <a:gd name="connsiteX2778" fmla="*/ 2764882 w 6858000"/>
              <a:gd name="connsiteY2778" fmla="*/ 3252372 h 6858000"/>
              <a:gd name="connsiteX2779" fmla="*/ 2764882 w 6858000"/>
              <a:gd name="connsiteY2779" fmla="*/ 3245410 h 6858000"/>
              <a:gd name="connsiteX2780" fmla="*/ 2634011 w 6858000"/>
              <a:gd name="connsiteY2780" fmla="*/ 3244559 h 6858000"/>
              <a:gd name="connsiteX2781" fmla="*/ 2634011 w 6858000"/>
              <a:gd name="connsiteY2781" fmla="*/ 3253261 h 6858000"/>
              <a:gd name="connsiteX2782" fmla="*/ 2642714 w 6858000"/>
              <a:gd name="connsiteY2782" fmla="*/ 3253261 h 6858000"/>
              <a:gd name="connsiteX2783" fmla="*/ 2642714 w 6858000"/>
              <a:gd name="connsiteY2783" fmla="*/ 3244559 h 6858000"/>
              <a:gd name="connsiteX2784" fmla="*/ 2510065 w 6858000"/>
              <a:gd name="connsiteY2784" fmla="*/ 3243707 h 6858000"/>
              <a:gd name="connsiteX2785" fmla="*/ 2510065 w 6858000"/>
              <a:gd name="connsiteY2785" fmla="*/ 3254113 h 6858000"/>
              <a:gd name="connsiteX2786" fmla="*/ 2520471 w 6858000"/>
              <a:gd name="connsiteY2786" fmla="*/ 3254113 h 6858000"/>
              <a:gd name="connsiteX2787" fmla="*/ 2520471 w 6858000"/>
              <a:gd name="connsiteY2787" fmla="*/ 3243707 h 6858000"/>
              <a:gd name="connsiteX2788" fmla="*/ 2385934 w 6858000"/>
              <a:gd name="connsiteY2788" fmla="*/ 3242633 h 6858000"/>
              <a:gd name="connsiteX2789" fmla="*/ 2385934 w 6858000"/>
              <a:gd name="connsiteY2789" fmla="*/ 3255224 h 6858000"/>
              <a:gd name="connsiteX2790" fmla="*/ 2398525 w 6858000"/>
              <a:gd name="connsiteY2790" fmla="*/ 3255224 h 6858000"/>
              <a:gd name="connsiteX2791" fmla="*/ 2398525 w 6858000"/>
              <a:gd name="connsiteY2791" fmla="*/ 3242633 h 6858000"/>
              <a:gd name="connsiteX2792" fmla="*/ 2261766 w 6858000"/>
              <a:gd name="connsiteY2792" fmla="*/ 3241522 h 6858000"/>
              <a:gd name="connsiteX2793" fmla="*/ 2261766 w 6858000"/>
              <a:gd name="connsiteY2793" fmla="*/ 3256298 h 6858000"/>
              <a:gd name="connsiteX2794" fmla="*/ 2276542 w 6858000"/>
              <a:gd name="connsiteY2794" fmla="*/ 3256298 h 6858000"/>
              <a:gd name="connsiteX2795" fmla="*/ 2276542 w 6858000"/>
              <a:gd name="connsiteY2795" fmla="*/ 3241522 h 6858000"/>
              <a:gd name="connsiteX2796" fmla="*/ 2137412 w 6858000"/>
              <a:gd name="connsiteY2796" fmla="*/ 3240226 h 6858000"/>
              <a:gd name="connsiteX2797" fmla="*/ 2137412 w 6858000"/>
              <a:gd name="connsiteY2797" fmla="*/ 3257594 h 6858000"/>
              <a:gd name="connsiteX2798" fmla="*/ 2154780 w 6858000"/>
              <a:gd name="connsiteY2798" fmla="*/ 3257594 h 6858000"/>
              <a:gd name="connsiteX2799" fmla="*/ 2154780 w 6858000"/>
              <a:gd name="connsiteY2799" fmla="*/ 3240226 h 6858000"/>
              <a:gd name="connsiteX2800" fmla="*/ 2013059 w 6858000"/>
              <a:gd name="connsiteY2800" fmla="*/ 3238893 h 6858000"/>
              <a:gd name="connsiteX2801" fmla="*/ 2013059 w 6858000"/>
              <a:gd name="connsiteY2801" fmla="*/ 3258890 h 6858000"/>
              <a:gd name="connsiteX2802" fmla="*/ 2033056 w 6858000"/>
              <a:gd name="connsiteY2802" fmla="*/ 3258890 h 6858000"/>
              <a:gd name="connsiteX2803" fmla="*/ 2033056 w 6858000"/>
              <a:gd name="connsiteY2803" fmla="*/ 3238893 h 6858000"/>
              <a:gd name="connsiteX2804" fmla="*/ 1888668 w 6858000"/>
              <a:gd name="connsiteY2804" fmla="*/ 3237634 h 6858000"/>
              <a:gd name="connsiteX2805" fmla="*/ 1888668 w 6858000"/>
              <a:gd name="connsiteY2805" fmla="*/ 3260223 h 6858000"/>
              <a:gd name="connsiteX2806" fmla="*/ 1911257 w 6858000"/>
              <a:gd name="connsiteY2806" fmla="*/ 3260223 h 6858000"/>
              <a:gd name="connsiteX2807" fmla="*/ 1911257 w 6858000"/>
              <a:gd name="connsiteY2807" fmla="*/ 3237634 h 6858000"/>
              <a:gd name="connsiteX2808" fmla="*/ 1764093 w 6858000"/>
              <a:gd name="connsiteY2808" fmla="*/ 3236115 h 6858000"/>
              <a:gd name="connsiteX2809" fmla="*/ 1764093 w 6858000"/>
              <a:gd name="connsiteY2809" fmla="*/ 3261741 h 6858000"/>
              <a:gd name="connsiteX2810" fmla="*/ 1789719 w 6858000"/>
              <a:gd name="connsiteY2810" fmla="*/ 3261741 h 6858000"/>
              <a:gd name="connsiteX2811" fmla="*/ 1789719 w 6858000"/>
              <a:gd name="connsiteY2811" fmla="*/ 3236115 h 6858000"/>
              <a:gd name="connsiteX2812" fmla="*/ 1639517 w 6858000"/>
              <a:gd name="connsiteY2812" fmla="*/ 3234597 h 6858000"/>
              <a:gd name="connsiteX2813" fmla="*/ 1639517 w 6858000"/>
              <a:gd name="connsiteY2813" fmla="*/ 3263260 h 6858000"/>
              <a:gd name="connsiteX2814" fmla="*/ 1668180 w 6858000"/>
              <a:gd name="connsiteY2814" fmla="*/ 3263260 h 6858000"/>
              <a:gd name="connsiteX2815" fmla="*/ 1668180 w 6858000"/>
              <a:gd name="connsiteY2815" fmla="*/ 3234597 h 6858000"/>
              <a:gd name="connsiteX2816" fmla="*/ 1514941 w 6858000"/>
              <a:gd name="connsiteY2816" fmla="*/ 3233079 h 6858000"/>
              <a:gd name="connsiteX2817" fmla="*/ 1514941 w 6858000"/>
              <a:gd name="connsiteY2817" fmla="*/ 3264778 h 6858000"/>
              <a:gd name="connsiteX2818" fmla="*/ 1546640 w 6858000"/>
              <a:gd name="connsiteY2818" fmla="*/ 3264778 h 6858000"/>
              <a:gd name="connsiteX2819" fmla="*/ 1546640 w 6858000"/>
              <a:gd name="connsiteY2819" fmla="*/ 3233079 h 6858000"/>
              <a:gd name="connsiteX2820" fmla="*/ 1390588 w 6858000"/>
              <a:gd name="connsiteY2820" fmla="*/ 3231745 h 6858000"/>
              <a:gd name="connsiteX2821" fmla="*/ 1390588 w 6858000"/>
              <a:gd name="connsiteY2821" fmla="*/ 3266074 h 6858000"/>
              <a:gd name="connsiteX2822" fmla="*/ 1424917 w 6858000"/>
              <a:gd name="connsiteY2822" fmla="*/ 3266074 h 6858000"/>
              <a:gd name="connsiteX2823" fmla="*/ 1424917 w 6858000"/>
              <a:gd name="connsiteY2823" fmla="*/ 3231745 h 6858000"/>
              <a:gd name="connsiteX2824" fmla="*/ 1266012 w 6858000"/>
              <a:gd name="connsiteY2824" fmla="*/ 3230227 h 6858000"/>
              <a:gd name="connsiteX2825" fmla="*/ 1266012 w 6858000"/>
              <a:gd name="connsiteY2825" fmla="*/ 3267592 h 6858000"/>
              <a:gd name="connsiteX2826" fmla="*/ 1303377 w 6858000"/>
              <a:gd name="connsiteY2826" fmla="*/ 3267592 h 6858000"/>
              <a:gd name="connsiteX2827" fmla="*/ 1303377 w 6858000"/>
              <a:gd name="connsiteY2827" fmla="*/ 3230227 h 6858000"/>
              <a:gd name="connsiteX2828" fmla="*/ 1141622 w 6858000"/>
              <a:gd name="connsiteY2828" fmla="*/ 3228931 h 6858000"/>
              <a:gd name="connsiteX2829" fmla="*/ 1141622 w 6858000"/>
              <a:gd name="connsiteY2829" fmla="*/ 3268889 h 6858000"/>
              <a:gd name="connsiteX2830" fmla="*/ 1181580 w 6858000"/>
              <a:gd name="connsiteY2830" fmla="*/ 3268889 h 6858000"/>
              <a:gd name="connsiteX2831" fmla="*/ 1181580 w 6858000"/>
              <a:gd name="connsiteY2831" fmla="*/ 3228931 h 6858000"/>
              <a:gd name="connsiteX2832" fmla="*/ 1017491 w 6858000"/>
              <a:gd name="connsiteY2832" fmla="*/ 3227820 h 6858000"/>
              <a:gd name="connsiteX2833" fmla="*/ 1017491 w 6858000"/>
              <a:gd name="connsiteY2833" fmla="*/ 3269962 h 6858000"/>
              <a:gd name="connsiteX2834" fmla="*/ 1059633 w 6858000"/>
              <a:gd name="connsiteY2834" fmla="*/ 3269962 h 6858000"/>
              <a:gd name="connsiteX2835" fmla="*/ 1059633 w 6858000"/>
              <a:gd name="connsiteY2835" fmla="*/ 3227820 h 6858000"/>
              <a:gd name="connsiteX2836" fmla="*/ 893359 w 6858000"/>
              <a:gd name="connsiteY2836" fmla="*/ 3226783 h 6858000"/>
              <a:gd name="connsiteX2837" fmla="*/ 893359 w 6858000"/>
              <a:gd name="connsiteY2837" fmla="*/ 3271073 h 6858000"/>
              <a:gd name="connsiteX2838" fmla="*/ 937649 w 6858000"/>
              <a:gd name="connsiteY2838" fmla="*/ 3271073 h 6858000"/>
              <a:gd name="connsiteX2839" fmla="*/ 937649 w 6858000"/>
              <a:gd name="connsiteY2839" fmla="*/ 3226783 h 6858000"/>
              <a:gd name="connsiteX2840" fmla="*/ 769191 w 6858000"/>
              <a:gd name="connsiteY2840" fmla="*/ 3225672 h 6858000"/>
              <a:gd name="connsiteX2841" fmla="*/ 769191 w 6858000"/>
              <a:gd name="connsiteY2841" fmla="*/ 3272147 h 6858000"/>
              <a:gd name="connsiteX2842" fmla="*/ 815666 w 6858000"/>
              <a:gd name="connsiteY2842" fmla="*/ 3272147 h 6858000"/>
              <a:gd name="connsiteX2843" fmla="*/ 815666 w 6858000"/>
              <a:gd name="connsiteY2843" fmla="*/ 3225672 h 6858000"/>
              <a:gd name="connsiteX2844" fmla="*/ 645282 w 6858000"/>
              <a:gd name="connsiteY2844" fmla="*/ 3224820 h 6858000"/>
              <a:gd name="connsiteX2845" fmla="*/ 645282 w 6858000"/>
              <a:gd name="connsiteY2845" fmla="*/ 3273036 h 6858000"/>
              <a:gd name="connsiteX2846" fmla="*/ 693498 w 6858000"/>
              <a:gd name="connsiteY2846" fmla="*/ 3273036 h 6858000"/>
              <a:gd name="connsiteX2847" fmla="*/ 693498 w 6858000"/>
              <a:gd name="connsiteY2847" fmla="*/ 3224820 h 6858000"/>
              <a:gd name="connsiteX2848" fmla="*/ 521336 w 6858000"/>
              <a:gd name="connsiteY2848" fmla="*/ 3223932 h 6858000"/>
              <a:gd name="connsiteX2849" fmla="*/ 521336 w 6858000"/>
              <a:gd name="connsiteY2849" fmla="*/ 3273888 h 6858000"/>
              <a:gd name="connsiteX2850" fmla="*/ 571292 w 6858000"/>
              <a:gd name="connsiteY2850" fmla="*/ 3273888 h 6858000"/>
              <a:gd name="connsiteX2851" fmla="*/ 571292 w 6858000"/>
              <a:gd name="connsiteY2851" fmla="*/ 3223932 h 6858000"/>
              <a:gd name="connsiteX2852" fmla="*/ 397612 w 6858000"/>
              <a:gd name="connsiteY2852" fmla="*/ 3223302 h 6858000"/>
              <a:gd name="connsiteX2853" fmla="*/ 397612 w 6858000"/>
              <a:gd name="connsiteY2853" fmla="*/ 3274554 h 6858000"/>
              <a:gd name="connsiteX2854" fmla="*/ 448864 w 6858000"/>
              <a:gd name="connsiteY2854" fmla="*/ 3274554 h 6858000"/>
              <a:gd name="connsiteX2855" fmla="*/ 448864 w 6858000"/>
              <a:gd name="connsiteY2855" fmla="*/ 3223302 h 6858000"/>
              <a:gd name="connsiteX2856" fmla="*/ 28218 w 6858000"/>
              <a:gd name="connsiteY2856" fmla="*/ 3223043 h 6858000"/>
              <a:gd name="connsiteX2857" fmla="*/ 28218 w 6858000"/>
              <a:gd name="connsiteY2857" fmla="*/ 3274740 h 6858000"/>
              <a:gd name="connsiteX2858" fmla="*/ 79915 w 6858000"/>
              <a:gd name="connsiteY2858" fmla="*/ 3274740 h 6858000"/>
              <a:gd name="connsiteX2859" fmla="*/ 79915 w 6858000"/>
              <a:gd name="connsiteY2859" fmla="*/ 3223043 h 6858000"/>
              <a:gd name="connsiteX2860" fmla="*/ 274147 w 6858000"/>
              <a:gd name="connsiteY2860" fmla="*/ 3222858 h 6858000"/>
              <a:gd name="connsiteX2861" fmla="*/ 274147 w 6858000"/>
              <a:gd name="connsiteY2861" fmla="*/ 3274962 h 6858000"/>
              <a:gd name="connsiteX2862" fmla="*/ 326251 w 6858000"/>
              <a:gd name="connsiteY2862" fmla="*/ 3274962 h 6858000"/>
              <a:gd name="connsiteX2863" fmla="*/ 326251 w 6858000"/>
              <a:gd name="connsiteY2863" fmla="*/ 3222858 h 6858000"/>
              <a:gd name="connsiteX2864" fmla="*/ 150646 w 6858000"/>
              <a:gd name="connsiteY2864" fmla="*/ 3222413 h 6858000"/>
              <a:gd name="connsiteX2865" fmla="*/ 150646 w 6858000"/>
              <a:gd name="connsiteY2865" fmla="*/ 3275406 h 6858000"/>
              <a:gd name="connsiteX2866" fmla="*/ 203639 w 6858000"/>
              <a:gd name="connsiteY2866" fmla="*/ 3275406 h 6858000"/>
              <a:gd name="connsiteX2867" fmla="*/ 203639 w 6858000"/>
              <a:gd name="connsiteY2867" fmla="*/ 3222413 h 6858000"/>
              <a:gd name="connsiteX2868" fmla="*/ 4484019 w 6858000"/>
              <a:gd name="connsiteY2868" fmla="*/ 3125612 h 6858000"/>
              <a:gd name="connsiteX2869" fmla="*/ 4484019 w 6858000"/>
              <a:gd name="connsiteY2869" fmla="*/ 3126056 h 6858000"/>
              <a:gd name="connsiteX2870" fmla="*/ 4484463 w 6858000"/>
              <a:gd name="connsiteY2870" fmla="*/ 3126056 h 6858000"/>
              <a:gd name="connsiteX2871" fmla="*/ 4484463 w 6858000"/>
              <a:gd name="connsiteY2871" fmla="*/ 3125612 h 6858000"/>
              <a:gd name="connsiteX2872" fmla="*/ 4360961 w 6858000"/>
              <a:gd name="connsiteY2872" fmla="*/ 3125612 h 6858000"/>
              <a:gd name="connsiteX2873" fmla="*/ 4360961 w 6858000"/>
              <a:gd name="connsiteY2873" fmla="*/ 3126056 h 6858000"/>
              <a:gd name="connsiteX2874" fmla="*/ 4361405 w 6858000"/>
              <a:gd name="connsiteY2874" fmla="*/ 3126056 h 6858000"/>
              <a:gd name="connsiteX2875" fmla="*/ 4361405 w 6858000"/>
              <a:gd name="connsiteY2875" fmla="*/ 3125612 h 6858000"/>
              <a:gd name="connsiteX2876" fmla="*/ 4237904 w 6858000"/>
              <a:gd name="connsiteY2876" fmla="*/ 3125612 h 6858000"/>
              <a:gd name="connsiteX2877" fmla="*/ 4237904 w 6858000"/>
              <a:gd name="connsiteY2877" fmla="*/ 3126056 h 6858000"/>
              <a:gd name="connsiteX2878" fmla="*/ 4238348 w 6858000"/>
              <a:gd name="connsiteY2878" fmla="*/ 3126056 h 6858000"/>
              <a:gd name="connsiteX2879" fmla="*/ 4238348 w 6858000"/>
              <a:gd name="connsiteY2879" fmla="*/ 3125612 h 6858000"/>
              <a:gd name="connsiteX2880" fmla="*/ 4114847 w 6858000"/>
              <a:gd name="connsiteY2880" fmla="*/ 3125612 h 6858000"/>
              <a:gd name="connsiteX2881" fmla="*/ 4114847 w 6858000"/>
              <a:gd name="connsiteY2881" fmla="*/ 3126056 h 6858000"/>
              <a:gd name="connsiteX2882" fmla="*/ 4115291 w 6858000"/>
              <a:gd name="connsiteY2882" fmla="*/ 3126056 h 6858000"/>
              <a:gd name="connsiteX2883" fmla="*/ 4115291 w 6858000"/>
              <a:gd name="connsiteY2883" fmla="*/ 3125612 h 6858000"/>
              <a:gd name="connsiteX2884" fmla="*/ 3991789 w 6858000"/>
              <a:gd name="connsiteY2884" fmla="*/ 3125612 h 6858000"/>
              <a:gd name="connsiteX2885" fmla="*/ 3991789 w 6858000"/>
              <a:gd name="connsiteY2885" fmla="*/ 3126056 h 6858000"/>
              <a:gd name="connsiteX2886" fmla="*/ 3992234 w 6858000"/>
              <a:gd name="connsiteY2886" fmla="*/ 3126056 h 6858000"/>
              <a:gd name="connsiteX2887" fmla="*/ 3992234 w 6858000"/>
              <a:gd name="connsiteY2887" fmla="*/ 3125612 h 6858000"/>
              <a:gd name="connsiteX2888" fmla="*/ 3868732 w 6858000"/>
              <a:gd name="connsiteY2888" fmla="*/ 3125612 h 6858000"/>
              <a:gd name="connsiteX2889" fmla="*/ 3868732 w 6858000"/>
              <a:gd name="connsiteY2889" fmla="*/ 3126056 h 6858000"/>
              <a:gd name="connsiteX2890" fmla="*/ 3869176 w 6858000"/>
              <a:gd name="connsiteY2890" fmla="*/ 3126056 h 6858000"/>
              <a:gd name="connsiteX2891" fmla="*/ 3869176 w 6858000"/>
              <a:gd name="connsiteY2891" fmla="*/ 3125612 h 6858000"/>
              <a:gd name="connsiteX2892" fmla="*/ 3745675 w 6858000"/>
              <a:gd name="connsiteY2892" fmla="*/ 3125612 h 6858000"/>
              <a:gd name="connsiteX2893" fmla="*/ 3745675 w 6858000"/>
              <a:gd name="connsiteY2893" fmla="*/ 3126056 h 6858000"/>
              <a:gd name="connsiteX2894" fmla="*/ 3746119 w 6858000"/>
              <a:gd name="connsiteY2894" fmla="*/ 3126056 h 6858000"/>
              <a:gd name="connsiteX2895" fmla="*/ 3746119 w 6858000"/>
              <a:gd name="connsiteY2895" fmla="*/ 3125612 h 6858000"/>
              <a:gd name="connsiteX2896" fmla="*/ 3622395 w 6858000"/>
              <a:gd name="connsiteY2896" fmla="*/ 3125426 h 6858000"/>
              <a:gd name="connsiteX2897" fmla="*/ 3622395 w 6858000"/>
              <a:gd name="connsiteY2897" fmla="*/ 3126278 h 6858000"/>
              <a:gd name="connsiteX2898" fmla="*/ 3623247 w 6858000"/>
              <a:gd name="connsiteY2898" fmla="*/ 3126278 h 6858000"/>
              <a:gd name="connsiteX2899" fmla="*/ 3623247 w 6858000"/>
              <a:gd name="connsiteY2899" fmla="*/ 3125426 h 6858000"/>
              <a:gd name="connsiteX2900" fmla="*/ 3499116 w 6858000"/>
              <a:gd name="connsiteY2900" fmla="*/ 3125204 h 6858000"/>
              <a:gd name="connsiteX2901" fmla="*/ 3499116 w 6858000"/>
              <a:gd name="connsiteY2901" fmla="*/ 3126500 h 6858000"/>
              <a:gd name="connsiteX2902" fmla="*/ 3500412 w 6858000"/>
              <a:gd name="connsiteY2902" fmla="*/ 3126500 h 6858000"/>
              <a:gd name="connsiteX2903" fmla="*/ 3500412 w 6858000"/>
              <a:gd name="connsiteY2903" fmla="*/ 3125204 h 6858000"/>
              <a:gd name="connsiteX2904" fmla="*/ 3375836 w 6858000"/>
              <a:gd name="connsiteY2904" fmla="*/ 3124983 h 6858000"/>
              <a:gd name="connsiteX2905" fmla="*/ 3375836 w 6858000"/>
              <a:gd name="connsiteY2905" fmla="*/ 3126723 h 6858000"/>
              <a:gd name="connsiteX2906" fmla="*/ 3377576 w 6858000"/>
              <a:gd name="connsiteY2906" fmla="*/ 3126723 h 6858000"/>
              <a:gd name="connsiteX2907" fmla="*/ 3377576 w 6858000"/>
              <a:gd name="connsiteY2907" fmla="*/ 3124983 h 6858000"/>
              <a:gd name="connsiteX2908" fmla="*/ 3252557 w 6858000"/>
              <a:gd name="connsiteY2908" fmla="*/ 3124760 h 6858000"/>
              <a:gd name="connsiteX2909" fmla="*/ 3252557 w 6858000"/>
              <a:gd name="connsiteY2909" fmla="*/ 3126945 h 6858000"/>
              <a:gd name="connsiteX2910" fmla="*/ 3254742 w 6858000"/>
              <a:gd name="connsiteY2910" fmla="*/ 3126945 h 6858000"/>
              <a:gd name="connsiteX2911" fmla="*/ 3254742 w 6858000"/>
              <a:gd name="connsiteY2911" fmla="*/ 3124760 h 6858000"/>
              <a:gd name="connsiteX2912" fmla="*/ 3128833 w 6858000"/>
              <a:gd name="connsiteY2912" fmla="*/ 3124093 h 6858000"/>
              <a:gd name="connsiteX2913" fmla="*/ 3128833 w 6858000"/>
              <a:gd name="connsiteY2913" fmla="*/ 3127574 h 6858000"/>
              <a:gd name="connsiteX2914" fmla="*/ 3132314 w 6858000"/>
              <a:gd name="connsiteY2914" fmla="*/ 3127574 h 6858000"/>
              <a:gd name="connsiteX2915" fmla="*/ 3132314 w 6858000"/>
              <a:gd name="connsiteY2915" fmla="*/ 3124093 h 6858000"/>
              <a:gd name="connsiteX2916" fmla="*/ 3005331 w 6858000"/>
              <a:gd name="connsiteY2916" fmla="*/ 3123686 h 6858000"/>
              <a:gd name="connsiteX2917" fmla="*/ 3005331 w 6858000"/>
              <a:gd name="connsiteY2917" fmla="*/ 3128019 h 6858000"/>
              <a:gd name="connsiteX2918" fmla="*/ 3009664 w 6858000"/>
              <a:gd name="connsiteY2918" fmla="*/ 3128019 h 6858000"/>
              <a:gd name="connsiteX2919" fmla="*/ 3009664 w 6858000"/>
              <a:gd name="connsiteY2919" fmla="*/ 3123686 h 6858000"/>
              <a:gd name="connsiteX2920" fmla="*/ 2881644 w 6858000"/>
              <a:gd name="connsiteY2920" fmla="*/ 3123056 h 6858000"/>
              <a:gd name="connsiteX2921" fmla="*/ 2881644 w 6858000"/>
              <a:gd name="connsiteY2921" fmla="*/ 3128685 h 6858000"/>
              <a:gd name="connsiteX2922" fmla="*/ 2887273 w 6858000"/>
              <a:gd name="connsiteY2922" fmla="*/ 3128685 h 6858000"/>
              <a:gd name="connsiteX2923" fmla="*/ 2887273 w 6858000"/>
              <a:gd name="connsiteY2923" fmla="*/ 3123056 h 6858000"/>
              <a:gd name="connsiteX2924" fmla="*/ 2757698 w 6858000"/>
              <a:gd name="connsiteY2924" fmla="*/ 3122168 h 6858000"/>
              <a:gd name="connsiteX2925" fmla="*/ 2757698 w 6858000"/>
              <a:gd name="connsiteY2925" fmla="*/ 3129537 h 6858000"/>
              <a:gd name="connsiteX2926" fmla="*/ 2765067 w 6858000"/>
              <a:gd name="connsiteY2926" fmla="*/ 3129537 h 6858000"/>
              <a:gd name="connsiteX2927" fmla="*/ 2765067 w 6858000"/>
              <a:gd name="connsiteY2927" fmla="*/ 3122168 h 6858000"/>
              <a:gd name="connsiteX2928" fmla="*/ 2633789 w 6858000"/>
              <a:gd name="connsiteY2928" fmla="*/ 3121316 h 6858000"/>
              <a:gd name="connsiteX2929" fmla="*/ 2633789 w 6858000"/>
              <a:gd name="connsiteY2929" fmla="*/ 3130426 h 6858000"/>
              <a:gd name="connsiteX2930" fmla="*/ 2642899 w 6858000"/>
              <a:gd name="connsiteY2930" fmla="*/ 3130426 h 6858000"/>
              <a:gd name="connsiteX2931" fmla="*/ 2642899 w 6858000"/>
              <a:gd name="connsiteY2931" fmla="*/ 3121316 h 6858000"/>
              <a:gd name="connsiteX2932" fmla="*/ 2509843 w 6858000"/>
              <a:gd name="connsiteY2932" fmla="*/ 3120428 h 6858000"/>
              <a:gd name="connsiteX2933" fmla="*/ 2509843 w 6858000"/>
              <a:gd name="connsiteY2933" fmla="*/ 3131278 h 6858000"/>
              <a:gd name="connsiteX2934" fmla="*/ 2520693 w 6858000"/>
              <a:gd name="connsiteY2934" fmla="*/ 3131278 h 6858000"/>
              <a:gd name="connsiteX2935" fmla="*/ 2520693 w 6858000"/>
              <a:gd name="connsiteY2935" fmla="*/ 3120428 h 6858000"/>
              <a:gd name="connsiteX2936" fmla="*/ 2385712 w 6858000"/>
              <a:gd name="connsiteY2936" fmla="*/ 3119317 h 6858000"/>
              <a:gd name="connsiteX2937" fmla="*/ 2385712 w 6858000"/>
              <a:gd name="connsiteY2937" fmla="*/ 3132352 h 6858000"/>
              <a:gd name="connsiteX2938" fmla="*/ 2398747 w 6858000"/>
              <a:gd name="connsiteY2938" fmla="*/ 3132352 h 6858000"/>
              <a:gd name="connsiteX2939" fmla="*/ 2398747 w 6858000"/>
              <a:gd name="connsiteY2939" fmla="*/ 3119317 h 6858000"/>
              <a:gd name="connsiteX2940" fmla="*/ 2261136 w 6858000"/>
              <a:gd name="connsiteY2940" fmla="*/ 3117798 h 6858000"/>
              <a:gd name="connsiteX2941" fmla="*/ 2261136 w 6858000"/>
              <a:gd name="connsiteY2941" fmla="*/ 3133870 h 6858000"/>
              <a:gd name="connsiteX2942" fmla="*/ 2277208 w 6858000"/>
              <a:gd name="connsiteY2942" fmla="*/ 3133870 h 6858000"/>
              <a:gd name="connsiteX2943" fmla="*/ 2277208 w 6858000"/>
              <a:gd name="connsiteY2943" fmla="*/ 3117798 h 6858000"/>
              <a:gd name="connsiteX2944" fmla="*/ 2136746 w 6858000"/>
              <a:gd name="connsiteY2944" fmla="*/ 3116539 h 6858000"/>
              <a:gd name="connsiteX2945" fmla="*/ 2136746 w 6858000"/>
              <a:gd name="connsiteY2945" fmla="*/ 3135203 h 6858000"/>
              <a:gd name="connsiteX2946" fmla="*/ 2155410 w 6858000"/>
              <a:gd name="connsiteY2946" fmla="*/ 3135203 h 6858000"/>
              <a:gd name="connsiteX2947" fmla="*/ 2155410 w 6858000"/>
              <a:gd name="connsiteY2947" fmla="*/ 3116539 h 6858000"/>
              <a:gd name="connsiteX2948" fmla="*/ 2012170 w 6858000"/>
              <a:gd name="connsiteY2948" fmla="*/ 3115020 h 6858000"/>
              <a:gd name="connsiteX2949" fmla="*/ 2012170 w 6858000"/>
              <a:gd name="connsiteY2949" fmla="*/ 3136721 h 6858000"/>
              <a:gd name="connsiteX2950" fmla="*/ 2033871 w 6858000"/>
              <a:gd name="connsiteY2950" fmla="*/ 3136721 h 6858000"/>
              <a:gd name="connsiteX2951" fmla="*/ 2033871 w 6858000"/>
              <a:gd name="connsiteY2951" fmla="*/ 3115020 h 6858000"/>
              <a:gd name="connsiteX2952" fmla="*/ 1887594 w 6858000"/>
              <a:gd name="connsiteY2952" fmla="*/ 3113466 h 6858000"/>
              <a:gd name="connsiteX2953" fmla="*/ 1887594 w 6858000"/>
              <a:gd name="connsiteY2953" fmla="*/ 3138240 h 6858000"/>
              <a:gd name="connsiteX2954" fmla="*/ 1912368 w 6858000"/>
              <a:gd name="connsiteY2954" fmla="*/ 3138240 h 6858000"/>
              <a:gd name="connsiteX2955" fmla="*/ 1912368 w 6858000"/>
              <a:gd name="connsiteY2955" fmla="*/ 3113466 h 6858000"/>
              <a:gd name="connsiteX2956" fmla="*/ 1763019 w 6858000"/>
              <a:gd name="connsiteY2956" fmla="*/ 3111947 h 6858000"/>
              <a:gd name="connsiteX2957" fmla="*/ 1763019 w 6858000"/>
              <a:gd name="connsiteY2957" fmla="*/ 3139758 h 6858000"/>
              <a:gd name="connsiteX2958" fmla="*/ 1790830 w 6858000"/>
              <a:gd name="connsiteY2958" fmla="*/ 3139758 h 6858000"/>
              <a:gd name="connsiteX2959" fmla="*/ 1790830 w 6858000"/>
              <a:gd name="connsiteY2959" fmla="*/ 3111947 h 6858000"/>
              <a:gd name="connsiteX2960" fmla="*/ 1638443 w 6858000"/>
              <a:gd name="connsiteY2960" fmla="*/ 3110428 h 6858000"/>
              <a:gd name="connsiteX2961" fmla="*/ 1638443 w 6858000"/>
              <a:gd name="connsiteY2961" fmla="*/ 3141276 h 6858000"/>
              <a:gd name="connsiteX2962" fmla="*/ 1669291 w 6858000"/>
              <a:gd name="connsiteY2962" fmla="*/ 3141276 h 6858000"/>
              <a:gd name="connsiteX2963" fmla="*/ 1669291 w 6858000"/>
              <a:gd name="connsiteY2963" fmla="*/ 3110428 h 6858000"/>
              <a:gd name="connsiteX2964" fmla="*/ 1513645 w 6858000"/>
              <a:gd name="connsiteY2964" fmla="*/ 3108688 h 6858000"/>
              <a:gd name="connsiteX2965" fmla="*/ 1513645 w 6858000"/>
              <a:gd name="connsiteY2965" fmla="*/ 3143017 h 6858000"/>
              <a:gd name="connsiteX2966" fmla="*/ 1547974 w 6858000"/>
              <a:gd name="connsiteY2966" fmla="*/ 3143017 h 6858000"/>
              <a:gd name="connsiteX2967" fmla="*/ 1547974 w 6858000"/>
              <a:gd name="connsiteY2967" fmla="*/ 3108688 h 6858000"/>
              <a:gd name="connsiteX2968" fmla="*/ 1389070 w 6858000"/>
              <a:gd name="connsiteY2968" fmla="*/ 3107170 h 6858000"/>
              <a:gd name="connsiteX2969" fmla="*/ 1389070 w 6858000"/>
              <a:gd name="connsiteY2969" fmla="*/ 3144535 h 6858000"/>
              <a:gd name="connsiteX2970" fmla="*/ 1426435 w 6858000"/>
              <a:gd name="connsiteY2970" fmla="*/ 3144535 h 6858000"/>
              <a:gd name="connsiteX2971" fmla="*/ 1426435 w 6858000"/>
              <a:gd name="connsiteY2971" fmla="*/ 3107170 h 6858000"/>
              <a:gd name="connsiteX2972" fmla="*/ 1264272 w 6858000"/>
              <a:gd name="connsiteY2972" fmla="*/ 3105467 h 6858000"/>
              <a:gd name="connsiteX2973" fmla="*/ 1264272 w 6858000"/>
              <a:gd name="connsiteY2973" fmla="*/ 3146276 h 6858000"/>
              <a:gd name="connsiteX2974" fmla="*/ 1305081 w 6858000"/>
              <a:gd name="connsiteY2974" fmla="*/ 3146276 h 6858000"/>
              <a:gd name="connsiteX2975" fmla="*/ 1305081 w 6858000"/>
              <a:gd name="connsiteY2975" fmla="*/ 3105467 h 6858000"/>
              <a:gd name="connsiteX2976" fmla="*/ 1139881 w 6858000"/>
              <a:gd name="connsiteY2976" fmla="*/ 3104134 h 6858000"/>
              <a:gd name="connsiteX2977" fmla="*/ 1139881 w 6858000"/>
              <a:gd name="connsiteY2977" fmla="*/ 3147572 h 6858000"/>
              <a:gd name="connsiteX2978" fmla="*/ 1183320 w 6858000"/>
              <a:gd name="connsiteY2978" fmla="*/ 3147572 h 6858000"/>
              <a:gd name="connsiteX2979" fmla="*/ 1183320 w 6858000"/>
              <a:gd name="connsiteY2979" fmla="*/ 3104134 h 6858000"/>
              <a:gd name="connsiteX2980" fmla="*/ 1015306 w 6858000"/>
              <a:gd name="connsiteY2980" fmla="*/ 3102615 h 6858000"/>
              <a:gd name="connsiteX2981" fmla="*/ 1015306 w 6858000"/>
              <a:gd name="connsiteY2981" fmla="*/ 3149090 h 6858000"/>
              <a:gd name="connsiteX2982" fmla="*/ 1061781 w 6858000"/>
              <a:gd name="connsiteY2982" fmla="*/ 3149090 h 6858000"/>
              <a:gd name="connsiteX2983" fmla="*/ 1061781 w 6858000"/>
              <a:gd name="connsiteY2983" fmla="*/ 3102615 h 6858000"/>
              <a:gd name="connsiteX2984" fmla="*/ 890952 w 6858000"/>
              <a:gd name="connsiteY2984" fmla="*/ 3101318 h 6858000"/>
              <a:gd name="connsiteX2985" fmla="*/ 890952 w 6858000"/>
              <a:gd name="connsiteY2985" fmla="*/ 3150386 h 6858000"/>
              <a:gd name="connsiteX2986" fmla="*/ 940019 w 6858000"/>
              <a:gd name="connsiteY2986" fmla="*/ 3150386 h 6858000"/>
              <a:gd name="connsiteX2987" fmla="*/ 940019 w 6858000"/>
              <a:gd name="connsiteY2987" fmla="*/ 3101318 h 6858000"/>
              <a:gd name="connsiteX2988" fmla="*/ 766821 w 6858000"/>
              <a:gd name="connsiteY2988" fmla="*/ 3100245 h 6858000"/>
              <a:gd name="connsiteX2989" fmla="*/ 766821 w 6858000"/>
              <a:gd name="connsiteY2989" fmla="*/ 3151497 h 6858000"/>
              <a:gd name="connsiteX2990" fmla="*/ 818073 w 6858000"/>
              <a:gd name="connsiteY2990" fmla="*/ 3151497 h 6858000"/>
              <a:gd name="connsiteX2991" fmla="*/ 818073 w 6858000"/>
              <a:gd name="connsiteY2991" fmla="*/ 3100245 h 6858000"/>
              <a:gd name="connsiteX2992" fmla="*/ 642875 w 6858000"/>
              <a:gd name="connsiteY2992" fmla="*/ 3099356 h 6858000"/>
              <a:gd name="connsiteX2993" fmla="*/ 642875 w 6858000"/>
              <a:gd name="connsiteY2993" fmla="*/ 3152349 h 6858000"/>
              <a:gd name="connsiteX2994" fmla="*/ 695868 w 6858000"/>
              <a:gd name="connsiteY2994" fmla="*/ 3152349 h 6858000"/>
              <a:gd name="connsiteX2995" fmla="*/ 695868 w 6858000"/>
              <a:gd name="connsiteY2995" fmla="*/ 3099356 h 6858000"/>
              <a:gd name="connsiteX2996" fmla="*/ 518966 w 6858000"/>
              <a:gd name="connsiteY2996" fmla="*/ 3098468 h 6858000"/>
              <a:gd name="connsiteX2997" fmla="*/ 518966 w 6858000"/>
              <a:gd name="connsiteY2997" fmla="*/ 3153201 h 6858000"/>
              <a:gd name="connsiteX2998" fmla="*/ 573699 w 6858000"/>
              <a:gd name="connsiteY2998" fmla="*/ 3153201 h 6858000"/>
              <a:gd name="connsiteX2999" fmla="*/ 573699 w 6858000"/>
              <a:gd name="connsiteY2999" fmla="*/ 3098468 h 6858000"/>
              <a:gd name="connsiteX3000" fmla="*/ 395242 w 6858000"/>
              <a:gd name="connsiteY3000" fmla="*/ 3097837 h 6858000"/>
              <a:gd name="connsiteX3001" fmla="*/ 395242 w 6858000"/>
              <a:gd name="connsiteY3001" fmla="*/ 3153867 h 6858000"/>
              <a:gd name="connsiteX3002" fmla="*/ 451271 w 6858000"/>
              <a:gd name="connsiteY3002" fmla="*/ 3153867 h 6858000"/>
              <a:gd name="connsiteX3003" fmla="*/ 451271 w 6858000"/>
              <a:gd name="connsiteY3003" fmla="*/ 3097837 h 6858000"/>
              <a:gd name="connsiteX3004" fmla="*/ 25626 w 6858000"/>
              <a:gd name="connsiteY3004" fmla="*/ 3097431 h 6858000"/>
              <a:gd name="connsiteX3005" fmla="*/ 25626 w 6858000"/>
              <a:gd name="connsiteY3005" fmla="*/ 3154312 h 6858000"/>
              <a:gd name="connsiteX3006" fmla="*/ 82507 w 6858000"/>
              <a:gd name="connsiteY3006" fmla="*/ 3154312 h 6858000"/>
              <a:gd name="connsiteX3007" fmla="*/ 82507 w 6858000"/>
              <a:gd name="connsiteY3007" fmla="*/ 3097431 h 6858000"/>
              <a:gd name="connsiteX3008" fmla="*/ 271518 w 6858000"/>
              <a:gd name="connsiteY3008" fmla="*/ 3097209 h 6858000"/>
              <a:gd name="connsiteX3009" fmla="*/ 271518 w 6858000"/>
              <a:gd name="connsiteY3009" fmla="*/ 3154534 h 6858000"/>
              <a:gd name="connsiteX3010" fmla="*/ 328844 w 6858000"/>
              <a:gd name="connsiteY3010" fmla="*/ 3154534 h 6858000"/>
              <a:gd name="connsiteX3011" fmla="*/ 328844 w 6858000"/>
              <a:gd name="connsiteY3011" fmla="*/ 3097209 h 6858000"/>
              <a:gd name="connsiteX3012" fmla="*/ 148016 w 6858000"/>
              <a:gd name="connsiteY3012" fmla="*/ 3096727 h 6858000"/>
              <a:gd name="connsiteX3013" fmla="*/ 148016 w 6858000"/>
              <a:gd name="connsiteY3013" fmla="*/ 3154941 h 6858000"/>
              <a:gd name="connsiteX3014" fmla="*/ 206230 w 6858000"/>
              <a:gd name="connsiteY3014" fmla="*/ 3154941 h 6858000"/>
              <a:gd name="connsiteX3015" fmla="*/ 206230 w 6858000"/>
              <a:gd name="connsiteY3015" fmla="*/ 3096727 h 6858000"/>
              <a:gd name="connsiteX3016" fmla="*/ 4360961 w 6858000"/>
              <a:gd name="connsiteY3016" fmla="*/ 3002555 h 6858000"/>
              <a:gd name="connsiteX3017" fmla="*/ 4360961 w 6858000"/>
              <a:gd name="connsiteY3017" fmla="*/ 3002999 h 6858000"/>
              <a:gd name="connsiteX3018" fmla="*/ 4361405 w 6858000"/>
              <a:gd name="connsiteY3018" fmla="*/ 3002999 h 6858000"/>
              <a:gd name="connsiteX3019" fmla="*/ 4361405 w 6858000"/>
              <a:gd name="connsiteY3019" fmla="*/ 3002555 h 6858000"/>
              <a:gd name="connsiteX3020" fmla="*/ 4237904 w 6858000"/>
              <a:gd name="connsiteY3020" fmla="*/ 3002555 h 6858000"/>
              <a:gd name="connsiteX3021" fmla="*/ 4237904 w 6858000"/>
              <a:gd name="connsiteY3021" fmla="*/ 3002999 h 6858000"/>
              <a:gd name="connsiteX3022" fmla="*/ 4238348 w 6858000"/>
              <a:gd name="connsiteY3022" fmla="*/ 3002999 h 6858000"/>
              <a:gd name="connsiteX3023" fmla="*/ 4238348 w 6858000"/>
              <a:gd name="connsiteY3023" fmla="*/ 3002555 h 6858000"/>
              <a:gd name="connsiteX3024" fmla="*/ 4114847 w 6858000"/>
              <a:gd name="connsiteY3024" fmla="*/ 3002555 h 6858000"/>
              <a:gd name="connsiteX3025" fmla="*/ 4114847 w 6858000"/>
              <a:gd name="connsiteY3025" fmla="*/ 3002999 h 6858000"/>
              <a:gd name="connsiteX3026" fmla="*/ 4115291 w 6858000"/>
              <a:gd name="connsiteY3026" fmla="*/ 3002999 h 6858000"/>
              <a:gd name="connsiteX3027" fmla="*/ 4115291 w 6858000"/>
              <a:gd name="connsiteY3027" fmla="*/ 3002555 h 6858000"/>
              <a:gd name="connsiteX3028" fmla="*/ 3991789 w 6858000"/>
              <a:gd name="connsiteY3028" fmla="*/ 3002555 h 6858000"/>
              <a:gd name="connsiteX3029" fmla="*/ 3991789 w 6858000"/>
              <a:gd name="connsiteY3029" fmla="*/ 3002999 h 6858000"/>
              <a:gd name="connsiteX3030" fmla="*/ 3992234 w 6858000"/>
              <a:gd name="connsiteY3030" fmla="*/ 3002999 h 6858000"/>
              <a:gd name="connsiteX3031" fmla="*/ 3992234 w 6858000"/>
              <a:gd name="connsiteY3031" fmla="*/ 3002555 h 6858000"/>
              <a:gd name="connsiteX3032" fmla="*/ 3868732 w 6858000"/>
              <a:gd name="connsiteY3032" fmla="*/ 3002555 h 6858000"/>
              <a:gd name="connsiteX3033" fmla="*/ 3868732 w 6858000"/>
              <a:gd name="connsiteY3033" fmla="*/ 3002999 h 6858000"/>
              <a:gd name="connsiteX3034" fmla="*/ 3869176 w 6858000"/>
              <a:gd name="connsiteY3034" fmla="*/ 3002999 h 6858000"/>
              <a:gd name="connsiteX3035" fmla="*/ 3869176 w 6858000"/>
              <a:gd name="connsiteY3035" fmla="*/ 3002555 h 6858000"/>
              <a:gd name="connsiteX3036" fmla="*/ 3745675 w 6858000"/>
              <a:gd name="connsiteY3036" fmla="*/ 3002555 h 6858000"/>
              <a:gd name="connsiteX3037" fmla="*/ 3745675 w 6858000"/>
              <a:gd name="connsiteY3037" fmla="*/ 3002999 h 6858000"/>
              <a:gd name="connsiteX3038" fmla="*/ 3746119 w 6858000"/>
              <a:gd name="connsiteY3038" fmla="*/ 3002999 h 6858000"/>
              <a:gd name="connsiteX3039" fmla="*/ 3746119 w 6858000"/>
              <a:gd name="connsiteY3039" fmla="*/ 3002555 h 6858000"/>
              <a:gd name="connsiteX3040" fmla="*/ 3622395 w 6858000"/>
              <a:gd name="connsiteY3040" fmla="*/ 3002369 h 6858000"/>
              <a:gd name="connsiteX3041" fmla="*/ 3622395 w 6858000"/>
              <a:gd name="connsiteY3041" fmla="*/ 3003221 h 6858000"/>
              <a:gd name="connsiteX3042" fmla="*/ 3623247 w 6858000"/>
              <a:gd name="connsiteY3042" fmla="*/ 3003221 h 6858000"/>
              <a:gd name="connsiteX3043" fmla="*/ 3623247 w 6858000"/>
              <a:gd name="connsiteY3043" fmla="*/ 3002369 h 6858000"/>
              <a:gd name="connsiteX3044" fmla="*/ 3499116 w 6858000"/>
              <a:gd name="connsiteY3044" fmla="*/ 3002147 h 6858000"/>
              <a:gd name="connsiteX3045" fmla="*/ 3499116 w 6858000"/>
              <a:gd name="connsiteY3045" fmla="*/ 3003443 h 6858000"/>
              <a:gd name="connsiteX3046" fmla="*/ 3500412 w 6858000"/>
              <a:gd name="connsiteY3046" fmla="*/ 3003443 h 6858000"/>
              <a:gd name="connsiteX3047" fmla="*/ 3500412 w 6858000"/>
              <a:gd name="connsiteY3047" fmla="*/ 3002147 h 6858000"/>
              <a:gd name="connsiteX3048" fmla="*/ 3375836 w 6858000"/>
              <a:gd name="connsiteY3048" fmla="*/ 3001925 h 6858000"/>
              <a:gd name="connsiteX3049" fmla="*/ 3375836 w 6858000"/>
              <a:gd name="connsiteY3049" fmla="*/ 3003665 h 6858000"/>
              <a:gd name="connsiteX3050" fmla="*/ 3377576 w 6858000"/>
              <a:gd name="connsiteY3050" fmla="*/ 3003665 h 6858000"/>
              <a:gd name="connsiteX3051" fmla="*/ 3377576 w 6858000"/>
              <a:gd name="connsiteY3051" fmla="*/ 3001925 h 6858000"/>
              <a:gd name="connsiteX3052" fmla="*/ 3252557 w 6858000"/>
              <a:gd name="connsiteY3052" fmla="*/ 3001703 h 6858000"/>
              <a:gd name="connsiteX3053" fmla="*/ 3252557 w 6858000"/>
              <a:gd name="connsiteY3053" fmla="*/ 3003888 h 6858000"/>
              <a:gd name="connsiteX3054" fmla="*/ 3254742 w 6858000"/>
              <a:gd name="connsiteY3054" fmla="*/ 3003888 h 6858000"/>
              <a:gd name="connsiteX3055" fmla="*/ 3254742 w 6858000"/>
              <a:gd name="connsiteY3055" fmla="*/ 3001703 h 6858000"/>
              <a:gd name="connsiteX3056" fmla="*/ 3129055 w 6858000"/>
              <a:gd name="connsiteY3056" fmla="*/ 3001258 h 6858000"/>
              <a:gd name="connsiteX3057" fmla="*/ 3129055 w 6858000"/>
              <a:gd name="connsiteY3057" fmla="*/ 3004295 h 6858000"/>
              <a:gd name="connsiteX3058" fmla="*/ 3132092 w 6858000"/>
              <a:gd name="connsiteY3058" fmla="*/ 3004295 h 6858000"/>
              <a:gd name="connsiteX3059" fmla="*/ 3132092 w 6858000"/>
              <a:gd name="connsiteY3059" fmla="*/ 3001258 h 6858000"/>
              <a:gd name="connsiteX3060" fmla="*/ 3005331 w 6858000"/>
              <a:gd name="connsiteY3060" fmla="*/ 3000628 h 6858000"/>
              <a:gd name="connsiteX3061" fmla="*/ 3005331 w 6858000"/>
              <a:gd name="connsiteY3061" fmla="*/ 3004961 h 6858000"/>
              <a:gd name="connsiteX3062" fmla="*/ 3009664 w 6858000"/>
              <a:gd name="connsiteY3062" fmla="*/ 3004961 h 6858000"/>
              <a:gd name="connsiteX3063" fmla="*/ 3009664 w 6858000"/>
              <a:gd name="connsiteY3063" fmla="*/ 3000628 h 6858000"/>
              <a:gd name="connsiteX3064" fmla="*/ 2881644 w 6858000"/>
              <a:gd name="connsiteY3064" fmla="*/ 2999999 h 6858000"/>
              <a:gd name="connsiteX3065" fmla="*/ 2881644 w 6858000"/>
              <a:gd name="connsiteY3065" fmla="*/ 3005628 h 6858000"/>
              <a:gd name="connsiteX3066" fmla="*/ 2887273 w 6858000"/>
              <a:gd name="connsiteY3066" fmla="*/ 3005628 h 6858000"/>
              <a:gd name="connsiteX3067" fmla="*/ 2887273 w 6858000"/>
              <a:gd name="connsiteY3067" fmla="*/ 2999999 h 6858000"/>
              <a:gd name="connsiteX3068" fmla="*/ 2757698 w 6858000"/>
              <a:gd name="connsiteY3068" fmla="*/ 2999111 h 6858000"/>
              <a:gd name="connsiteX3069" fmla="*/ 2757698 w 6858000"/>
              <a:gd name="connsiteY3069" fmla="*/ 3006480 h 6858000"/>
              <a:gd name="connsiteX3070" fmla="*/ 2765067 w 6858000"/>
              <a:gd name="connsiteY3070" fmla="*/ 3006480 h 6858000"/>
              <a:gd name="connsiteX3071" fmla="*/ 2765067 w 6858000"/>
              <a:gd name="connsiteY3071" fmla="*/ 2999111 h 6858000"/>
              <a:gd name="connsiteX3072" fmla="*/ 2633789 w 6858000"/>
              <a:gd name="connsiteY3072" fmla="*/ 2998259 h 6858000"/>
              <a:gd name="connsiteX3073" fmla="*/ 2633789 w 6858000"/>
              <a:gd name="connsiteY3073" fmla="*/ 3007369 h 6858000"/>
              <a:gd name="connsiteX3074" fmla="*/ 2642899 w 6858000"/>
              <a:gd name="connsiteY3074" fmla="*/ 3007369 h 6858000"/>
              <a:gd name="connsiteX3075" fmla="*/ 2642899 w 6858000"/>
              <a:gd name="connsiteY3075" fmla="*/ 2998259 h 6858000"/>
              <a:gd name="connsiteX3076" fmla="*/ 2509621 w 6858000"/>
              <a:gd name="connsiteY3076" fmla="*/ 2997147 h 6858000"/>
              <a:gd name="connsiteX3077" fmla="*/ 2509621 w 6858000"/>
              <a:gd name="connsiteY3077" fmla="*/ 3008442 h 6858000"/>
              <a:gd name="connsiteX3078" fmla="*/ 2520916 w 6858000"/>
              <a:gd name="connsiteY3078" fmla="*/ 3008442 h 6858000"/>
              <a:gd name="connsiteX3079" fmla="*/ 2520916 w 6858000"/>
              <a:gd name="connsiteY3079" fmla="*/ 2997147 h 6858000"/>
              <a:gd name="connsiteX3080" fmla="*/ 2385267 w 6858000"/>
              <a:gd name="connsiteY3080" fmla="*/ 2995852 h 6858000"/>
              <a:gd name="connsiteX3081" fmla="*/ 2385267 w 6858000"/>
              <a:gd name="connsiteY3081" fmla="*/ 3009739 h 6858000"/>
              <a:gd name="connsiteX3082" fmla="*/ 2399154 w 6858000"/>
              <a:gd name="connsiteY3082" fmla="*/ 3009739 h 6858000"/>
              <a:gd name="connsiteX3083" fmla="*/ 2399154 w 6858000"/>
              <a:gd name="connsiteY3083" fmla="*/ 2995852 h 6858000"/>
              <a:gd name="connsiteX3084" fmla="*/ 2260914 w 6858000"/>
              <a:gd name="connsiteY3084" fmla="*/ 2994519 h 6858000"/>
              <a:gd name="connsiteX3085" fmla="*/ 2260914 w 6858000"/>
              <a:gd name="connsiteY3085" fmla="*/ 3011035 h 6858000"/>
              <a:gd name="connsiteX3086" fmla="*/ 2277430 w 6858000"/>
              <a:gd name="connsiteY3086" fmla="*/ 3011035 h 6858000"/>
              <a:gd name="connsiteX3087" fmla="*/ 2277430 w 6858000"/>
              <a:gd name="connsiteY3087" fmla="*/ 2994519 h 6858000"/>
              <a:gd name="connsiteX3088" fmla="*/ 2136338 w 6858000"/>
              <a:gd name="connsiteY3088" fmla="*/ 2993000 h 6858000"/>
              <a:gd name="connsiteX3089" fmla="*/ 2136338 w 6858000"/>
              <a:gd name="connsiteY3089" fmla="*/ 3012553 h 6858000"/>
              <a:gd name="connsiteX3090" fmla="*/ 2155891 w 6858000"/>
              <a:gd name="connsiteY3090" fmla="*/ 3012553 h 6858000"/>
              <a:gd name="connsiteX3091" fmla="*/ 2155891 w 6858000"/>
              <a:gd name="connsiteY3091" fmla="*/ 2993000 h 6858000"/>
              <a:gd name="connsiteX3092" fmla="*/ 2011540 w 6858000"/>
              <a:gd name="connsiteY3092" fmla="*/ 2991260 h 6858000"/>
              <a:gd name="connsiteX3093" fmla="*/ 2011540 w 6858000"/>
              <a:gd name="connsiteY3093" fmla="*/ 3014294 h 6858000"/>
              <a:gd name="connsiteX3094" fmla="*/ 2034574 w 6858000"/>
              <a:gd name="connsiteY3094" fmla="*/ 3014294 h 6858000"/>
              <a:gd name="connsiteX3095" fmla="*/ 2034574 w 6858000"/>
              <a:gd name="connsiteY3095" fmla="*/ 2991260 h 6858000"/>
              <a:gd name="connsiteX3096" fmla="*/ 1886743 w 6858000"/>
              <a:gd name="connsiteY3096" fmla="*/ 2989556 h 6858000"/>
              <a:gd name="connsiteX3097" fmla="*/ 1886743 w 6858000"/>
              <a:gd name="connsiteY3097" fmla="*/ 3016034 h 6858000"/>
              <a:gd name="connsiteX3098" fmla="*/ 1913221 w 6858000"/>
              <a:gd name="connsiteY3098" fmla="*/ 3016034 h 6858000"/>
              <a:gd name="connsiteX3099" fmla="*/ 1913221 w 6858000"/>
              <a:gd name="connsiteY3099" fmla="*/ 2989556 h 6858000"/>
              <a:gd name="connsiteX3100" fmla="*/ 1761945 w 6858000"/>
              <a:gd name="connsiteY3100" fmla="*/ 2987816 h 6858000"/>
              <a:gd name="connsiteX3101" fmla="*/ 1761945 w 6858000"/>
              <a:gd name="connsiteY3101" fmla="*/ 3017775 h 6858000"/>
              <a:gd name="connsiteX3102" fmla="*/ 1791904 w 6858000"/>
              <a:gd name="connsiteY3102" fmla="*/ 3017775 h 6858000"/>
              <a:gd name="connsiteX3103" fmla="*/ 1791904 w 6858000"/>
              <a:gd name="connsiteY3103" fmla="*/ 2987816 h 6858000"/>
              <a:gd name="connsiteX3104" fmla="*/ 1637147 w 6858000"/>
              <a:gd name="connsiteY3104" fmla="*/ 2986075 h 6858000"/>
              <a:gd name="connsiteX3105" fmla="*/ 1637147 w 6858000"/>
              <a:gd name="connsiteY3105" fmla="*/ 3019515 h 6858000"/>
              <a:gd name="connsiteX3106" fmla="*/ 1670587 w 6858000"/>
              <a:gd name="connsiteY3106" fmla="*/ 3019515 h 6858000"/>
              <a:gd name="connsiteX3107" fmla="*/ 1670587 w 6858000"/>
              <a:gd name="connsiteY3107" fmla="*/ 2986075 h 6858000"/>
              <a:gd name="connsiteX3108" fmla="*/ 1512349 w 6858000"/>
              <a:gd name="connsiteY3108" fmla="*/ 2984335 h 6858000"/>
              <a:gd name="connsiteX3109" fmla="*/ 1512349 w 6858000"/>
              <a:gd name="connsiteY3109" fmla="*/ 3021256 h 6858000"/>
              <a:gd name="connsiteX3110" fmla="*/ 1549270 w 6858000"/>
              <a:gd name="connsiteY3110" fmla="*/ 3021256 h 6858000"/>
              <a:gd name="connsiteX3111" fmla="*/ 1549270 w 6858000"/>
              <a:gd name="connsiteY3111" fmla="*/ 2984335 h 6858000"/>
              <a:gd name="connsiteX3112" fmla="*/ 1387329 w 6858000"/>
              <a:gd name="connsiteY3112" fmla="*/ 2982409 h 6858000"/>
              <a:gd name="connsiteX3113" fmla="*/ 1387329 w 6858000"/>
              <a:gd name="connsiteY3113" fmla="*/ 3023218 h 6858000"/>
              <a:gd name="connsiteX3114" fmla="*/ 1428138 w 6858000"/>
              <a:gd name="connsiteY3114" fmla="*/ 3023218 h 6858000"/>
              <a:gd name="connsiteX3115" fmla="*/ 1428138 w 6858000"/>
              <a:gd name="connsiteY3115" fmla="*/ 2982409 h 6858000"/>
              <a:gd name="connsiteX3116" fmla="*/ 1262531 w 6858000"/>
              <a:gd name="connsiteY3116" fmla="*/ 2980669 h 6858000"/>
              <a:gd name="connsiteX3117" fmla="*/ 1262531 w 6858000"/>
              <a:gd name="connsiteY3117" fmla="*/ 3024959 h 6858000"/>
              <a:gd name="connsiteX3118" fmla="*/ 1306821 w 6858000"/>
              <a:gd name="connsiteY3118" fmla="*/ 3024959 h 6858000"/>
              <a:gd name="connsiteX3119" fmla="*/ 1306821 w 6858000"/>
              <a:gd name="connsiteY3119" fmla="*/ 2980669 h 6858000"/>
              <a:gd name="connsiteX3120" fmla="*/ 1137956 w 6858000"/>
              <a:gd name="connsiteY3120" fmla="*/ 2979150 h 6858000"/>
              <a:gd name="connsiteX3121" fmla="*/ 1137956 w 6858000"/>
              <a:gd name="connsiteY3121" fmla="*/ 3026477 h 6858000"/>
              <a:gd name="connsiteX3122" fmla="*/ 1185283 w 6858000"/>
              <a:gd name="connsiteY3122" fmla="*/ 3026477 h 6858000"/>
              <a:gd name="connsiteX3123" fmla="*/ 1185283 w 6858000"/>
              <a:gd name="connsiteY3123" fmla="*/ 2979150 h 6858000"/>
              <a:gd name="connsiteX3124" fmla="*/ 1013380 w 6858000"/>
              <a:gd name="connsiteY3124" fmla="*/ 2977594 h 6858000"/>
              <a:gd name="connsiteX3125" fmla="*/ 1013380 w 6858000"/>
              <a:gd name="connsiteY3125" fmla="*/ 3027995 h 6858000"/>
              <a:gd name="connsiteX3126" fmla="*/ 1063780 w 6858000"/>
              <a:gd name="connsiteY3126" fmla="*/ 3027995 h 6858000"/>
              <a:gd name="connsiteX3127" fmla="*/ 1063780 w 6858000"/>
              <a:gd name="connsiteY3127" fmla="*/ 2977594 h 6858000"/>
              <a:gd name="connsiteX3128" fmla="*/ 888767 w 6858000"/>
              <a:gd name="connsiteY3128" fmla="*/ 2976077 h 6858000"/>
              <a:gd name="connsiteX3129" fmla="*/ 888767 w 6858000"/>
              <a:gd name="connsiteY3129" fmla="*/ 3029514 h 6858000"/>
              <a:gd name="connsiteX3130" fmla="*/ 942204 w 6858000"/>
              <a:gd name="connsiteY3130" fmla="*/ 3029514 h 6858000"/>
              <a:gd name="connsiteX3131" fmla="*/ 942204 w 6858000"/>
              <a:gd name="connsiteY3131" fmla="*/ 2976077 h 6858000"/>
              <a:gd name="connsiteX3132" fmla="*/ 764636 w 6858000"/>
              <a:gd name="connsiteY3132" fmla="*/ 2975003 h 6858000"/>
              <a:gd name="connsiteX3133" fmla="*/ 764636 w 6858000"/>
              <a:gd name="connsiteY3133" fmla="*/ 3030588 h 6858000"/>
              <a:gd name="connsiteX3134" fmla="*/ 820221 w 6858000"/>
              <a:gd name="connsiteY3134" fmla="*/ 3030588 h 6858000"/>
              <a:gd name="connsiteX3135" fmla="*/ 820221 w 6858000"/>
              <a:gd name="connsiteY3135" fmla="*/ 2975003 h 6858000"/>
              <a:gd name="connsiteX3136" fmla="*/ 640505 w 6858000"/>
              <a:gd name="connsiteY3136" fmla="*/ 2973892 h 6858000"/>
              <a:gd name="connsiteX3137" fmla="*/ 640505 w 6858000"/>
              <a:gd name="connsiteY3137" fmla="*/ 3031662 h 6858000"/>
              <a:gd name="connsiteX3138" fmla="*/ 698275 w 6858000"/>
              <a:gd name="connsiteY3138" fmla="*/ 3031662 h 6858000"/>
              <a:gd name="connsiteX3139" fmla="*/ 698275 w 6858000"/>
              <a:gd name="connsiteY3139" fmla="*/ 2973892 h 6858000"/>
              <a:gd name="connsiteX3140" fmla="*/ 516559 w 6858000"/>
              <a:gd name="connsiteY3140" fmla="*/ 2973040 h 6858000"/>
              <a:gd name="connsiteX3141" fmla="*/ 516559 w 6858000"/>
              <a:gd name="connsiteY3141" fmla="*/ 3032550 h 6858000"/>
              <a:gd name="connsiteX3142" fmla="*/ 576069 w 6858000"/>
              <a:gd name="connsiteY3142" fmla="*/ 3032550 h 6858000"/>
              <a:gd name="connsiteX3143" fmla="*/ 576069 w 6858000"/>
              <a:gd name="connsiteY3143" fmla="*/ 2973040 h 6858000"/>
              <a:gd name="connsiteX3144" fmla="*/ 392650 w 6858000"/>
              <a:gd name="connsiteY3144" fmla="*/ 2972151 h 6858000"/>
              <a:gd name="connsiteX3145" fmla="*/ 392650 w 6858000"/>
              <a:gd name="connsiteY3145" fmla="*/ 3033402 h 6858000"/>
              <a:gd name="connsiteX3146" fmla="*/ 453901 w 6858000"/>
              <a:gd name="connsiteY3146" fmla="*/ 3033402 h 6858000"/>
              <a:gd name="connsiteX3147" fmla="*/ 453901 w 6858000"/>
              <a:gd name="connsiteY3147" fmla="*/ 2972151 h 6858000"/>
              <a:gd name="connsiteX3148" fmla="*/ 269148 w 6858000"/>
              <a:gd name="connsiteY3148" fmla="*/ 2971743 h 6858000"/>
              <a:gd name="connsiteX3149" fmla="*/ 269148 w 6858000"/>
              <a:gd name="connsiteY3149" fmla="*/ 3033846 h 6858000"/>
              <a:gd name="connsiteX3150" fmla="*/ 331251 w 6858000"/>
              <a:gd name="connsiteY3150" fmla="*/ 3033846 h 6858000"/>
              <a:gd name="connsiteX3151" fmla="*/ 331251 w 6858000"/>
              <a:gd name="connsiteY3151" fmla="*/ 2971743 h 6858000"/>
              <a:gd name="connsiteX3152" fmla="*/ 23033 w 6858000"/>
              <a:gd name="connsiteY3152" fmla="*/ 2971743 h 6858000"/>
              <a:gd name="connsiteX3153" fmla="*/ 23033 w 6858000"/>
              <a:gd name="connsiteY3153" fmla="*/ 3033846 h 6858000"/>
              <a:gd name="connsiteX3154" fmla="*/ 85136 w 6858000"/>
              <a:gd name="connsiteY3154" fmla="*/ 3033846 h 6858000"/>
              <a:gd name="connsiteX3155" fmla="*/ 85136 w 6858000"/>
              <a:gd name="connsiteY3155" fmla="*/ 2971743 h 6858000"/>
              <a:gd name="connsiteX3156" fmla="*/ 145646 w 6858000"/>
              <a:gd name="connsiteY3156" fmla="*/ 2971300 h 6858000"/>
              <a:gd name="connsiteX3157" fmla="*/ 145646 w 6858000"/>
              <a:gd name="connsiteY3157" fmla="*/ 3034291 h 6858000"/>
              <a:gd name="connsiteX3158" fmla="*/ 208637 w 6858000"/>
              <a:gd name="connsiteY3158" fmla="*/ 3034291 h 6858000"/>
              <a:gd name="connsiteX3159" fmla="*/ 208637 w 6858000"/>
              <a:gd name="connsiteY3159" fmla="*/ 2971300 h 6858000"/>
              <a:gd name="connsiteX3160" fmla="*/ 4237904 w 6858000"/>
              <a:gd name="connsiteY3160" fmla="*/ 2879497 h 6858000"/>
              <a:gd name="connsiteX3161" fmla="*/ 4237904 w 6858000"/>
              <a:gd name="connsiteY3161" fmla="*/ 2879941 h 6858000"/>
              <a:gd name="connsiteX3162" fmla="*/ 4238348 w 6858000"/>
              <a:gd name="connsiteY3162" fmla="*/ 2879941 h 6858000"/>
              <a:gd name="connsiteX3163" fmla="*/ 4238348 w 6858000"/>
              <a:gd name="connsiteY3163" fmla="*/ 2879497 h 6858000"/>
              <a:gd name="connsiteX3164" fmla="*/ 4114847 w 6858000"/>
              <a:gd name="connsiteY3164" fmla="*/ 2879497 h 6858000"/>
              <a:gd name="connsiteX3165" fmla="*/ 4114847 w 6858000"/>
              <a:gd name="connsiteY3165" fmla="*/ 2879941 h 6858000"/>
              <a:gd name="connsiteX3166" fmla="*/ 4115291 w 6858000"/>
              <a:gd name="connsiteY3166" fmla="*/ 2879941 h 6858000"/>
              <a:gd name="connsiteX3167" fmla="*/ 4115291 w 6858000"/>
              <a:gd name="connsiteY3167" fmla="*/ 2879497 h 6858000"/>
              <a:gd name="connsiteX3168" fmla="*/ 3991789 w 6858000"/>
              <a:gd name="connsiteY3168" fmla="*/ 2879497 h 6858000"/>
              <a:gd name="connsiteX3169" fmla="*/ 3991789 w 6858000"/>
              <a:gd name="connsiteY3169" fmla="*/ 2879941 h 6858000"/>
              <a:gd name="connsiteX3170" fmla="*/ 3992234 w 6858000"/>
              <a:gd name="connsiteY3170" fmla="*/ 2879941 h 6858000"/>
              <a:gd name="connsiteX3171" fmla="*/ 3992234 w 6858000"/>
              <a:gd name="connsiteY3171" fmla="*/ 2879497 h 6858000"/>
              <a:gd name="connsiteX3172" fmla="*/ 3868732 w 6858000"/>
              <a:gd name="connsiteY3172" fmla="*/ 2879497 h 6858000"/>
              <a:gd name="connsiteX3173" fmla="*/ 3868732 w 6858000"/>
              <a:gd name="connsiteY3173" fmla="*/ 2879941 h 6858000"/>
              <a:gd name="connsiteX3174" fmla="*/ 3869176 w 6858000"/>
              <a:gd name="connsiteY3174" fmla="*/ 2879941 h 6858000"/>
              <a:gd name="connsiteX3175" fmla="*/ 3869176 w 6858000"/>
              <a:gd name="connsiteY3175" fmla="*/ 2879497 h 6858000"/>
              <a:gd name="connsiteX3176" fmla="*/ 3745675 w 6858000"/>
              <a:gd name="connsiteY3176" fmla="*/ 2879497 h 6858000"/>
              <a:gd name="connsiteX3177" fmla="*/ 3745675 w 6858000"/>
              <a:gd name="connsiteY3177" fmla="*/ 2879941 h 6858000"/>
              <a:gd name="connsiteX3178" fmla="*/ 3746119 w 6858000"/>
              <a:gd name="connsiteY3178" fmla="*/ 2879941 h 6858000"/>
              <a:gd name="connsiteX3179" fmla="*/ 3746119 w 6858000"/>
              <a:gd name="connsiteY3179" fmla="*/ 2879497 h 6858000"/>
              <a:gd name="connsiteX3180" fmla="*/ 3622395 w 6858000"/>
              <a:gd name="connsiteY3180" fmla="*/ 2879312 h 6858000"/>
              <a:gd name="connsiteX3181" fmla="*/ 3622395 w 6858000"/>
              <a:gd name="connsiteY3181" fmla="*/ 2880164 h 6858000"/>
              <a:gd name="connsiteX3182" fmla="*/ 3623247 w 6858000"/>
              <a:gd name="connsiteY3182" fmla="*/ 2880164 h 6858000"/>
              <a:gd name="connsiteX3183" fmla="*/ 3623247 w 6858000"/>
              <a:gd name="connsiteY3183" fmla="*/ 2879312 h 6858000"/>
              <a:gd name="connsiteX3184" fmla="*/ 3499338 w 6858000"/>
              <a:gd name="connsiteY3184" fmla="*/ 2879312 h 6858000"/>
              <a:gd name="connsiteX3185" fmla="*/ 3499338 w 6858000"/>
              <a:gd name="connsiteY3185" fmla="*/ 2880164 h 6858000"/>
              <a:gd name="connsiteX3186" fmla="*/ 3500190 w 6858000"/>
              <a:gd name="connsiteY3186" fmla="*/ 2880164 h 6858000"/>
              <a:gd name="connsiteX3187" fmla="*/ 3500190 w 6858000"/>
              <a:gd name="connsiteY3187" fmla="*/ 2879312 h 6858000"/>
              <a:gd name="connsiteX3188" fmla="*/ 3376058 w 6858000"/>
              <a:gd name="connsiteY3188" fmla="*/ 2879090 h 6858000"/>
              <a:gd name="connsiteX3189" fmla="*/ 3376058 w 6858000"/>
              <a:gd name="connsiteY3189" fmla="*/ 2880386 h 6858000"/>
              <a:gd name="connsiteX3190" fmla="*/ 3377354 w 6858000"/>
              <a:gd name="connsiteY3190" fmla="*/ 2880386 h 6858000"/>
              <a:gd name="connsiteX3191" fmla="*/ 3377354 w 6858000"/>
              <a:gd name="connsiteY3191" fmla="*/ 2879090 h 6858000"/>
              <a:gd name="connsiteX3192" fmla="*/ 3252557 w 6858000"/>
              <a:gd name="connsiteY3192" fmla="*/ 2878645 h 6858000"/>
              <a:gd name="connsiteX3193" fmla="*/ 3252557 w 6858000"/>
              <a:gd name="connsiteY3193" fmla="*/ 2880830 h 6858000"/>
              <a:gd name="connsiteX3194" fmla="*/ 3254742 w 6858000"/>
              <a:gd name="connsiteY3194" fmla="*/ 2880830 h 6858000"/>
              <a:gd name="connsiteX3195" fmla="*/ 3254742 w 6858000"/>
              <a:gd name="connsiteY3195" fmla="*/ 2878645 h 6858000"/>
              <a:gd name="connsiteX3196" fmla="*/ 3129055 w 6858000"/>
              <a:gd name="connsiteY3196" fmla="*/ 2878201 h 6858000"/>
              <a:gd name="connsiteX3197" fmla="*/ 3129055 w 6858000"/>
              <a:gd name="connsiteY3197" fmla="*/ 2881238 h 6858000"/>
              <a:gd name="connsiteX3198" fmla="*/ 3132092 w 6858000"/>
              <a:gd name="connsiteY3198" fmla="*/ 2881238 h 6858000"/>
              <a:gd name="connsiteX3199" fmla="*/ 3132092 w 6858000"/>
              <a:gd name="connsiteY3199" fmla="*/ 2878201 h 6858000"/>
              <a:gd name="connsiteX3200" fmla="*/ 3005553 w 6858000"/>
              <a:gd name="connsiteY3200" fmla="*/ 2877757 h 6858000"/>
              <a:gd name="connsiteX3201" fmla="*/ 3005553 w 6858000"/>
              <a:gd name="connsiteY3201" fmla="*/ 2881682 h 6858000"/>
              <a:gd name="connsiteX3202" fmla="*/ 3009478 w 6858000"/>
              <a:gd name="connsiteY3202" fmla="*/ 2881682 h 6858000"/>
              <a:gd name="connsiteX3203" fmla="*/ 3009478 w 6858000"/>
              <a:gd name="connsiteY3203" fmla="*/ 2877757 h 6858000"/>
              <a:gd name="connsiteX3204" fmla="*/ 2881644 w 6858000"/>
              <a:gd name="connsiteY3204" fmla="*/ 2876942 h 6858000"/>
              <a:gd name="connsiteX3205" fmla="*/ 2881644 w 6858000"/>
              <a:gd name="connsiteY3205" fmla="*/ 2882571 h 6858000"/>
              <a:gd name="connsiteX3206" fmla="*/ 2887273 w 6858000"/>
              <a:gd name="connsiteY3206" fmla="*/ 2882571 h 6858000"/>
              <a:gd name="connsiteX3207" fmla="*/ 2887273 w 6858000"/>
              <a:gd name="connsiteY3207" fmla="*/ 2876942 h 6858000"/>
              <a:gd name="connsiteX3208" fmla="*/ 2757698 w 6858000"/>
              <a:gd name="connsiteY3208" fmla="*/ 2876053 h 6858000"/>
              <a:gd name="connsiteX3209" fmla="*/ 2757698 w 6858000"/>
              <a:gd name="connsiteY3209" fmla="*/ 2883422 h 6858000"/>
              <a:gd name="connsiteX3210" fmla="*/ 2765067 w 6858000"/>
              <a:gd name="connsiteY3210" fmla="*/ 2883422 h 6858000"/>
              <a:gd name="connsiteX3211" fmla="*/ 2765067 w 6858000"/>
              <a:gd name="connsiteY3211" fmla="*/ 2876053 h 6858000"/>
              <a:gd name="connsiteX3212" fmla="*/ 2633789 w 6858000"/>
              <a:gd name="connsiteY3212" fmla="*/ 2875201 h 6858000"/>
              <a:gd name="connsiteX3213" fmla="*/ 2633789 w 6858000"/>
              <a:gd name="connsiteY3213" fmla="*/ 2884311 h 6858000"/>
              <a:gd name="connsiteX3214" fmla="*/ 2642899 w 6858000"/>
              <a:gd name="connsiteY3214" fmla="*/ 2884311 h 6858000"/>
              <a:gd name="connsiteX3215" fmla="*/ 2642899 w 6858000"/>
              <a:gd name="connsiteY3215" fmla="*/ 2875201 h 6858000"/>
              <a:gd name="connsiteX3216" fmla="*/ 2509399 w 6858000"/>
              <a:gd name="connsiteY3216" fmla="*/ 2873868 h 6858000"/>
              <a:gd name="connsiteX3217" fmla="*/ 2509399 w 6858000"/>
              <a:gd name="connsiteY3217" fmla="*/ 2885607 h 6858000"/>
              <a:gd name="connsiteX3218" fmla="*/ 2521138 w 6858000"/>
              <a:gd name="connsiteY3218" fmla="*/ 2885607 h 6858000"/>
              <a:gd name="connsiteX3219" fmla="*/ 2521138 w 6858000"/>
              <a:gd name="connsiteY3219" fmla="*/ 2873868 h 6858000"/>
              <a:gd name="connsiteX3220" fmla="*/ 2385045 w 6858000"/>
              <a:gd name="connsiteY3220" fmla="*/ 2872572 h 6858000"/>
              <a:gd name="connsiteX3221" fmla="*/ 2385045 w 6858000"/>
              <a:gd name="connsiteY3221" fmla="*/ 2886903 h 6858000"/>
              <a:gd name="connsiteX3222" fmla="*/ 2399376 w 6858000"/>
              <a:gd name="connsiteY3222" fmla="*/ 2886903 h 6858000"/>
              <a:gd name="connsiteX3223" fmla="*/ 2399376 w 6858000"/>
              <a:gd name="connsiteY3223" fmla="*/ 2872572 h 6858000"/>
              <a:gd name="connsiteX3224" fmla="*/ 2260470 w 6858000"/>
              <a:gd name="connsiteY3224" fmla="*/ 2871054 h 6858000"/>
              <a:gd name="connsiteX3225" fmla="*/ 2260470 w 6858000"/>
              <a:gd name="connsiteY3225" fmla="*/ 2888422 h 6858000"/>
              <a:gd name="connsiteX3226" fmla="*/ 2277838 w 6858000"/>
              <a:gd name="connsiteY3226" fmla="*/ 2888422 h 6858000"/>
              <a:gd name="connsiteX3227" fmla="*/ 2277838 w 6858000"/>
              <a:gd name="connsiteY3227" fmla="*/ 2871054 h 6858000"/>
              <a:gd name="connsiteX3228" fmla="*/ 2135672 w 6858000"/>
              <a:gd name="connsiteY3228" fmla="*/ 2869313 h 6858000"/>
              <a:gd name="connsiteX3229" fmla="*/ 2135672 w 6858000"/>
              <a:gd name="connsiteY3229" fmla="*/ 2890162 h 6858000"/>
              <a:gd name="connsiteX3230" fmla="*/ 2156521 w 6858000"/>
              <a:gd name="connsiteY3230" fmla="*/ 2890162 h 6858000"/>
              <a:gd name="connsiteX3231" fmla="*/ 2156521 w 6858000"/>
              <a:gd name="connsiteY3231" fmla="*/ 2869313 h 6858000"/>
              <a:gd name="connsiteX3232" fmla="*/ 2010874 w 6858000"/>
              <a:gd name="connsiteY3232" fmla="*/ 2867573 h 6858000"/>
              <a:gd name="connsiteX3233" fmla="*/ 2010874 w 6858000"/>
              <a:gd name="connsiteY3233" fmla="*/ 2891903 h 6858000"/>
              <a:gd name="connsiteX3234" fmla="*/ 2035204 w 6858000"/>
              <a:gd name="connsiteY3234" fmla="*/ 2891903 h 6858000"/>
              <a:gd name="connsiteX3235" fmla="*/ 2035204 w 6858000"/>
              <a:gd name="connsiteY3235" fmla="*/ 2867573 h 6858000"/>
              <a:gd name="connsiteX3236" fmla="*/ 1885854 w 6858000"/>
              <a:gd name="connsiteY3236" fmla="*/ 2865647 h 6858000"/>
              <a:gd name="connsiteX3237" fmla="*/ 1885854 w 6858000"/>
              <a:gd name="connsiteY3237" fmla="*/ 2893865 h 6858000"/>
              <a:gd name="connsiteX3238" fmla="*/ 1914072 w 6858000"/>
              <a:gd name="connsiteY3238" fmla="*/ 2893865 h 6858000"/>
              <a:gd name="connsiteX3239" fmla="*/ 1914072 w 6858000"/>
              <a:gd name="connsiteY3239" fmla="*/ 2865647 h 6858000"/>
              <a:gd name="connsiteX3240" fmla="*/ 1760834 w 6858000"/>
              <a:gd name="connsiteY3240" fmla="*/ 2863647 h 6858000"/>
              <a:gd name="connsiteX3241" fmla="*/ 1760834 w 6858000"/>
              <a:gd name="connsiteY3241" fmla="*/ 2895791 h 6858000"/>
              <a:gd name="connsiteX3242" fmla="*/ 1792978 w 6858000"/>
              <a:gd name="connsiteY3242" fmla="*/ 2895791 h 6858000"/>
              <a:gd name="connsiteX3243" fmla="*/ 1792978 w 6858000"/>
              <a:gd name="connsiteY3243" fmla="*/ 2863647 h 6858000"/>
              <a:gd name="connsiteX3244" fmla="*/ 1635814 w 6858000"/>
              <a:gd name="connsiteY3244" fmla="*/ 2861722 h 6858000"/>
              <a:gd name="connsiteX3245" fmla="*/ 1635814 w 6858000"/>
              <a:gd name="connsiteY3245" fmla="*/ 2897754 h 6858000"/>
              <a:gd name="connsiteX3246" fmla="*/ 1671846 w 6858000"/>
              <a:gd name="connsiteY3246" fmla="*/ 2897754 h 6858000"/>
              <a:gd name="connsiteX3247" fmla="*/ 1671846 w 6858000"/>
              <a:gd name="connsiteY3247" fmla="*/ 2861722 h 6858000"/>
              <a:gd name="connsiteX3248" fmla="*/ 1510831 w 6858000"/>
              <a:gd name="connsiteY3248" fmla="*/ 2859760 h 6858000"/>
              <a:gd name="connsiteX3249" fmla="*/ 1510831 w 6858000"/>
              <a:gd name="connsiteY3249" fmla="*/ 2899717 h 6858000"/>
              <a:gd name="connsiteX3250" fmla="*/ 1550789 w 6858000"/>
              <a:gd name="connsiteY3250" fmla="*/ 2899717 h 6858000"/>
              <a:gd name="connsiteX3251" fmla="*/ 1550789 w 6858000"/>
              <a:gd name="connsiteY3251" fmla="*/ 2859760 h 6858000"/>
              <a:gd name="connsiteX3252" fmla="*/ 1385811 w 6858000"/>
              <a:gd name="connsiteY3252" fmla="*/ 2857796 h 6858000"/>
              <a:gd name="connsiteX3253" fmla="*/ 1385811 w 6858000"/>
              <a:gd name="connsiteY3253" fmla="*/ 2901679 h 6858000"/>
              <a:gd name="connsiteX3254" fmla="*/ 1429694 w 6858000"/>
              <a:gd name="connsiteY3254" fmla="*/ 2901679 h 6858000"/>
              <a:gd name="connsiteX3255" fmla="*/ 1429694 w 6858000"/>
              <a:gd name="connsiteY3255" fmla="*/ 2857796 h 6858000"/>
              <a:gd name="connsiteX3256" fmla="*/ 1261013 w 6858000"/>
              <a:gd name="connsiteY3256" fmla="*/ 2856093 h 6858000"/>
              <a:gd name="connsiteX3257" fmla="*/ 1261013 w 6858000"/>
              <a:gd name="connsiteY3257" fmla="*/ 2903420 h 6858000"/>
              <a:gd name="connsiteX3258" fmla="*/ 1308340 w 6858000"/>
              <a:gd name="connsiteY3258" fmla="*/ 2903420 h 6858000"/>
              <a:gd name="connsiteX3259" fmla="*/ 1308340 w 6858000"/>
              <a:gd name="connsiteY3259" fmla="*/ 2856093 h 6858000"/>
              <a:gd name="connsiteX3260" fmla="*/ 1135993 w 6858000"/>
              <a:gd name="connsiteY3260" fmla="*/ 2854093 h 6858000"/>
              <a:gd name="connsiteX3261" fmla="*/ 1135993 w 6858000"/>
              <a:gd name="connsiteY3261" fmla="*/ 2905345 h 6858000"/>
              <a:gd name="connsiteX3262" fmla="*/ 1187245 w 6858000"/>
              <a:gd name="connsiteY3262" fmla="*/ 2905345 h 6858000"/>
              <a:gd name="connsiteX3263" fmla="*/ 1187245 w 6858000"/>
              <a:gd name="connsiteY3263" fmla="*/ 2854093 h 6858000"/>
              <a:gd name="connsiteX3264" fmla="*/ 1011417 w 6858000"/>
              <a:gd name="connsiteY3264" fmla="*/ 2852575 h 6858000"/>
              <a:gd name="connsiteX3265" fmla="*/ 1011417 w 6858000"/>
              <a:gd name="connsiteY3265" fmla="*/ 2906864 h 6858000"/>
              <a:gd name="connsiteX3266" fmla="*/ 1065706 w 6858000"/>
              <a:gd name="connsiteY3266" fmla="*/ 2906864 h 6858000"/>
              <a:gd name="connsiteX3267" fmla="*/ 1065706 w 6858000"/>
              <a:gd name="connsiteY3267" fmla="*/ 2852575 h 6858000"/>
              <a:gd name="connsiteX3268" fmla="*/ 886842 w 6858000"/>
              <a:gd name="connsiteY3268" fmla="*/ 2851057 h 6858000"/>
              <a:gd name="connsiteX3269" fmla="*/ 886842 w 6858000"/>
              <a:gd name="connsiteY3269" fmla="*/ 2908382 h 6858000"/>
              <a:gd name="connsiteX3270" fmla="*/ 944168 w 6858000"/>
              <a:gd name="connsiteY3270" fmla="*/ 2908382 h 6858000"/>
              <a:gd name="connsiteX3271" fmla="*/ 944168 w 6858000"/>
              <a:gd name="connsiteY3271" fmla="*/ 2851057 h 6858000"/>
              <a:gd name="connsiteX3272" fmla="*/ 762266 w 6858000"/>
              <a:gd name="connsiteY3272" fmla="*/ 2849538 h 6858000"/>
              <a:gd name="connsiteX3273" fmla="*/ 762266 w 6858000"/>
              <a:gd name="connsiteY3273" fmla="*/ 2909900 h 6858000"/>
              <a:gd name="connsiteX3274" fmla="*/ 822628 w 6858000"/>
              <a:gd name="connsiteY3274" fmla="*/ 2909900 h 6858000"/>
              <a:gd name="connsiteX3275" fmla="*/ 822628 w 6858000"/>
              <a:gd name="connsiteY3275" fmla="*/ 2849538 h 6858000"/>
              <a:gd name="connsiteX3276" fmla="*/ 638098 w 6858000"/>
              <a:gd name="connsiteY3276" fmla="*/ 2848464 h 6858000"/>
              <a:gd name="connsiteX3277" fmla="*/ 638098 w 6858000"/>
              <a:gd name="connsiteY3277" fmla="*/ 2911011 h 6858000"/>
              <a:gd name="connsiteX3278" fmla="*/ 700645 w 6858000"/>
              <a:gd name="connsiteY3278" fmla="*/ 2911011 h 6858000"/>
              <a:gd name="connsiteX3279" fmla="*/ 700645 w 6858000"/>
              <a:gd name="connsiteY3279" fmla="*/ 2848464 h 6858000"/>
              <a:gd name="connsiteX3280" fmla="*/ 513967 w 6858000"/>
              <a:gd name="connsiteY3280" fmla="*/ 2847353 h 6858000"/>
              <a:gd name="connsiteX3281" fmla="*/ 513967 w 6858000"/>
              <a:gd name="connsiteY3281" fmla="*/ 2912085 h 6858000"/>
              <a:gd name="connsiteX3282" fmla="*/ 578699 w 6858000"/>
              <a:gd name="connsiteY3282" fmla="*/ 2912085 h 6858000"/>
              <a:gd name="connsiteX3283" fmla="*/ 578699 w 6858000"/>
              <a:gd name="connsiteY3283" fmla="*/ 2847353 h 6858000"/>
              <a:gd name="connsiteX3284" fmla="*/ 390243 w 6858000"/>
              <a:gd name="connsiteY3284" fmla="*/ 2846724 h 6858000"/>
              <a:gd name="connsiteX3285" fmla="*/ 390243 w 6858000"/>
              <a:gd name="connsiteY3285" fmla="*/ 2912752 h 6858000"/>
              <a:gd name="connsiteX3286" fmla="*/ 456271 w 6858000"/>
              <a:gd name="connsiteY3286" fmla="*/ 2912752 h 6858000"/>
              <a:gd name="connsiteX3287" fmla="*/ 456271 w 6858000"/>
              <a:gd name="connsiteY3287" fmla="*/ 2846724 h 6858000"/>
              <a:gd name="connsiteX3288" fmla="*/ 20626 w 6858000"/>
              <a:gd name="connsiteY3288" fmla="*/ 2846279 h 6858000"/>
              <a:gd name="connsiteX3289" fmla="*/ 20626 w 6858000"/>
              <a:gd name="connsiteY3289" fmla="*/ 2913159 h 6858000"/>
              <a:gd name="connsiteX3290" fmla="*/ 87506 w 6858000"/>
              <a:gd name="connsiteY3290" fmla="*/ 2913159 h 6858000"/>
              <a:gd name="connsiteX3291" fmla="*/ 87506 w 6858000"/>
              <a:gd name="connsiteY3291" fmla="*/ 2846279 h 6858000"/>
              <a:gd name="connsiteX3292" fmla="*/ 266519 w 6858000"/>
              <a:gd name="connsiteY3292" fmla="*/ 2846057 h 6858000"/>
              <a:gd name="connsiteX3293" fmla="*/ 266519 w 6858000"/>
              <a:gd name="connsiteY3293" fmla="*/ 2913381 h 6858000"/>
              <a:gd name="connsiteX3294" fmla="*/ 333843 w 6858000"/>
              <a:gd name="connsiteY3294" fmla="*/ 2913381 h 6858000"/>
              <a:gd name="connsiteX3295" fmla="*/ 333843 w 6858000"/>
              <a:gd name="connsiteY3295" fmla="*/ 2846057 h 6858000"/>
              <a:gd name="connsiteX3296" fmla="*/ 143054 w 6858000"/>
              <a:gd name="connsiteY3296" fmla="*/ 2845650 h 6858000"/>
              <a:gd name="connsiteX3297" fmla="*/ 143054 w 6858000"/>
              <a:gd name="connsiteY3297" fmla="*/ 2913826 h 6858000"/>
              <a:gd name="connsiteX3298" fmla="*/ 211230 w 6858000"/>
              <a:gd name="connsiteY3298" fmla="*/ 2913826 h 6858000"/>
              <a:gd name="connsiteX3299" fmla="*/ 211230 w 6858000"/>
              <a:gd name="connsiteY3299" fmla="*/ 2845650 h 6858000"/>
              <a:gd name="connsiteX3300" fmla="*/ 4237904 w 6858000"/>
              <a:gd name="connsiteY3300" fmla="*/ 2756440 h 6858000"/>
              <a:gd name="connsiteX3301" fmla="*/ 4237904 w 6858000"/>
              <a:gd name="connsiteY3301" fmla="*/ 2756884 h 6858000"/>
              <a:gd name="connsiteX3302" fmla="*/ 4238348 w 6858000"/>
              <a:gd name="connsiteY3302" fmla="*/ 2756884 h 6858000"/>
              <a:gd name="connsiteX3303" fmla="*/ 4238348 w 6858000"/>
              <a:gd name="connsiteY3303" fmla="*/ 2756440 h 6858000"/>
              <a:gd name="connsiteX3304" fmla="*/ 4114847 w 6858000"/>
              <a:gd name="connsiteY3304" fmla="*/ 2756440 h 6858000"/>
              <a:gd name="connsiteX3305" fmla="*/ 4114847 w 6858000"/>
              <a:gd name="connsiteY3305" fmla="*/ 2756884 h 6858000"/>
              <a:gd name="connsiteX3306" fmla="*/ 4115291 w 6858000"/>
              <a:gd name="connsiteY3306" fmla="*/ 2756884 h 6858000"/>
              <a:gd name="connsiteX3307" fmla="*/ 4115291 w 6858000"/>
              <a:gd name="connsiteY3307" fmla="*/ 2756440 h 6858000"/>
              <a:gd name="connsiteX3308" fmla="*/ 3991789 w 6858000"/>
              <a:gd name="connsiteY3308" fmla="*/ 2756440 h 6858000"/>
              <a:gd name="connsiteX3309" fmla="*/ 3991789 w 6858000"/>
              <a:gd name="connsiteY3309" fmla="*/ 2756884 h 6858000"/>
              <a:gd name="connsiteX3310" fmla="*/ 3992234 w 6858000"/>
              <a:gd name="connsiteY3310" fmla="*/ 2756884 h 6858000"/>
              <a:gd name="connsiteX3311" fmla="*/ 3992234 w 6858000"/>
              <a:gd name="connsiteY3311" fmla="*/ 2756440 h 6858000"/>
              <a:gd name="connsiteX3312" fmla="*/ 3868732 w 6858000"/>
              <a:gd name="connsiteY3312" fmla="*/ 2756440 h 6858000"/>
              <a:gd name="connsiteX3313" fmla="*/ 3868732 w 6858000"/>
              <a:gd name="connsiteY3313" fmla="*/ 2756884 h 6858000"/>
              <a:gd name="connsiteX3314" fmla="*/ 3869176 w 6858000"/>
              <a:gd name="connsiteY3314" fmla="*/ 2756884 h 6858000"/>
              <a:gd name="connsiteX3315" fmla="*/ 3869176 w 6858000"/>
              <a:gd name="connsiteY3315" fmla="*/ 2756440 h 6858000"/>
              <a:gd name="connsiteX3316" fmla="*/ 3745675 w 6858000"/>
              <a:gd name="connsiteY3316" fmla="*/ 2756440 h 6858000"/>
              <a:gd name="connsiteX3317" fmla="*/ 3745675 w 6858000"/>
              <a:gd name="connsiteY3317" fmla="*/ 2756884 h 6858000"/>
              <a:gd name="connsiteX3318" fmla="*/ 3746119 w 6858000"/>
              <a:gd name="connsiteY3318" fmla="*/ 2756884 h 6858000"/>
              <a:gd name="connsiteX3319" fmla="*/ 3746119 w 6858000"/>
              <a:gd name="connsiteY3319" fmla="*/ 2756440 h 6858000"/>
              <a:gd name="connsiteX3320" fmla="*/ 3622617 w 6858000"/>
              <a:gd name="connsiteY3320" fmla="*/ 2756440 h 6858000"/>
              <a:gd name="connsiteX3321" fmla="*/ 3622617 w 6858000"/>
              <a:gd name="connsiteY3321" fmla="*/ 2756884 h 6858000"/>
              <a:gd name="connsiteX3322" fmla="*/ 3623061 w 6858000"/>
              <a:gd name="connsiteY3322" fmla="*/ 2756884 h 6858000"/>
              <a:gd name="connsiteX3323" fmla="*/ 3623061 w 6858000"/>
              <a:gd name="connsiteY3323" fmla="*/ 2756440 h 6858000"/>
              <a:gd name="connsiteX3324" fmla="*/ 3499338 w 6858000"/>
              <a:gd name="connsiteY3324" fmla="*/ 2756254 h 6858000"/>
              <a:gd name="connsiteX3325" fmla="*/ 3499338 w 6858000"/>
              <a:gd name="connsiteY3325" fmla="*/ 2757106 h 6858000"/>
              <a:gd name="connsiteX3326" fmla="*/ 3500190 w 6858000"/>
              <a:gd name="connsiteY3326" fmla="*/ 2757106 h 6858000"/>
              <a:gd name="connsiteX3327" fmla="*/ 3500190 w 6858000"/>
              <a:gd name="connsiteY3327" fmla="*/ 2756254 h 6858000"/>
              <a:gd name="connsiteX3328" fmla="*/ 3376058 w 6858000"/>
              <a:gd name="connsiteY3328" fmla="*/ 2756032 h 6858000"/>
              <a:gd name="connsiteX3329" fmla="*/ 3376058 w 6858000"/>
              <a:gd name="connsiteY3329" fmla="*/ 2757328 h 6858000"/>
              <a:gd name="connsiteX3330" fmla="*/ 3377354 w 6858000"/>
              <a:gd name="connsiteY3330" fmla="*/ 2757328 h 6858000"/>
              <a:gd name="connsiteX3331" fmla="*/ 3377354 w 6858000"/>
              <a:gd name="connsiteY3331" fmla="*/ 2756032 h 6858000"/>
              <a:gd name="connsiteX3332" fmla="*/ 3252779 w 6858000"/>
              <a:gd name="connsiteY3332" fmla="*/ 2755811 h 6858000"/>
              <a:gd name="connsiteX3333" fmla="*/ 3252779 w 6858000"/>
              <a:gd name="connsiteY3333" fmla="*/ 2757551 h 6858000"/>
              <a:gd name="connsiteX3334" fmla="*/ 3254519 w 6858000"/>
              <a:gd name="connsiteY3334" fmla="*/ 2757551 h 6858000"/>
              <a:gd name="connsiteX3335" fmla="*/ 3254519 w 6858000"/>
              <a:gd name="connsiteY3335" fmla="*/ 2755811 h 6858000"/>
              <a:gd name="connsiteX3336" fmla="*/ 3129277 w 6858000"/>
              <a:gd name="connsiteY3336" fmla="*/ 2755366 h 6858000"/>
              <a:gd name="connsiteX3337" fmla="*/ 3129277 w 6858000"/>
              <a:gd name="connsiteY3337" fmla="*/ 2757958 h 6858000"/>
              <a:gd name="connsiteX3338" fmla="*/ 3131869 w 6858000"/>
              <a:gd name="connsiteY3338" fmla="*/ 2757958 h 6858000"/>
              <a:gd name="connsiteX3339" fmla="*/ 3131869 w 6858000"/>
              <a:gd name="connsiteY3339" fmla="*/ 2755366 h 6858000"/>
              <a:gd name="connsiteX3340" fmla="*/ 3005553 w 6858000"/>
              <a:gd name="connsiteY3340" fmla="*/ 2754700 h 6858000"/>
              <a:gd name="connsiteX3341" fmla="*/ 3005553 w 6858000"/>
              <a:gd name="connsiteY3341" fmla="*/ 2758625 h 6858000"/>
              <a:gd name="connsiteX3342" fmla="*/ 3009478 w 6858000"/>
              <a:gd name="connsiteY3342" fmla="*/ 2758625 h 6858000"/>
              <a:gd name="connsiteX3343" fmla="*/ 3009478 w 6858000"/>
              <a:gd name="connsiteY3343" fmla="*/ 2754700 h 6858000"/>
              <a:gd name="connsiteX3344" fmla="*/ 2881866 w 6858000"/>
              <a:gd name="connsiteY3344" fmla="*/ 2754070 h 6858000"/>
              <a:gd name="connsiteX3345" fmla="*/ 2881866 w 6858000"/>
              <a:gd name="connsiteY3345" fmla="*/ 2759291 h 6858000"/>
              <a:gd name="connsiteX3346" fmla="*/ 2887087 w 6858000"/>
              <a:gd name="connsiteY3346" fmla="*/ 2759291 h 6858000"/>
              <a:gd name="connsiteX3347" fmla="*/ 2887087 w 6858000"/>
              <a:gd name="connsiteY3347" fmla="*/ 2754070 h 6858000"/>
              <a:gd name="connsiteX3348" fmla="*/ 2757920 w 6858000"/>
              <a:gd name="connsiteY3348" fmla="*/ 2753181 h 6858000"/>
              <a:gd name="connsiteX3349" fmla="*/ 2757920 w 6858000"/>
              <a:gd name="connsiteY3349" fmla="*/ 2760143 h 6858000"/>
              <a:gd name="connsiteX3350" fmla="*/ 2764882 w 6858000"/>
              <a:gd name="connsiteY3350" fmla="*/ 2760143 h 6858000"/>
              <a:gd name="connsiteX3351" fmla="*/ 2764882 w 6858000"/>
              <a:gd name="connsiteY3351" fmla="*/ 2753181 h 6858000"/>
              <a:gd name="connsiteX3352" fmla="*/ 2633789 w 6858000"/>
              <a:gd name="connsiteY3352" fmla="*/ 2752107 h 6858000"/>
              <a:gd name="connsiteX3353" fmla="*/ 2633789 w 6858000"/>
              <a:gd name="connsiteY3353" fmla="*/ 2761217 h 6858000"/>
              <a:gd name="connsiteX3354" fmla="*/ 2642899 w 6858000"/>
              <a:gd name="connsiteY3354" fmla="*/ 2761217 h 6858000"/>
              <a:gd name="connsiteX3355" fmla="*/ 2642899 w 6858000"/>
              <a:gd name="connsiteY3355" fmla="*/ 2752107 h 6858000"/>
              <a:gd name="connsiteX3356" fmla="*/ 2509399 w 6858000"/>
              <a:gd name="connsiteY3356" fmla="*/ 2750811 h 6858000"/>
              <a:gd name="connsiteX3357" fmla="*/ 2509399 w 6858000"/>
              <a:gd name="connsiteY3357" fmla="*/ 2762550 h 6858000"/>
              <a:gd name="connsiteX3358" fmla="*/ 2521138 w 6858000"/>
              <a:gd name="connsiteY3358" fmla="*/ 2762550 h 6858000"/>
              <a:gd name="connsiteX3359" fmla="*/ 2521138 w 6858000"/>
              <a:gd name="connsiteY3359" fmla="*/ 2750811 h 6858000"/>
              <a:gd name="connsiteX3360" fmla="*/ 2384823 w 6858000"/>
              <a:gd name="connsiteY3360" fmla="*/ 2749292 h 6858000"/>
              <a:gd name="connsiteX3361" fmla="*/ 2384823 w 6858000"/>
              <a:gd name="connsiteY3361" fmla="*/ 2764068 h 6858000"/>
              <a:gd name="connsiteX3362" fmla="*/ 2399599 w 6858000"/>
              <a:gd name="connsiteY3362" fmla="*/ 2764068 h 6858000"/>
              <a:gd name="connsiteX3363" fmla="*/ 2399599 w 6858000"/>
              <a:gd name="connsiteY3363" fmla="*/ 2749292 h 6858000"/>
              <a:gd name="connsiteX3364" fmla="*/ 2260247 w 6858000"/>
              <a:gd name="connsiteY3364" fmla="*/ 2747775 h 6858000"/>
              <a:gd name="connsiteX3365" fmla="*/ 2260247 w 6858000"/>
              <a:gd name="connsiteY3365" fmla="*/ 2765587 h 6858000"/>
              <a:gd name="connsiteX3366" fmla="*/ 2278059 w 6858000"/>
              <a:gd name="connsiteY3366" fmla="*/ 2765587 h 6858000"/>
              <a:gd name="connsiteX3367" fmla="*/ 2278059 w 6858000"/>
              <a:gd name="connsiteY3367" fmla="*/ 2747775 h 6858000"/>
              <a:gd name="connsiteX3368" fmla="*/ 2135227 w 6858000"/>
              <a:gd name="connsiteY3368" fmla="*/ 2745848 h 6858000"/>
              <a:gd name="connsiteX3369" fmla="*/ 2135227 w 6858000"/>
              <a:gd name="connsiteY3369" fmla="*/ 2767549 h 6858000"/>
              <a:gd name="connsiteX3370" fmla="*/ 2156928 w 6858000"/>
              <a:gd name="connsiteY3370" fmla="*/ 2767549 h 6858000"/>
              <a:gd name="connsiteX3371" fmla="*/ 2156928 w 6858000"/>
              <a:gd name="connsiteY3371" fmla="*/ 2745848 h 6858000"/>
              <a:gd name="connsiteX3372" fmla="*/ 2010207 w 6858000"/>
              <a:gd name="connsiteY3372" fmla="*/ 2743849 h 6858000"/>
              <a:gd name="connsiteX3373" fmla="*/ 2010207 w 6858000"/>
              <a:gd name="connsiteY3373" fmla="*/ 2769475 h 6858000"/>
              <a:gd name="connsiteX3374" fmla="*/ 2035833 w 6858000"/>
              <a:gd name="connsiteY3374" fmla="*/ 2769475 h 6858000"/>
              <a:gd name="connsiteX3375" fmla="*/ 2035833 w 6858000"/>
              <a:gd name="connsiteY3375" fmla="*/ 2743849 h 6858000"/>
              <a:gd name="connsiteX3376" fmla="*/ 1885224 w 6858000"/>
              <a:gd name="connsiteY3376" fmla="*/ 2741887 h 6858000"/>
              <a:gd name="connsiteX3377" fmla="*/ 1885224 w 6858000"/>
              <a:gd name="connsiteY3377" fmla="*/ 2771438 h 6858000"/>
              <a:gd name="connsiteX3378" fmla="*/ 1914776 w 6858000"/>
              <a:gd name="connsiteY3378" fmla="*/ 2771438 h 6858000"/>
              <a:gd name="connsiteX3379" fmla="*/ 1914776 w 6858000"/>
              <a:gd name="connsiteY3379" fmla="*/ 2741887 h 6858000"/>
              <a:gd name="connsiteX3380" fmla="*/ 1759760 w 6858000"/>
              <a:gd name="connsiteY3380" fmla="*/ 2739516 h 6858000"/>
              <a:gd name="connsiteX3381" fmla="*/ 1759760 w 6858000"/>
              <a:gd name="connsiteY3381" fmla="*/ 2773845 h 6858000"/>
              <a:gd name="connsiteX3382" fmla="*/ 1794089 w 6858000"/>
              <a:gd name="connsiteY3382" fmla="*/ 2773845 h 6858000"/>
              <a:gd name="connsiteX3383" fmla="*/ 1794089 w 6858000"/>
              <a:gd name="connsiteY3383" fmla="*/ 2739516 h 6858000"/>
              <a:gd name="connsiteX3384" fmla="*/ 1634740 w 6858000"/>
              <a:gd name="connsiteY3384" fmla="*/ 2737553 h 6858000"/>
              <a:gd name="connsiteX3385" fmla="*/ 1634740 w 6858000"/>
              <a:gd name="connsiteY3385" fmla="*/ 2775770 h 6858000"/>
              <a:gd name="connsiteX3386" fmla="*/ 1672957 w 6858000"/>
              <a:gd name="connsiteY3386" fmla="*/ 2775770 h 6858000"/>
              <a:gd name="connsiteX3387" fmla="*/ 1672957 w 6858000"/>
              <a:gd name="connsiteY3387" fmla="*/ 2737553 h 6858000"/>
              <a:gd name="connsiteX3388" fmla="*/ 1509498 w 6858000"/>
              <a:gd name="connsiteY3388" fmla="*/ 2735406 h 6858000"/>
              <a:gd name="connsiteX3389" fmla="*/ 1509498 w 6858000"/>
              <a:gd name="connsiteY3389" fmla="*/ 2777955 h 6858000"/>
              <a:gd name="connsiteX3390" fmla="*/ 1552048 w 6858000"/>
              <a:gd name="connsiteY3390" fmla="*/ 2777955 h 6858000"/>
              <a:gd name="connsiteX3391" fmla="*/ 1552048 w 6858000"/>
              <a:gd name="connsiteY3391" fmla="*/ 2735406 h 6858000"/>
              <a:gd name="connsiteX3392" fmla="*/ 1384293 w 6858000"/>
              <a:gd name="connsiteY3392" fmla="*/ 2733220 h 6858000"/>
              <a:gd name="connsiteX3393" fmla="*/ 1384293 w 6858000"/>
              <a:gd name="connsiteY3393" fmla="*/ 2780140 h 6858000"/>
              <a:gd name="connsiteX3394" fmla="*/ 1431213 w 6858000"/>
              <a:gd name="connsiteY3394" fmla="*/ 2780140 h 6858000"/>
              <a:gd name="connsiteX3395" fmla="*/ 1431213 w 6858000"/>
              <a:gd name="connsiteY3395" fmla="*/ 2733220 h 6858000"/>
              <a:gd name="connsiteX3396" fmla="*/ 1259050 w 6858000"/>
              <a:gd name="connsiteY3396" fmla="*/ 2731036 h 6858000"/>
              <a:gd name="connsiteX3397" fmla="*/ 1259050 w 6858000"/>
              <a:gd name="connsiteY3397" fmla="*/ 2782288 h 6858000"/>
              <a:gd name="connsiteX3398" fmla="*/ 1310302 w 6858000"/>
              <a:gd name="connsiteY3398" fmla="*/ 2782288 h 6858000"/>
              <a:gd name="connsiteX3399" fmla="*/ 1310302 w 6858000"/>
              <a:gd name="connsiteY3399" fmla="*/ 2731036 h 6858000"/>
              <a:gd name="connsiteX3400" fmla="*/ 1134030 w 6858000"/>
              <a:gd name="connsiteY3400" fmla="*/ 2729073 h 6858000"/>
              <a:gd name="connsiteX3401" fmla="*/ 1134030 w 6858000"/>
              <a:gd name="connsiteY3401" fmla="*/ 2784251 h 6858000"/>
              <a:gd name="connsiteX3402" fmla="*/ 1189208 w 6858000"/>
              <a:gd name="connsiteY3402" fmla="*/ 2784251 h 6858000"/>
              <a:gd name="connsiteX3403" fmla="*/ 1189208 w 6858000"/>
              <a:gd name="connsiteY3403" fmla="*/ 2729073 h 6858000"/>
              <a:gd name="connsiteX3404" fmla="*/ 1009232 w 6858000"/>
              <a:gd name="connsiteY3404" fmla="*/ 2727369 h 6858000"/>
              <a:gd name="connsiteX3405" fmla="*/ 1009232 w 6858000"/>
              <a:gd name="connsiteY3405" fmla="*/ 2785991 h 6858000"/>
              <a:gd name="connsiteX3406" fmla="*/ 1067854 w 6858000"/>
              <a:gd name="connsiteY3406" fmla="*/ 2785991 h 6858000"/>
              <a:gd name="connsiteX3407" fmla="*/ 1067854 w 6858000"/>
              <a:gd name="connsiteY3407" fmla="*/ 2727369 h 6858000"/>
              <a:gd name="connsiteX3408" fmla="*/ 884657 w 6858000"/>
              <a:gd name="connsiteY3408" fmla="*/ 2725852 h 6858000"/>
              <a:gd name="connsiteX3409" fmla="*/ 884657 w 6858000"/>
              <a:gd name="connsiteY3409" fmla="*/ 2787510 h 6858000"/>
              <a:gd name="connsiteX3410" fmla="*/ 946315 w 6858000"/>
              <a:gd name="connsiteY3410" fmla="*/ 2787510 h 6858000"/>
              <a:gd name="connsiteX3411" fmla="*/ 946315 w 6858000"/>
              <a:gd name="connsiteY3411" fmla="*/ 2725852 h 6858000"/>
              <a:gd name="connsiteX3412" fmla="*/ 760081 w 6858000"/>
              <a:gd name="connsiteY3412" fmla="*/ 2724296 h 6858000"/>
              <a:gd name="connsiteX3413" fmla="*/ 760081 w 6858000"/>
              <a:gd name="connsiteY3413" fmla="*/ 2789028 h 6858000"/>
              <a:gd name="connsiteX3414" fmla="*/ 824813 w 6858000"/>
              <a:gd name="connsiteY3414" fmla="*/ 2789028 h 6858000"/>
              <a:gd name="connsiteX3415" fmla="*/ 824813 w 6858000"/>
              <a:gd name="connsiteY3415" fmla="*/ 2724296 h 6858000"/>
              <a:gd name="connsiteX3416" fmla="*/ 635728 w 6858000"/>
              <a:gd name="connsiteY3416" fmla="*/ 2723000 h 6858000"/>
              <a:gd name="connsiteX3417" fmla="*/ 635728 w 6858000"/>
              <a:gd name="connsiteY3417" fmla="*/ 2790324 h 6858000"/>
              <a:gd name="connsiteX3418" fmla="*/ 703052 w 6858000"/>
              <a:gd name="connsiteY3418" fmla="*/ 2790324 h 6858000"/>
              <a:gd name="connsiteX3419" fmla="*/ 703052 w 6858000"/>
              <a:gd name="connsiteY3419" fmla="*/ 2723000 h 6858000"/>
              <a:gd name="connsiteX3420" fmla="*/ 511559 w 6858000"/>
              <a:gd name="connsiteY3420" fmla="*/ 2721926 h 6858000"/>
              <a:gd name="connsiteX3421" fmla="*/ 511559 w 6858000"/>
              <a:gd name="connsiteY3421" fmla="*/ 2791435 h 6858000"/>
              <a:gd name="connsiteX3422" fmla="*/ 581068 w 6858000"/>
              <a:gd name="connsiteY3422" fmla="*/ 2791435 h 6858000"/>
              <a:gd name="connsiteX3423" fmla="*/ 581068 w 6858000"/>
              <a:gd name="connsiteY3423" fmla="*/ 2721926 h 6858000"/>
              <a:gd name="connsiteX3424" fmla="*/ 387650 w 6858000"/>
              <a:gd name="connsiteY3424" fmla="*/ 2721075 h 6858000"/>
              <a:gd name="connsiteX3425" fmla="*/ 387650 w 6858000"/>
              <a:gd name="connsiteY3425" fmla="*/ 2792287 h 6858000"/>
              <a:gd name="connsiteX3426" fmla="*/ 458863 w 6858000"/>
              <a:gd name="connsiteY3426" fmla="*/ 2792287 h 6858000"/>
              <a:gd name="connsiteX3427" fmla="*/ 458863 w 6858000"/>
              <a:gd name="connsiteY3427" fmla="*/ 2721075 h 6858000"/>
              <a:gd name="connsiteX3428" fmla="*/ 18034 w 6858000"/>
              <a:gd name="connsiteY3428" fmla="*/ 2720630 h 6858000"/>
              <a:gd name="connsiteX3429" fmla="*/ 18034 w 6858000"/>
              <a:gd name="connsiteY3429" fmla="*/ 2792731 h 6858000"/>
              <a:gd name="connsiteX3430" fmla="*/ 90135 w 6858000"/>
              <a:gd name="connsiteY3430" fmla="*/ 2792731 h 6858000"/>
              <a:gd name="connsiteX3431" fmla="*/ 90135 w 6858000"/>
              <a:gd name="connsiteY3431" fmla="*/ 2720630 h 6858000"/>
              <a:gd name="connsiteX3432" fmla="*/ 263927 w 6858000"/>
              <a:gd name="connsiteY3432" fmla="*/ 2720407 h 6858000"/>
              <a:gd name="connsiteX3433" fmla="*/ 263927 w 6858000"/>
              <a:gd name="connsiteY3433" fmla="*/ 2792953 h 6858000"/>
              <a:gd name="connsiteX3434" fmla="*/ 336473 w 6858000"/>
              <a:gd name="connsiteY3434" fmla="*/ 2792953 h 6858000"/>
              <a:gd name="connsiteX3435" fmla="*/ 336473 w 6858000"/>
              <a:gd name="connsiteY3435" fmla="*/ 2720407 h 6858000"/>
              <a:gd name="connsiteX3436" fmla="*/ 140425 w 6858000"/>
              <a:gd name="connsiteY3436" fmla="*/ 2719964 h 6858000"/>
              <a:gd name="connsiteX3437" fmla="*/ 140425 w 6858000"/>
              <a:gd name="connsiteY3437" fmla="*/ 2793361 h 6858000"/>
              <a:gd name="connsiteX3438" fmla="*/ 213822 w 6858000"/>
              <a:gd name="connsiteY3438" fmla="*/ 2793361 h 6858000"/>
              <a:gd name="connsiteX3439" fmla="*/ 213822 w 6858000"/>
              <a:gd name="connsiteY3439" fmla="*/ 2719964 h 6858000"/>
              <a:gd name="connsiteX3440" fmla="*/ 4114847 w 6858000"/>
              <a:gd name="connsiteY3440" fmla="*/ 2633383 h 6858000"/>
              <a:gd name="connsiteX3441" fmla="*/ 4114847 w 6858000"/>
              <a:gd name="connsiteY3441" fmla="*/ 2633827 h 6858000"/>
              <a:gd name="connsiteX3442" fmla="*/ 4115291 w 6858000"/>
              <a:gd name="connsiteY3442" fmla="*/ 2633827 h 6858000"/>
              <a:gd name="connsiteX3443" fmla="*/ 4115291 w 6858000"/>
              <a:gd name="connsiteY3443" fmla="*/ 2633383 h 6858000"/>
              <a:gd name="connsiteX3444" fmla="*/ 3991789 w 6858000"/>
              <a:gd name="connsiteY3444" fmla="*/ 2633383 h 6858000"/>
              <a:gd name="connsiteX3445" fmla="*/ 3991789 w 6858000"/>
              <a:gd name="connsiteY3445" fmla="*/ 2633827 h 6858000"/>
              <a:gd name="connsiteX3446" fmla="*/ 3992234 w 6858000"/>
              <a:gd name="connsiteY3446" fmla="*/ 2633827 h 6858000"/>
              <a:gd name="connsiteX3447" fmla="*/ 3992234 w 6858000"/>
              <a:gd name="connsiteY3447" fmla="*/ 2633383 h 6858000"/>
              <a:gd name="connsiteX3448" fmla="*/ 3868732 w 6858000"/>
              <a:gd name="connsiteY3448" fmla="*/ 2633383 h 6858000"/>
              <a:gd name="connsiteX3449" fmla="*/ 3868732 w 6858000"/>
              <a:gd name="connsiteY3449" fmla="*/ 2633827 h 6858000"/>
              <a:gd name="connsiteX3450" fmla="*/ 3869176 w 6858000"/>
              <a:gd name="connsiteY3450" fmla="*/ 2633827 h 6858000"/>
              <a:gd name="connsiteX3451" fmla="*/ 3869176 w 6858000"/>
              <a:gd name="connsiteY3451" fmla="*/ 2633383 h 6858000"/>
              <a:gd name="connsiteX3452" fmla="*/ 3745675 w 6858000"/>
              <a:gd name="connsiteY3452" fmla="*/ 2633383 h 6858000"/>
              <a:gd name="connsiteX3453" fmla="*/ 3745675 w 6858000"/>
              <a:gd name="connsiteY3453" fmla="*/ 2633827 h 6858000"/>
              <a:gd name="connsiteX3454" fmla="*/ 3746119 w 6858000"/>
              <a:gd name="connsiteY3454" fmla="*/ 2633827 h 6858000"/>
              <a:gd name="connsiteX3455" fmla="*/ 3746119 w 6858000"/>
              <a:gd name="connsiteY3455" fmla="*/ 2633383 h 6858000"/>
              <a:gd name="connsiteX3456" fmla="*/ 3622617 w 6858000"/>
              <a:gd name="connsiteY3456" fmla="*/ 2633383 h 6858000"/>
              <a:gd name="connsiteX3457" fmla="*/ 3622617 w 6858000"/>
              <a:gd name="connsiteY3457" fmla="*/ 2633827 h 6858000"/>
              <a:gd name="connsiteX3458" fmla="*/ 3623061 w 6858000"/>
              <a:gd name="connsiteY3458" fmla="*/ 2633827 h 6858000"/>
              <a:gd name="connsiteX3459" fmla="*/ 3623061 w 6858000"/>
              <a:gd name="connsiteY3459" fmla="*/ 2633383 h 6858000"/>
              <a:gd name="connsiteX3460" fmla="*/ 3499338 w 6858000"/>
              <a:gd name="connsiteY3460" fmla="*/ 2633197 h 6858000"/>
              <a:gd name="connsiteX3461" fmla="*/ 3499338 w 6858000"/>
              <a:gd name="connsiteY3461" fmla="*/ 2634049 h 6858000"/>
              <a:gd name="connsiteX3462" fmla="*/ 3500190 w 6858000"/>
              <a:gd name="connsiteY3462" fmla="*/ 2634049 h 6858000"/>
              <a:gd name="connsiteX3463" fmla="*/ 3500190 w 6858000"/>
              <a:gd name="connsiteY3463" fmla="*/ 2633197 h 6858000"/>
              <a:gd name="connsiteX3464" fmla="*/ 3376058 w 6858000"/>
              <a:gd name="connsiteY3464" fmla="*/ 2632976 h 6858000"/>
              <a:gd name="connsiteX3465" fmla="*/ 3376058 w 6858000"/>
              <a:gd name="connsiteY3465" fmla="*/ 2634271 h 6858000"/>
              <a:gd name="connsiteX3466" fmla="*/ 3377354 w 6858000"/>
              <a:gd name="connsiteY3466" fmla="*/ 2634271 h 6858000"/>
              <a:gd name="connsiteX3467" fmla="*/ 3377354 w 6858000"/>
              <a:gd name="connsiteY3467" fmla="*/ 2632976 h 6858000"/>
              <a:gd name="connsiteX3468" fmla="*/ 3252779 w 6858000"/>
              <a:gd name="connsiteY3468" fmla="*/ 2632753 h 6858000"/>
              <a:gd name="connsiteX3469" fmla="*/ 3252779 w 6858000"/>
              <a:gd name="connsiteY3469" fmla="*/ 2634494 h 6858000"/>
              <a:gd name="connsiteX3470" fmla="*/ 3254519 w 6858000"/>
              <a:gd name="connsiteY3470" fmla="*/ 2634494 h 6858000"/>
              <a:gd name="connsiteX3471" fmla="*/ 3254519 w 6858000"/>
              <a:gd name="connsiteY3471" fmla="*/ 2632753 h 6858000"/>
              <a:gd name="connsiteX3472" fmla="*/ 3129277 w 6858000"/>
              <a:gd name="connsiteY3472" fmla="*/ 2632309 h 6858000"/>
              <a:gd name="connsiteX3473" fmla="*/ 3129277 w 6858000"/>
              <a:gd name="connsiteY3473" fmla="*/ 2634901 h 6858000"/>
              <a:gd name="connsiteX3474" fmla="*/ 3131869 w 6858000"/>
              <a:gd name="connsiteY3474" fmla="*/ 2634901 h 6858000"/>
              <a:gd name="connsiteX3475" fmla="*/ 3131869 w 6858000"/>
              <a:gd name="connsiteY3475" fmla="*/ 2632309 h 6858000"/>
              <a:gd name="connsiteX3476" fmla="*/ 3005776 w 6858000"/>
              <a:gd name="connsiteY3476" fmla="*/ 2631865 h 6858000"/>
              <a:gd name="connsiteX3477" fmla="*/ 3005776 w 6858000"/>
              <a:gd name="connsiteY3477" fmla="*/ 2635345 h 6858000"/>
              <a:gd name="connsiteX3478" fmla="*/ 3009257 w 6858000"/>
              <a:gd name="connsiteY3478" fmla="*/ 2635345 h 6858000"/>
              <a:gd name="connsiteX3479" fmla="*/ 3009257 w 6858000"/>
              <a:gd name="connsiteY3479" fmla="*/ 2631865 h 6858000"/>
              <a:gd name="connsiteX3480" fmla="*/ 2882052 w 6858000"/>
              <a:gd name="connsiteY3480" fmla="*/ 2631235 h 6858000"/>
              <a:gd name="connsiteX3481" fmla="*/ 2882052 w 6858000"/>
              <a:gd name="connsiteY3481" fmla="*/ 2636012 h 6858000"/>
              <a:gd name="connsiteX3482" fmla="*/ 2886829 w 6858000"/>
              <a:gd name="connsiteY3482" fmla="*/ 2636012 h 6858000"/>
              <a:gd name="connsiteX3483" fmla="*/ 2886829 w 6858000"/>
              <a:gd name="connsiteY3483" fmla="*/ 2631235 h 6858000"/>
              <a:gd name="connsiteX3484" fmla="*/ 2757920 w 6858000"/>
              <a:gd name="connsiteY3484" fmla="*/ 2630125 h 6858000"/>
              <a:gd name="connsiteX3485" fmla="*/ 2757920 w 6858000"/>
              <a:gd name="connsiteY3485" fmla="*/ 2637086 h 6858000"/>
              <a:gd name="connsiteX3486" fmla="*/ 2764882 w 6858000"/>
              <a:gd name="connsiteY3486" fmla="*/ 2637086 h 6858000"/>
              <a:gd name="connsiteX3487" fmla="*/ 2764882 w 6858000"/>
              <a:gd name="connsiteY3487" fmla="*/ 2630125 h 6858000"/>
              <a:gd name="connsiteX3488" fmla="*/ 2633789 w 6858000"/>
              <a:gd name="connsiteY3488" fmla="*/ 2629050 h 6858000"/>
              <a:gd name="connsiteX3489" fmla="*/ 2633789 w 6858000"/>
              <a:gd name="connsiteY3489" fmla="*/ 2638159 h 6858000"/>
              <a:gd name="connsiteX3490" fmla="*/ 2642899 w 6858000"/>
              <a:gd name="connsiteY3490" fmla="*/ 2638159 h 6858000"/>
              <a:gd name="connsiteX3491" fmla="*/ 2642899 w 6858000"/>
              <a:gd name="connsiteY3491" fmla="*/ 2629050 h 6858000"/>
              <a:gd name="connsiteX3492" fmla="*/ 2509399 w 6858000"/>
              <a:gd name="connsiteY3492" fmla="*/ 2627754 h 6858000"/>
              <a:gd name="connsiteX3493" fmla="*/ 2509399 w 6858000"/>
              <a:gd name="connsiteY3493" fmla="*/ 2639493 h 6858000"/>
              <a:gd name="connsiteX3494" fmla="*/ 2521138 w 6858000"/>
              <a:gd name="connsiteY3494" fmla="*/ 2639493 h 6858000"/>
              <a:gd name="connsiteX3495" fmla="*/ 2521138 w 6858000"/>
              <a:gd name="connsiteY3495" fmla="*/ 2627754 h 6858000"/>
              <a:gd name="connsiteX3496" fmla="*/ 2384823 w 6858000"/>
              <a:gd name="connsiteY3496" fmla="*/ 2626236 h 6858000"/>
              <a:gd name="connsiteX3497" fmla="*/ 2384823 w 6858000"/>
              <a:gd name="connsiteY3497" fmla="*/ 2641011 h 6858000"/>
              <a:gd name="connsiteX3498" fmla="*/ 2399599 w 6858000"/>
              <a:gd name="connsiteY3498" fmla="*/ 2641011 h 6858000"/>
              <a:gd name="connsiteX3499" fmla="*/ 2399599 w 6858000"/>
              <a:gd name="connsiteY3499" fmla="*/ 2626236 h 6858000"/>
              <a:gd name="connsiteX3500" fmla="*/ 2260025 w 6858000"/>
              <a:gd name="connsiteY3500" fmla="*/ 2624494 h 6858000"/>
              <a:gd name="connsiteX3501" fmla="*/ 2260025 w 6858000"/>
              <a:gd name="connsiteY3501" fmla="*/ 2642751 h 6858000"/>
              <a:gd name="connsiteX3502" fmla="*/ 2278282 w 6858000"/>
              <a:gd name="connsiteY3502" fmla="*/ 2642751 h 6858000"/>
              <a:gd name="connsiteX3503" fmla="*/ 2278282 w 6858000"/>
              <a:gd name="connsiteY3503" fmla="*/ 2624494 h 6858000"/>
              <a:gd name="connsiteX3504" fmla="*/ 2135005 w 6858000"/>
              <a:gd name="connsiteY3504" fmla="*/ 2622532 h 6858000"/>
              <a:gd name="connsiteX3505" fmla="*/ 2135005 w 6858000"/>
              <a:gd name="connsiteY3505" fmla="*/ 2644677 h 6858000"/>
              <a:gd name="connsiteX3506" fmla="*/ 2157150 w 6858000"/>
              <a:gd name="connsiteY3506" fmla="*/ 2644677 h 6858000"/>
              <a:gd name="connsiteX3507" fmla="*/ 2157150 w 6858000"/>
              <a:gd name="connsiteY3507" fmla="*/ 2622532 h 6858000"/>
              <a:gd name="connsiteX3508" fmla="*/ 2009800 w 6858000"/>
              <a:gd name="connsiteY3508" fmla="*/ 2620384 h 6858000"/>
              <a:gd name="connsiteX3509" fmla="*/ 2009800 w 6858000"/>
              <a:gd name="connsiteY3509" fmla="*/ 2646862 h 6858000"/>
              <a:gd name="connsiteX3510" fmla="*/ 2036278 w 6858000"/>
              <a:gd name="connsiteY3510" fmla="*/ 2646862 h 6858000"/>
              <a:gd name="connsiteX3511" fmla="*/ 2036278 w 6858000"/>
              <a:gd name="connsiteY3511" fmla="*/ 2620384 h 6858000"/>
              <a:gd name="connsiteX3512" fmla="*/ 1884336 w 6858000"/>
              <a:gd name="connsiteY3512" fmla="*/ 2617977 h 6858000"/>
              <a:gd name="connsiteX3513" fmla="*/ 1884336 w 6858000"/>
              <a:gd name="connsiteY3513" fmla="*/ 2649232 h 6858000"/>
              <a:gd name="connsiteX3514" fmla="*/ 1915591 w 6858000"/>
              <a:gd name="connsiteY3514" fmla="*/ 2649232 h 6858000"/>
              <a:gd name="connsiteX3515" fmla="*/ 1915591 w 6858000"/>
              <a:gd name="connsiteY3515" fmla="*/ 2617977 h 6858000"/>
              <a:gd name="connsiteX3516" fmla="*/ 1758908 w 6858000"/>
              <a:gd name="connsiteY3516" fmla="*/ 2615607 h 6858000"/>
              <a:gd name="connsiteX3517" fmla="*/ 1758908 w 6858000"/>
              <a:gd name="connsiteY3517" fmla="*/ 2651639 h 6858000"/>
              <a:gd name="connsiteX3518" fmla="*/ 1794940 w 6858000"/>
              <a:gd name="connsiteY3518" fmla="*/ 2651639 h 6858000"/>
              <a:gd name="connsiteX3519" fmla="*/ 1794940 w 6858000"/>
              <a:gd name="connsiteY3519" fmla="*/ 2615607 h 6858000"/>
              <a:gd name="connsiteX3520" fmla="*/ 1633444 w 6858000"/>
              <a:gd name="connsiteY3520" fmla="*/ 2613200 h 6858000"/>
              <a:gd name="connsiteX3521" fmla="*/ 1633444 w 6858000"/>
              <a:gd name="connsiteY3521" fmla="*/ 2654009 h 6858000"/>
              <a:gd name="connsiteX3522" fmla="*/ 1674253 w 6858000"/>
              <a:gd name="connsiteY3522" fmla="*/ 2654009 h 6858000"/>
              <a:gd name="connsiteX3523" fmla="*/ 1674253 w 6858000"/>
              <a:gd name="connsiteY3523" fmla="*/ 2613200 h 6858000"/>
              <a:gd name="connsiteX3524" fmla="*/ 1507979 w 6858000"/>
              <a:gd name="connsiteY3524" fmla="*/ 2610830 h 6858000"/>
              <a:gd name="connsiteX3525" fmla="*/ 1507979 w 6858000"/>
              <a:gd name="connsiteY3525" fmla="*/ 2656416 h 6858000"/>
              <a:gd name="connsiteX3526" fmla="*/ 1553565 w 6858000"/>
              <a:gd name="connsiteY3526" fmla="*/ 2656416 h 6858000"/>
              <a:gd name="connsiteX3527" fmla="*/ 1553565 w 6858000"/>
              <a:gd name="connsiteY3527" fmla="*/ 2610830 h 6858000"/>
              <a:gd name="connsiteX3528" fmla="*/ 1382774 w 6858000"/>
              <a:gd name="connsiteY3528" fmla="*/ 2608645 h 6858000"/>
              <a:gd name="connsiteX3529" fmla="*/ 1382774 w 6858000"/>
              <a:gd name="connsiteY3529" fmla="*/ 2658601 h 6858000"/>
              <a:gd name="connsiteX3530" fmla="*/ 1432730 w 6858000"/>
              <a:gd name="connsiteY3530" fmla="*/ 2658601 h 6858000"/>
              <a:gd name="connsiteX3531" fmla="*/ 1432730 w 6858000"/>
              <a:gd name="connsiteY3531" fmla="*/ 2608645 h 6858000"/>
              <a:gd name="connsiteX3532" fmla="*/ 1257532 w 6858000"/>
              <a:gd name="connsiteY3532" fmla="*/ 2606460 h 6858000"/>
              <a:gd name="connsiteX3533" fmla="*/ 1257532 w 6858000"/>
              <a:gd name="connsiteY3533" fmla="*/ 2660749 h 6858000"/>
              <a:gd name="connsiteX3534" fmla="*/ 1311821 w 6858000"/>
              <a:gd name="connsiteY3534" fmla="*/ 2660749 h 6858000"/>
              <a:gd name="connsiteX3535" fmla="*/ 1311821 w 6858000"/>
              <a:gd name="connsiteY3535" fmla="*/ 2606460 h 6858000"/>
              <a:gd name="connsiteX3536" fmla="*/ 1132290 w 6858000"/>
              <a:gd name="connsiteY3536" fmla="*/ 2604312 h 6858000"/>
              <a:gd name="connsiteX3537" fmla="*/ 1132290 w 6858000"/>
              <a:gd name="connsiteY3537" fmla="*/ 2662934 h 6858000"/>
              <a:gd name="connsiteX3538" fmla="*/ 1190912 w 6858000"/>
              <a:gd name="connsiteY3538" fmla="*/ 2662934 h 6858000"/>
              <a:gd name="connsiteX3539" fmla="*/ 1190912 w 6858000"/>
              <a:gd name="connsiteY3539" fmla="*/ 2604312 h 6858000"/>
              <a:gd name="connsiteX3540" fmla="*/ 1007270 w 6858000"/>
              <a:gd name="connsiteY3540" fmla="*/ 2602350 h 6858000"/>
              <a:gd name="connsiteX3541" fmla="*/ 1007270 w 6858000"/>
              <a:gd name="connsiteY3541" fmla="*/ 2664897 h 6858000"/>
              <a:gd name="connsiteX3542" fmla="*/ 1069817 w 6858000"/>
              <a:gd name="connsiteY3542" fmla="*/ 2664897 h 6858000"/>
              <a:gd name="connsiteX3543" fmla="*/ 1069817 w 6858000"/>
              <a:gd name="connsiteY3543" fmla="*/ 2602350 h 6858000"/>
              <a:gd name="connsiteX3544" fmla="*/ 882472 w 6858000"/>
              <a:gd name="connsiteY3544" fmla="*/ 2600609 h 6858000"/>
              <a:gd name="connsiteX3545" fmla="*/ 882472 w 6858000"/>
              <a:gd name="connsiteY3545" fmla="*/ 2666637 h 6858000"/>
              <a:gd name="connsiteX3546" fmla="*/ 948500 w 6858000"/>
              <a:gd name="connsiteY3546" fmla="*/ 2666637 h 6858000"/>
              <a:gd name="connsiteX3547" fmla="*/ 948500 w 6858000"/>
              <a:gd name="connsiteY3547" fmla="*/ 2600609 h 6858000"/>
              <a:gd name="connsiteX3548" fmla="*/ 757674 w 6858000"/>
              <a:gd name="connsiteY3548" fmla="*/ 2598832 h 6858000"/>
              <a:gd name="connsiteX3549" fmla="*/ 757674 w 6858000"/>
              <a:gd name="connsiteY3549" fmla="*/ 2668341 h 6858000"/>
              <a:gd name="connsiteX3550" fmla="*/ 827183 w 6858000"/>
              <a:gd name="connsiteY3550" fmla="*/ 2668341 h 6858000"/>
              <a:gd name="connsiteX3551" fmla="*/ 827183 w 6858000"/>
              <a:gd name="connsiteY3551" fmla="*/ 2598832 h 6858000"/>
              <a:gd name="connsiteX3552" fmla="*/ 633321 w 6858000"/>
              <a:gd name="connsiteY3552" fmla="*/ 2597573 h 6858000"/>
              <a:gd name="connsiteX3553" fmla="*/ 633321 w 6858000"/>
              <a:gd name="connsiteY3553" fmla="*/ 2669674 h 6858000"/>
              <a:gd name="connsiteX3554" fmla="*/ 705422 w 6858000"/>
              <a:gd name="connsiteY3554" fmla="*/ 2669674 h 6858000"/>
              <a:gd name="connsiteX3555" fmla="*/ 705422 w 6858000"/>
              <a:gd name="connsiteY3555" fmla="*/ 2597573 h 6858000"/>
              <a:gd name="connsiteX3556" fmla="*/ 509189 w 6858000"/>
              <a:gd name="connsiteY3556" fmla="*/ 2596462 h 6858000"/>
              <a:gd name="connsiteX3557" fmla="*/ 509189 w 6858000"/>
              <a:gd name="connsiteY3557" fmla="*/ 2670748 h 6858000"/>
              <a:gd name="connsiteX3558" fmla="*/ 583475 w 6858000"/>
              <a:gd name="connsiteY3558" fmla="*/ 2670748 h 6858000"/>
              <a:gd name="connsiteX3559" fmla="*/ 583475 w 6858000"/>
              <a:gd name="connsiteY3559" fmla="*/ 2596462 h 6858000"/>
              <a:gd name="connsiteX3560" fmla="*/ 385243 w 6858000"/>
              <a:gd name="connsiteY3560" fmla="*/ 2595609 h 6858000"/>
              <a:gd name="connsiteX3561" fmla="*/ 385243 w 6858000"/>
              <a:gd name="connsiteY3561" fmla="*/ 2671599 h 6858000"/>
              <a:gd name="connsiteX3562" fmla="*/ 461233 w 6858000"/>
              <a:gd name="connsiteY3562" fmla="*/ 2671599 h 6858000"/>
              <a:gd name="connsiteX3563" fmla="*/ 461233 w 6858000"/>
              <a:gd name="connsiteY3563" fmla="*/ 2595609 h 6858000"/>
              <a:gd name="connsiteX3564" fmla="*/ 15627 w 6858000"/>
              <a:gd name="connsiteY3564" fmla="*/ 2595165 h 6858000"/>
              <a:gd name="connsiteX3565" fmla="*/ 15627 w 6858000"/>
              <a:gd name="connsiteY3565" fmla="*/ 2672044 h 6858000"/>
              <a:gd name="connsiteX3566" fmla="*/ 92505 w 6858000"/>
              <a:gd name="connsiteY3566" fmla="*/ 2672044 h 6858000"/>
              <a:gd name="connsiteX3567" fmla="*/ 92505 w 6858000"/>
              <a:gd name="connsiteY3567" fmla="*/ 2595165 h 6858000"/>
              <a:gd name="connsiteX3568" fmla="*/ 261556 w 6858000"/>
              <a:gd name="connsiteY3568" fmla="*/ 2594943 h 6858000"/>
              <a:gd name="connsiteX3569" fmla="*/ 261556 w 6858000"/>
              <a:gd name="connsiteY3569" fmla="*/ 2672266 h 6858000"/>
              <a:gd name="connsiteX3570" fmla="*/ 338879 w 6858000"/>
              <a:gd name="connsiteY3570" fmla="*/ 2672266 h 6858000"/>
              <a:gd name="connsiteX3571" fmla="*/ 338879 w 6858000"/>
              <a:gd name="connsiteY3571" fmla="*/ 2594943 h 6858000"/>
              <a:gd name="connsiteX3572" fmla="*/ 137833 w 6858000"/>
              <a:gd name="connsiteY3572" fmla="*/ 2594314 h 6858000"/>
              <a:gd name="connsiteX3573" fmla="*/ 137833 w 6858000"/>
              <a:gd name="connsiteY3573" fmla="*/ 2672933 h 6858000"/>
              <a:gd name="connsiteX3574" fmla="*/ 216452 w 6858000"/>
              <a:gd name="connsiteY3574" fmla="*/ 2672933 h 6858000"/>
              <a:gd name="connsiteX3575" fmla="*/ 216452 w 6858000"/>
              <a:gd name="connsiteY3575" fmla="*/ 2594314 h 6858000"/>
              <a:gd name="connsiteX3576" fmla="*/ 3991789 w 6858000"/>
              <a:gd name="connsiteY3576" fmla="*/ 2510325 h 6858000"/>
              <a:gd name="connsiteX3577" fmla="*/ 3991789 w 6858000"/>
              <a:gd name="connsiteY3577" fmla="*/ 2510770 h 6858000"/>
              <a:gd name="connsiteX3578" fmla="*/ 3992234 w 6858000"/>
              <a:gd name="connsiteY3578" fmla="*/ 2510770 h 6858000"/>
              <a:gd name="connsiteX3579" fmla="*/ 3992234 w 6858000"/>
              <a:gd name="connsiteY3579" fmla="*/ 2510325 h 6858000"/>
              <a:gd name="connsiteX3580" fmla="*/ 3868732 w 6858000"/>
              <a:gd name="connsiteY3580" fmla="*/ 2510325 h 6858000"/>
              <a:gd name="connsiteX3581" fmla="*/ 3868732 w 6858000"/>
              <a:gd name="connsiteY3581" fmla="*/ 2510770 h 6858000"/>
              <a:gd name="connsiteX3582" fmla="*/ 3869176 w 6858000"/>
              <a:gd name="connsiteY3582" fmla="*/ 2510770 h 6858000"/>
              <a:gd name="connsiteX3583" fmla="*/ 3869176 w 6858000"/>
              <a:gd name="connsiteY3583" fmla="*/ 2510325 h 6858000"/>
              <a:gd name="connsiteX3584" fmla="*/ 3745675 w 6858000"/>
              <a:gd name="connsiteY3584" fmla="*/ 2510325 h 6858000"/>
              <a:gd name="connsiteX3585" fmla="*/ 3745675 w 6858000"/>
              <a:gd name="connsiteY3585" fmla="*/ 2510770 h 6858000"/>
              <a:gd name="connsiteX3586" fmla="*/ 3746119 w 6858000"/>
              <a:gd name="connsiteY3586" fmla="*/ 2510770 h 6858000"/>
              <a:gd name="connsiteX3587" fmla="*/ 3746119 w 6858000"/>
              <a:gd name="connsiteY3587" fmla="*/ 2510325 h 6858000"/>
              <a:gd name="connsiteX3588" fmla="*/ 3622617 w 6858000"/>
              <a:gd name="connsiteY3588" fmla="*/ 2510325 h 6858000"/>
              <a:gd name="connsiteX3589" fmla="*/ 3622617 w 6858000"/>
              <a:gd name="connsiteY3589" fmla="*/ 2510770 h 6858000"/>
              <a:gd name="connsiteX3590" fmla="*/ 3623061 w 6858000"/>
              <a:gd name="connsiteY3590" fmla="*/ 2510770 h 6858000"/>
              <a:gd name="connsiteX3591" fmla="*/ 3623061 w 6858000"/>
              <a:gd name="connsiteY3591" fmla="*/ 2510325 h 6858000"/>
              <a:gd name="connsiteX3592" fmla="*/ 3499523 w 6858000"/>
              <a:gd name="connsiteY3592" fmla="*/ 2510325 h 6858000"/>
              <a:gd name="connsiteX3593" fmla="*/ 3499523 w 6858000"/>
              <a:gd name="connsiteY3593" fmla="*/ 2510770 h 6858000"/>
              <a:gd name="connsiteX3594" fmla="*/ 3499967 w 6858000"/>
              <a:gd name="connsiteY3594" fmla="*/ 2510770 h 6858000"/>
              <a:gd name="connsiteX3595" fmla="*/ 3499967 w 6858000"/>
              <a:gd name="connsiteY3595" fmla="*/ 2510325 h 6858000"/>
              <a:gd name="connsiteX3596" fmla="*/ 3376281 w 6858000"/>
              <a:gd name="connsiteY3596" fmla="*/ 2510140 h 6858000"/>
              <a:gd name="connsiteX3597" fmla="*/ 3376281 w 6858000"/>
              <a:gd name="connsiteY3597" fmla="*/ 2510993 h 6858000"/>
              <a:gd name="connsiteX3598" fmla="*/ 3377133 w 6858000"/>
              <a:gd name="connsiteY3598" fmla="*/ 2510993 h 6858000"/>
              <a:gd name="connsiteX3599" fmla="*/ 3377133 w 6858000"/>
              <a:gd name="connsiteY3599" fmla="*/ 2510140 h 6858000"/>
              <a:gd name="connsiteX3600" fmla="*/ 3253001 w 6858000"/>
              <a:gd name="connsiteY3600" fmla="*/ 2509919 h 6858000"/>
              <a:gd name="connsiteX3601" fmla="*/ 3253001 w 6858000"/>
              <a:gd name="connsiteY3601" fmla="*/ 2511214 h 6858000"/>
              <a:gd name="connsiteX3602" fmla="*/ 3254297 w 6858000"/>
              <a:gd name="connsiteY3602" fmla="*/ 2511214 h 6858000"/>
              <a:gd name="connsiteX3603" fmla="*/ 3254297 w 6858000"/>
              <a:gd name="connsiteY3603" fmla="*/ 2509919 h 6858000"/>
              <a:gd name="connsiteX3604" fmla="*/ 3129499 w 6858000"/>
              <a:gd name="connsiteY3604" fmla="*/ 2509436 h 6858000"/>
              <a:gd name="connsiteX3605" fmla="*/ 3129499 w 6858000"/>
              <a:gd name="connsiteY3605" fmla="*/ 2511621 h 6858000"/>
              <a:gd name="connsiteX3606" fmla="*/ 3131684 w 6858000"/>
              <a:gd name="connsiteY3606" fmla="*/ 2511621 h 6858000"/>
              <a:gd name="connsiteX3607" fmla="*/ 3131684 w 6858000"/>
              <a:gd name="connsiteY3607" fmla="*/ 2509436 h 6858000"/>
              <a:gd name="connsiteX3608" fmla="*/ 3005998 w 6858000"/>
              <a:gd name="connsiteY3608" fmla="*/ 2509028 h 6858000"/>
              <a:gd name="connsiteX3609" fmla="*/ 3005998 w 6858000"/>
              <a:gd name="connsiteY3609" fmla="*/ 2512066 h 6858000"/>
              <a:gd name="connsiteX3610" fmla="*/ 3009035 w 6858000"/>
              <a:gd name="connsiteY3610" fmla="*/ 2512066 h 6858000"/>
              <a:gd name="connsiteX3611" fmla="*/ 3009035 w 6858000"/>
              <a:gd name="connsiteY3611" fmla="*/ 2509028 h 6858000"/>
              <a:gd name="connsiteX3612" fmla="*/ 2882274 w 6858000"/>
              <a:gd name="connsiteY3612" fmla="*/ 2508399 h 6858000"/>
              <a:gd name="connsiteX3613" fmla="*/ 2882274 w 6858000"/>
              <a:gd name="connsiteY3613" fmla="*/ 2512733 h 6858000"/>
              <a:gd name="connsiteX3614" fmla="*/ 2886607 w 6858000"/>
              <a:gd name="connsiteY3614" fmla="*/ 2512733 h 6858000"/>
              <a:gd name="connsiteX3615" fmla="*/ 2886607 w 6858000"/>
              <a:gd name="connsiteY3615" fmla="*/ 2508399 h 6858000"/>
              <a:gd name="connsiteX3616" fmla="*/ 2758143 w 6858000"/>
              <a:gd name="connsiteY3616" fmla="*/ 2507288 h 6858000"/>
              <a:gd name="connsiteX3617" fmla="*/ 2758143 w 6858000"/>
              <a:gd name="connsiteY3617" fmla="*/ 2513806 h 6858000"/>
              <a:gd name="connsiteX3618" fmla="*/ 2764661 w 6858000"/>
              <a:gd name="connsiteY3618" fmla="*/ 2513806 h 6858000"/>
              <a:gd name="connsiteX3619" fmla="*/ 2764661 w 6858000"/>
              <a:gd name="connsiteY3619" fmla="*/ 2507288 h 6858000"/>
              <a:gd name="connsiteX3620" fmla="*/ 2634011 w 6858000"/>
              <a:gd name="connsiteY3620" fmla="*/ 2506178 h 6858000"/>
              <a:gd name="connsiteX3621" fmla="*/ 2634011 w 6858000"/>
              <a:gd name="connsiteY3621" fmla="*/ 2514880 h 6858000"/>
              <a:gd name="connsiteX3622" fmla="*/ 2642714 w 6858000"/>
              <a:gd name="connsiteY3622" fmla="*/ 2514880 h 6858000"/>
              <a:gd name="connsiteX3623" fmla="*/ 2642714 w 6858000"/>
              <a:gd name="connsiteY3623" fmla="*/ 2506178 h 6858000"/>
              <a:gd name="connsiteX3624" fmla="*/ 2509399 w 6858000"/>
              <a:gd name="connsiteY3624" fmla="*/ 2504659 h 6858000"/>
              <a:gd name="connsiteX3625" fmla="*/ 2509399 w 6858000"/>
              <a:gd name="connsiteY3625" fmla="*/ 2516399 h 6858000"/>
              <a:gd name="connsiteX3626" fmla="*/ 2521138 w 6858000"/>
              <a:gd name="connsiteY3626" fmla="*/ 2516399 h 6858000"/>
              <a:gd name="connsiteX3627" fmla="*/ 2521138 w 6858000"/>
              <a:gd name="connsiteY3627" fmla="*/ 2504659 h 6858000"/>
              <a:gd name="connsiteX3628" fmla="*/ 2384823 w 6858000"/>
              <a:gd name="connsiteY3628" fmla="*/ 2503178 h 6858000"/>
              <a:gd name="connsiteX3629" fmla="*/ 2384823 w 6858000"/>
              <a:gd name="connsiteY3629" fmla="*/ 2517955 h 6858000"/>
              <a:gd name="connsiteX3630" fmla="*/ 2399599 w 6858000"/>
              <a:gd name="connsiteY3630" fmla="*/ 2517955 h 6858000"/>
              <a:gd name="connsiteX3631" fmla="*/ 2399599 w 6858000"/>
              <a:gd name="connsiteY3631" fmla="*/ 2503178 h 6858000"/>
              <a:gd name="connsiteX3632" fmla="*/ 2259803 w 6858000"/>
              <a:gd name="connsiteY3632" fmla="*/ 2501216 h 6858000"/>
              <a:gd name="connsiteX3633" fmla="*/ 2259803 w 6858000"/>
              <a:gd name="connsiteY3633" fmla="*/ 2519879 h 6858000"/>
              <a:gd name="connsiteX3634" fmla="*/ 2278467 w 6858000"/>
              <a:gd name="connsiteY3634" fmla="*/ 2519879 h 6858000"/>
              <a:gd name="connsiteX3635" fmla="*/ 2278467 w 6858000"/>
              <a:gd name="connsiteY3635" fmla="*/ 2501216 h 6858000"/>
              <a:gd name="connsiteX3636" fmla="*/ 2134598 w 6858000"/>
              <a:gd name="connsiteY3636" fmla="*/ 2499030 h 6858000"/>
              <a:gd name="connsiteX3637" fmla="*/ 2134598 w 6858000"/>
              <a:gd name="connsiteY3637" fmla="*/ 2522064 h 6858000"/>
              <a:gd name="connsiteX3638" fmla="*/ 2157632 w 6858000"/>
              <a:gd name="connsiteY3638" fmla="*/ 2522064 h 6858000"/>
              <a:gd name="connsiteX3639" fmla="*/ 2157632 w 6858000"/>
              <a:gd name="connsiteY3639" fmla="*/ 2499030 h 6858000"/>
              <a:gd name="connsiteX3640" fmla="*/ 2009133 w 6858000"/>
              <a:gd name="connsiteY3640" fmla="*/ 2496624 h 6858000"/>
              <a:gd name="connsiteX3641" fmla="*/ 2009133 w 6858000"/>
              <a:gd name="connsiteY3641" fmla="*/ 2524434 h 6858000"/>
              <a:gd name="connsiteX3642" fmla="*/ 2036944 w 6858000"/>
              <a:gd name="connsiteY3642" fmla="*/ 2524434 h 6858000"/>
              <a:gd name="connsiteX3643" fmla="*/ 2036944 w 6858000"/>
              <a:gd name="connsiteY3643" fmla="*/ 2496624 h 6858000"/>
              <a:gd name="connsiteX3644" fmla="*/ 1883706 w 6858000"/>
              <a:gd name="connsiteY3644" fmla="*/ 2494254 h 6858000"/>
              <a:gd name="connsiteX3645" fmla="*/ 1883706 w 6858000"/>
              <a:gd name="connsiteY3645" fmla="*/ 2526841 h 6858000"/>
              <a:gd name="connsiteX3646" fmla="*/ 1916294 w 6858000"/>
              <a:gd name="connsiteY3646" fmla="*/ 2526841 h 6858000"/>
              <a:gd name="connsiteX3647" fmla="*/ 1916294 w 6858000"/>
              <a:gd name="connsiteY3647" fmla="*/ 2494254 h 6858000"/>
              <a:gd name="connsiteX3648" fmla="*/ 1758019 w 6858000"/>
              <a:gd name="connsiteY3648" fmla="*/ 2491660 h 6858000"/>
              <a:gd name="connsiteX3649" fmla="*/ 1758019 w 6858000"/>
              <a:gd name="connsiteY3649" fmla="*/ 2529433 h 6858000"/>
              <a:gd name="connsiteX3650" fmla="*/ 1795792 w 6858000"/>
              <a:gd name="connsiteY3650" fmla="*/ 2529433 h 6858000"/>
              <a:gd name="connsiteX3651" fmla="*/ 1795792 w 6858000"/>
              <a:gd name="connsiteY3651" fmla="*/ 2491660 h 6858000"/>
              <a:gd name="connsiteX3652" fmla="*/ 1632370 w 6858000"/>
              <a:gd name="connsiteY3652" fmla="*/ 2489069 h 6858000"/>
              <a:gd name="connsiteX3653" fmla="*/ 1632370 w 6858000"/>
              <a:gd name="connsiteY3653" fmla="*/ 2532063 h 6858000"/>
              <a:gd name="connsiteX3654" fmla="*/ 1675364 w 6858000"/>
              <a:gd name="connsiteY3654" fmla="*/ 2532063 h 6858000"/>
              <a:gd name="connsiteX3655" fmla="*/ 1675364 w 6858000"/>
              <a:gd name="connsiteY3655" fmla="*/ 2489069 h 6858000"/>
              <a:gd name="connsiteX3656" fmla="*/ 1506683 w 6858000"/>
              <a:gd name="connsiteY3656" fmla="*/ 2486439 h 6858000"/>
              <a:gd name="connsiteX3657" fmla="*/ 1506683 w 6858000"/>
              <a:gd name="connsiteY3657" fmla="*/ 2534655 h 6858000"/>
              <a:gd name="connsiteX3658" fmla="*/ 1554899 w 6858000"/>
              <a:gd name="connsiteY3658" fmla="*/ 2534655 h 6858000"/>
              <a:gd name="connsiteX3659" fmla="*/ 1554899 w 6858000"/>
              <a:gd name="connsiteY3659" fmla="*/ 2486439 h 6858000"/>
              <a:gd name="connsiteX3660" fmla="*/ 1381256 w 6858000"/>
              <a:gd name="connsiteY3660" fmla="*/ 2484069 h 6858000"/>
              <a:gd name="connsiteX3661" fmla="*/ 1381256 w 6858000"/>
              <a:gd name="connsiteY3661" fmla="*/ 2537062 h 6858000"/>
              <a:gd name="connsiteX3662" fmla="*/ 1434249 w 6858000"/>
              <a:gd name="connsiteY3662" fmla="*/ 2537062 h 6858000"/>
              <a:gd name="connsiteX3663" fmla="*/ 1434249 w 6858000"/>
              <a:gd name="connsiteY3663" fmla="*/ 2484069 h 6858000"/>
              <a:gd name="connsiteX3664" fmla="*/ 1255792 w 6858000"/>
              <a:gd name="connsiteY3664" fmla="*/ 2481662 h 6858000"/>
              <a:gd name="connsiteX3665" fmla="*/ 1255792 w 6858000"/>
              <a:gd name="connsiteY3665" fmla="*/ 2539432 h 6858000"/>
              <a:gd name="connsiteX3666" fmla="*/ 1313562 w 6858000"/>
              <a:gd name="connsiteY3666" fmla="*/ 2539432 h 6858000"/>
              <a:gd name="connsiteX3667" fmla="*/ 1313562 w 6858000"/>
              <a:gd name="connsiteY3667" fmla="*/ 2481662 h 6858000"/>
              <a:gd name="connsiteX3668" fmla="*/ 1130327 w 6858000"/>
              <a:gd name="connsiteY3668" fmla="*/ 2479292 h 6858000"/>
              <a:gd name="connsiteX3669" fmla="*/ 1130327 w 6858000"/>
              <a:gd name="connsiteY3669" fmla="*/ 2541839 h 6858000"/>
              <a:gd name="connsiteX3670" fmla="*/ 1192874 w 6858000"/>
              <a:gd name="connsiteY3670" fmla="*/ 2541839 h 6858000"/>
              <a:gd name="connsiteX3671" fmla="*/ 1192874 w 6858000"/>
              <a:gd name="connsiteY3671" fmla="*/ 2479292 h 6858000"/>
              <a:gd name="connsiteX3672" fmla="*/ 1005122 w 6858000"/>
              <a:gd name="connsiteY3672" fmla="*/ 2477107 h 6858000"/>
              <a:gd name="connsiteX3673" fmla="*/ 1005122 w 6858000"/>
              <a:gd name="connsiteY3673" fmla="*/ 2543987 h 6858000"/>
              <a:gd name="connsiteX3674" fmla="*/ 1072002 w 6858000"/>
              <a:gd name="connsiteY3674" fmla="*/ 2543987 h 6858000"/>
              <a:gd name="connsiteX3675" fmla="*/ 1072002 w 6858000"/>
              <a:gd name="connsiteY3675" fmla="*/ 2477107 h 6858000"/>
              <a:gd name="connsiteX3676" fmla="*/ 880102 w 6858000"/>
              <a:gd name="connsiteY3676" fmla="*/ 2475146 h 6858000"/>
              <a:gd name="connsiteX3677" fmla="*/ 880102 w 6858000"/>
              <a:gd name="connsiteY3677" fmla="*/ 2545950 h 6858000"/>
              <a:gd name="connsiteX3678" fmla="*/ 950907 w 6858000"/>
              <a:gd name="connsiteY3678" fmla="*/ 2545950 h 6858000"/>
              <a:gd name="connsiteX3679" fmla="*/ 950907 w 6858000"/>
              <a:gd name="connsiteY3679" fmla="*/ 2475146 h 6858000"/>
              <a:gd name="connsiteX3680" fmla="*/ 755526 w 6858000"/>
              <a:gd name="connsiteY3680" fmla="*/ 2473626 h 6858000"/>
              <a:gd name="connsiteX3681" fmla="*/ 755526 w 6858000"/>
              <a:gd name="connsiteY3681" fmla="*/ 2547468 h 6858000"/>
              <a:gd name="connsiteX3682" fmla="*/ 829368 w 6858000"/>
              <a:gd name="connsiteY3682" fmla="*/ 2547468 h 6858000"/>
              <a:gd name="connsiteX3683" fmla="*/ 829368 w 6858000"/>
              <a:gd name="connsiteY3683" fmla="*/ 2473626 h 6858000"/>
              <a:gd name="connsiteX3684" fmla="*/ 630951 w 6858000"/>
              <a:gd name="connsiteY3684" fmla="*/ 2472108 h 6858000"/>
              <a:gd name="connsiteX3685" fmla="*/ 630951 w 6858000"/>
              <a:gd name="connsiteY3685" fmla="*/ 2548986 h 6858000"/>
              <a:gd name="connsiteX3686" fmla="*/ 707829 w 6858000"/>
              <a:gd name="connsiteY3686" fmla="*/ 2548986 h 6858000"/>
              <a:gd name="connsiteX3687" fmla="*/ 707829 w 6858000"/>
              <a:gd name="connsiteY3687" fmla="*/ 2472108 h 6858000"/>
              <a:gd name="connsiteX3688" fmla="*/ 506782 w 6858000"/>
              <a:gd name="connsiteY3688" fmla="*/ 2470998 h 6858000"/>
              <a:gd name="connsiteX3689" fmla="*/ 506782 w 6858000"/>
              <a:gd name="connsiteY3689" fmla="*/ 2550060 h 6858000"/>
              <a:gd name="connsiteX3690" fmla="*/ 585845 w 6858000"/>
              <a:gd name="connsiteY3690" fmla="*/ 2550060 h 6858000"/>
              <a:gd name="connsiteX3691" fmla="*/ 585845 w 6858000"/>
              <a:gd name="connsiteY3691" fmla="*/ 2470998 h 6858000"/>
              <a:gd name="connsiteX3692" fmla="*/ 382651 w 6858000"/>
              <a:gd name="connsiteY3692" fmla="*/ 2469961 h 6858000"/>
              <a:gd name="connsiteX3693" fmla="*/ 382651 w 6858000"/>
              <a:gd name="connsiteY3693" fmla="*/ 2551171 h 6858000"/>
              <a:gd name="connsiteX3694" fmla="*/ 463862 w 6858000"/>
              <a:gd name="connsiteY3694" fmla="*/ 2551171 h 6858000"/>
              <a:gd name="connsiteX3695" fmla="*/ 463862 w 6858000"/>
              <a:gd name="connsiteY3695" fmla="*/ 2469961 h 6858000"/>
              <a:gd name="connsiteX3696" fmla="*/ 13257 w 6858000"/>
              <a:gd name="connsiteY3696" fmla="*/ 2469737 h 6858000"/>
              <a:gd name="connsiteX3697" fmla="*/ 13257 w 6858000"/>
              <a:gd name="connsiteY3697" fmla="*/ 2551393 h 6858000"/>
              <a:gd name="connsiteX3698" fmla="*/ 94913 w 6858000"/>
              <a:gd name="connsiteY3698" fmla="*/ 2551393 h 6858000"/>
              <a:gd name="connsiteX3699" fmla="*/ 94913 w 6858000"/>
              <a:gd name="connsiteY3699" fmla="*/ 2469737 h 6858000"/>
              <a:gd name="connsiteX3700" fmla="*/ 258927 w 6858000"/>
              <a:gd name="connsiteY3700" fmla="*/ 2469294 h 6858000"/>
              <a:gd name="connsiteX3701" fmla="*/ 258927 w 6858000"/>
              <a:gd name="connsiteY3701" fmla="*/ 2551801 h 6858000"/>
              <a:gd name="connsiteX3702" fmla="*/ 341434 w 6858000"/>
              <a:gd name="connsiteY3702" fmla="*/ 2551801 h 6858000"/>
              <a:gd name="connsiteX3703" fmla="*/ 341434 w 6858000"/>
              <a:gd name="connsiteY3703" fmla="*/ 2469294 h 6858000"/>
              <a:gd name="connsiteX3704" fmla="*/ 135426 w 6858000"/>
              <a:gd name="connsiteY3704" fmla="*/ 2468849 h 6858000"/>
              <a:gd name="connsiteX3705" fmla="*/ 135426 w 6858000"/>
              <a:gd name="connsiteY3705" fmla="*/ 2552245 h 6858000"/>
              <a:gd name="connsiteX3706" fmla="*/ 218822 w 6858000"/>
              <a:gd name="connsiteY3706" fmla="*/ 2552245 h 6858000"/>
              <a:gd name="connsiteX3707" fmla="*/ 218822 w 6858000"/>
              <a:gd name="connsiteY3707" fmla="*/ 2468849 h 6858000"/>
              <a:gd name="connsiteX3708" fmla="*/ 3868732 w 6858000"/>
              <a:gd name="connsiteY3708" fmla="*/ 2387268 h 6858000"/>
              <a:gd name="connsiteX3709" fmla="*/ 3868732 w 6858000"/>
              <a:gd name="connsiteY3709" fmla="*/ 2387712 h 6858000"/>
              <a:gd name="connsiteX3710" fmla="*/ 3869176 w 6858000"/>
              <a:gd name="connsiteY3710" fmla="*/ 2387712 h 6858000"/>
              <a:gd name="connsiteX3711" fmla="*/ 3869176 w 6858000"/>
              <a:gd name="connsiteY3711" fmla="*/ 2387268 h 6858000"/>
              <a:gd name="connsiteX3712" fmla="*/ 3745675 w 6858000"/>
              <a:gd name="connsiteY3712" fmla="*/ 2387268 h 6858000"/>
              <a:gd name="connsiteX3713" fmla="*/ 3745675 w 6858000"/>
              <a:gd name="connsiteY3713" fmla="*/ 2387712 h 6858000"/>
              <a:gd name="connsiteX3714" fmla="*/ 3746119 w 6858000"/>
              <a:gd name="connsiteY3714" fmla="*/ 2387712 h 6858000"/>
              <a:gd name="connsiteX3715" fmla="*/ 3746119 w 6858000"/>
              <a:gd name="connsiteY3715" fmla="*/ 2387268 h 6858000"/>
              <a:gd name="connsiteX3716" fmla="*/ 3622617 w 6858000"/>
              <a:gd name="connsiteY3716" fmla="*/ 2387268 h 6858000"/>
              <a:gd name="connsiteX3717" fmla="*/ 3622617 w 6858000"/>
              <a:gd name="connsiteY3717" fmla="*/ 2387712 h 6858000"/>
              <a:gd name="connsiteX3718" fmla="*/ 3623061 w 6858000"/>
              <a:gd name="connsiteY3718" fmla="*/ 2387712 h 6858000"/>
              <a:gd name="connsiteX3719" fmla="*/ 3623061 w 6858000"/>
              <a:gd name="connsiteY3719" fmla="*/ 2387268 h 6858000"/>
              <a:gd name="connsiteX3720" fmla="*/ 3499523 w 6858000"/>
              <a:gd name="connsiteY3720" fmla="*/ 2387268 h 6858000"/>
              <a:gd name="connsiteX3721" fmla="*/ 3499523 w 6858000"/>
              <a:gd name="connsiteY3721" fmla="*/ 2387712 h 6858000"/>
              <a:gd name="connsiteX3722" fmla="*/ 3499967 w 6858000"/>
              <a:gd name="connsiteY3722" fmla="*/ 2387712 h 6858000"/>
              <a:gd name="connsiteX3723" fmla="*/ 3499967 w 6858000"/>
              <a:gd name="connsiteY3723" fmla="*/ 2387268 h 6858000"/>
              <a:gd name="connsiteX3724" fmla="*/ 3376281 w 6858000"/>
              <a:gd name="connsiteY3724" fmla="*/ 2387082 h 6858000"/>
              <a:gd name="connsiteX3725" fmla="*/ 3376281 w 6858000"/>
              <a:gd name="connsiteY3725" fmla="*/ 2387934 h 6858000"/>
              <a:gd name="connsiteX3726" fmla="*/ 3377133 w 6858000"/>
              <a:gd name="connsiteY3726" fmla="*/ 2387934 h 6858000"/>
              <a:gd name="connsiteX3727" fmla="*/ 3377133 w 6858000"/>
              <a:gd name="connsiteY3727" fmla="*/ 2387082 h 6858000"/>
              <a:gd name="connsiteX3728" fmla="*/ 3253186 w 6858000"/>
              <a:gd name="connsiteY3728" fmla="*/ 2387082 h 6858000"/>
              <a:gd name="connsiteX3729" fmla="*/ 3253186 w 6858000"/>
              <a:gd name="connsiteY3729" fmla="*/ 2387934 h 6858000"/>
              <a:gd name="connsiteX3730" fmla="*/ 3254038 w 6858000"/>
              <a:gd name="connsiteY3730" fmla="*/ 2387934 h 6858000"/>
              <a:gd name="connsiteX3731" fmla="*/ 3254038 w 6858000"/>
              <a:gd name="connsiteY3731" fmla="*/ 2387082 h 6858000"/>
              <a:gd name="connsiteX3732" fmla="*/ 3129722 w 6858000"/>
              <a:gd name="connsiteY3732" fmla="*/ 2386639 h 6858000"/>
              <a:gd name="connsiteX3733" fmla="*/ 3129722 w 6858000"/>
              <a:gd name="connsiteY3733" fmla="*/ 2388380 h 6858000"/>
              <a:gd name="connsiteX3734" fmla="*/ 3131462 w 6858000"/>
              <a:gd name="connsiteY3734" fmla="*/ 2388380 h 6858000"/>
              <a:gd name="connsiteX3735" fmla="*/ 3131462 w 6858000"/>
              <a:gd name="connsiteY3735" fmla="*/ 2386639 h 6858000"/>
              <a:gd name="connsiteX3736" fmla="*/ 3006220 w 6858000"/>
              <a:gd name="connsiteY3736" fmla="*/ 2386194 h 6858000"/>
              <a:gd name="connsiteX3737" fmla="*/ 3006220 w 6858000"/>
              <a:gd name="connsiteY3737" fmla="*/ 2388786 h 6858000"/>
              <a:gd name="connsiteX3738" fmla="*/ 3008812 w 6858000"/>
              <a:gd name="connsiteY3738" fmla="*/ 2388786 h 6858000"/>
              <a:gd name="connsiteX3739" fmla="*/ 3008812 w 6858000"/>
              <a:gd name="connsiteY3739" fmla="*/ 2386194 h 6858000"/>
              <a:gd name="connsiteX3740" fmla="*/ 2882496 w 6858000"/>
              <a:gd name="connsiteY3740" fmla="*/ 2385528 h 6858000"/>
              <a:gd name="connsiteX3741" fmla="*/ 2882496 w 6858000"/>
              <a:gd name="connsiteY3741" fmla="*/ 2389454 h 6858000"/>
              <a:gd name="connsiteX3742" fmla="*/ 2886421 w 6858000"/>
              <a:gd name="connsiteY3742" fmla="*/ 2389454 h 6858000"/>
              <a:gd name="connsiteX3743" fmla="*/ 2886421 w 6858000"/>
              <a:gd name="connsiteY3743" fmla="*/ 2385528 h 6858000"/>
              <a:gd name="connsiteX3744" fmla="*/ 2758587 w 6858000"/>
              <a:gd name="connsiteY3744" fmla="*/ 2384676 h 6858000"/>
              <a:gd name="connsiteX3745" fmla="*/ 2758587 w 6858000"/>
              <a:gd name="connsiteY3745" fmla="*/ 2390304 h 6858000"/>
              <a:gd name="connsiteX3746" fmla="*/ 2764216 w 6858000"/>
              <a:gd name="connsiteY3746" fmla="*/ 2390304 h 6858000"/>
              <a:gd name="connsiteX3747" fmla="*/ 2764216 w 6858000"/>
              <a:gd name="connsiteY3747" fmla="*/ 2384676 h 6858000"/>
              <a:gd name="connsiteX3748" fmla="*/ 2634196 w 6858000"/>
              <a:gd name="connsiteY3748" fmla="*/ 2383342 h 6858000"/>
              <a:gd name="connsiteX3749" fmla="*/ 2634196 w 6858000"/>
              <a:gd name="connsiteY3749" fmla="*/ 2391600 h 6858000"/>
              <a:gd name="connsiteX3750" fmla="*/ 2642454 w 6858000"/>
              <a:gd name="connsiteY3750" fmla="*/ 2391600 h 6858000"/>
              <a:gd name="connsiteX3751" fmla="*/ 2642454 w 6858000"/>
              <a:gd name="connsiteY3751" fmla="*/ 2383342 h 6858000"/>
              <a:gd name="connsiteX3752" fmla="*/ 2509621 w 6858000"/>
              <a:gd name="connsiteY3752" fmla="*/ 2381861 h 6858000"/>
              <a:gd name="connsiteX3753" fmla="*/ 2509621 w 6858000"/>
              <a:gd name="connsiteY3753" fmla="*/ 2393156 h 6858000"/>
              <a:gd name="connsiteX3754" fmla="*/ 2520916 w 6858000"/>
              <a:gd name="connsiteY3754" fmla="*/ 2393156 h 6858000"/>
              <a:gd name="connsiteX3755" fmla="*/ 2520916 w 6858000"/>
              <a:gd name="connsiteY3755" fmla="*/ 2381861 h 6858000"/>
              <a:gd name="connsiteX3756" fmla="*/ 2384823 w 6858000"/>
              <a:gd name="connsiteY3756" fmla="*/ 2380083 h 6858000"/>
              <a:gd name="connsiteX3757" fmla="*/ 2384823 w 6858000"/>
              <a:gd name="connsiteY3757" fmla="*/ 2394859 h 6858000"/>
              <a:gd name="connsiteX3758" fmla="*/ 2399599 w 6858000"/>
              <a:gd name="connsiteY3758" fmla="*/ 2394859 h 6858000"/>
              <a:gd name="connsiteX3759" fmla="*/ 2399599 w 6858000"/>
              <a:gd name="connsiteY3759" fmla="*/ 2380083 h 6858000"/>
              <a:gd name="connsiteX3760" fmla="*/ 2259803 w 6858000"/>
              <a:gd name="connsiteY3760" fmla="*/ 2378158 h 6858000"/>
              <a:gd name="connsiteX3761" fmla="*/ 2259803 w 6858000"/>
              <a:gd name="connsiteY3761" fmla="*/ 2396822 h 6858000"/>
              <a:gd name="connsiteX3762" fmla="*/ 2278467 w 6858000"/>
              <a:gd name="connsiteY3762" fmla="*/ 2396822 h 6858000"/>
              <a:gd name="connsiteX3763" fmla="*/ 2278467 w 6858000"/>
              <a:gd name="connsiteY3763" fmla="*/ 2378158 h 6858000"/>
              <a:gd name="connsiteX3764" fmla="*/ 2134376 w 6858000"/>
              <a:gd name="connsiteY3764" fmla="*/ 2375788 h 6858000"/>
              <a:gd name="connsiteX3765" fmla="*/ 2134376 w 6858000"/>
              <a:gd name="connsiteY3765" fmla="*/ 2399229 h 6858000"/>
              <a:gd name="connsiteX3766" fmla="*/ 2157817 w 6858000"/>
              <a:gd name="connsiteY3766" fmla="*/ 2399229 h 6858000"/>
              <a:gd name="connsiteX3767" fmla="*/ 2157817 w 6858000"/>
              <a:gd name="connsiteY3767" fmla="*/ 2375788 h 6858000"/>
              <a:gd name="connsiteX3768" fmla="*/ 2008689 w 6858000"/>
              <a:gd name="connsiteY3768" fmla="*/ 2373158 h 6858000"/>
              <a:gd name="connsiteX3769" fmla="*/ 2008689 w 6858000"/>
              <a:gd name="connsiteY3769" fmla="*/ 2401821 h 6858000"/>
              <a:gd name="connsiteX3770" fmla="*/ 2037352 w 6858000"/>
              <a:gd name="connsiteY3770" fmla="*/ 2401821 h 6858000"/>
              <a:gd name="connsiteX3771" fmla="*/ 2037352 w 6858000"/>
              <a:gd name="connsiteY3771" fmla="*/ 2373158 h 6858000"/>
              <a:gd name="connsiteX3772" fmla="*/ 1883039 w 6858000"/>
              <a:gd name="connsiteY3772" fmla="*/ 2370530 h 6858000"/>
              <a:gd name="connsiteX3773" fmla="*/ 1883039 w 6858000"/>
              <a:gd name="connsiteY3773" fmla="*/ 2404413 h 6858000"/>
              <a:gd name="connsiteX3774" fmla="*/ 1916923 w 6858000"/>
              <a:gd name="connsiteY3774" fmla="*/ 2404413 h 6858000"/>
              <a:gd name="connsiteX3775" fmla="*/ 1916923 w 6858000"/>
              <a:gd name="connsiteY3775" fmla="*/ 2370530 h 6858000"/>
              <a:gd name="connsiteX3776" fmla="*/ 1757168 w 6858000"/>
              <a:gd name="connsiteY3776" fmla="*/ 2367753 h 6858000"/>
              <a:gd name="connsiteX3777" fmla="*/ 1757168 w 6858000"/>
              <a:gd name="connsiteY3777" fmla="*/ 2407265 h 6858000"/>
              <a:gd name="connsiteX3778" fmla="*/ 1796681 w 6858000"/>
              <a:gd name="connsiteY3778" fmla="*/ 2407265 h 6858000"/>
              <a:gd name="connsiteX3779" fmla="*/ 1796681 w 6858000"/>
              <a:gd name="connsiteY3779" fmla="*/ 2367753 h 6858000"/>
              <a:gd name="connsiteX3780" fmla="*/ 1631259 w 6858000"/>
              <a:gd name="connsiteY3780" fmla="*/ 2364901 h 6858000"/>
              <a:gd name="connsiteX3781" fmla="*/ 1631259 w 6858000"/>
              <a:gd name="connsiteY3781" fmla="*/ 2410080 h 6858000"/>
              <a:gd name="connsiteX3782" fmla="*/ 1676438 w 6858000"/>
              <a:gd name="connsiteY3782" fmla="*/ 2410080 h 6858000"/>
              <a:gd name="connsiteX3783" fmla="*/ 1676438 w 6858000"/>
              <a:gd name="connsiteY3783" fmla="*/ 2364901 h 6858000"/>
              <a:gd name="connsiteX3784" fmla="*/ 1505387 w 6858000"/>
              <a:gd name="connsiteY3784" fmla="*/ 2362087 h 6858000"/>
              <a:gd name="connsiteX3785" fmla="*/ 1505387 w 6858000"/>
              <a:gd name="connsiteY3785" fmla="*/ 2412894 h 6858000"/>
              <a:gd name="connsiteX3786" fmla="*/ 1556195 w 6858000"/>
              <a:gd name="connsiteY3786" fmla="*/ 2412894 h 6858000"/>
              <a:gd name="connsiteX3787" fmla="*/ 1556195 w 6858000"/>
              <a:gd name="connsiteY3787" fmla="*/ 2362087 h 6858000"/>
              <a:gd name="connsiteX3788" fmla="*/ 1379738 w 6858000"/>
              <a:gd name="connsiteY3788" fmla="*/ 2359494 h 6858000"/>
              <a:gd name="connsiteX3789" fmla="*/ 1379738 w 6858000"/>
              <a:gd name="connsiteY3789" fmla="*/ 2415523 h 6858000"/>
              <a:gd name="connsiteX3790" fmla="*/ 1435767 w 6858000"/>
              <a:gd name="connsiteY3790" fmla="*/ 2415523 h 6858000"/>
              <a:gd name="connsiteX3791" fmla="*/ 1435767 w 6858000"/>
              <a:gd name="connsiteY3791" fmla="*/ 2359494 h 6858000"/>
              <a:gd name="connsiteX3792" fmla="*/ 1253829 w 6858000"/>
              <a:gd name="connsiteY3792" fmla="*/ 2356681 h 6858000"/>
              <a:gd name="connsiteX3793" fmla="*/ 1253829 w 6858000"/>
              <a:gd name="connsiteY3793" fmla="*/ 2418337 h 6858000"/>
              <a:gd name="connsiteX3794" fmla="*/ 1315487 w 6858000"/>
              <a:gd name="connsiteY3794" fmla="*/ 2418337 h 6858000"/>
              <a:gd name="connsiteX3795" fmla="*/ 1315487 w 6858000"/>
              <a:gd name="connsiteY3795" fmla="*/ 2356681 h 6858000"/>
              <a:gd name="connsiteX3796" fmla="*/ 1128401 w 6858000"/>
              <a:gd name="connsiteY3796" fmla="*/ 2354274 h 6858000"/>
              <a:gd name="connsiteX3797" fmla="*/ 1128401 w 6858000"/>
              <a:gd name="connsiteY3797" fmla="*/ 2420708 h 6858000"/>
              <a:gd name="connsiteX3798" fmla="*/ 1194836 w 6858000"/>
              <a:gd name="connsiteY3798" fmla="*/ 2420708 h 6858000"/>
              <a:gd name="connsiteX3799" fmla="*/ 1194836 w 6858000"/>
              <a:gd name="connsiteY3799" fmla="*/ 2354274 h 6858000"/>
              <a:gd name="connsiteX3800" fmla="*/ 1003159 w 6858000"/>
              <a:gd name="connsiteY3800" fmla="*/ 2352087 h 6858000"/>
              <a:gd name="connsiteX3801" fmla="*/ 1003159 w 6858000"/>
              <a:gd name="connsiteY3801" fmla="*/ 2422893 h 6858000"/>
              <a:gd name="connsiteX3802" fmla="*/ 1073964 w 6858000"/>
              <a:gd name="connsiteY3802" fmla="*/ 2422893 h 6858000"/>
              <a:gd name="connsiteX3803" fmla="*/ 1073964 w 6858000"/>
              <a:gd name="connsiteY3803" fmla="*/ 2352087 h 6858000"/>
              <a:gd name="connsiteX3804" fmla="*/ 877917 w 6858000"/>
              <a:gd name="connsiteY3804" fmla="*/ 2349939 h 6858000"/>
              <a:gd name="connsiteX3805" fmla="*/ 877917 w 6858000"/>
              <a:gd name="connsiteY3805" fmla="*/ 2425077 h 6858000"/>
              <a:gd name="connsiteX3806" fmla="*/ 953055 w 6858000"/>
              <a:gd name="connsiteY3806" fmla="*/ 2425077 h 6858000"/>
              <a:gd name="connsiteX3807" fmla="*/ 953055 w 6858000"/>
              <a:gd name="connsiteY3807" fmla="*/ 2349939 h 6858000"/>
              <a:gd name="connsiteX3808" fmla="*/ 753119 w 6858000"/>
              <a:gd name="connsiteY3808" fmla="*/ 2348162 h 6858000"/>
              <a:gd name="connsiteX3809" fmla="*/ 753119 w 6858000"/>
              <a:gd name="connsiteY3809" fmla="*/ 2426782 h 6858000"/>
              <a:gd name="connsiteX3810" fmla="*/ 831738 w 6858000"/>
              <a:gd name="connsiteY3810" fmla="*/ 2426782 h 6858000"/>
              <a:gd name="connsiteX3811" fmla="*/ 831738 w 6858000"/>
              <a:gd name="connsiteY3811" fmla="*/ 2348162 h 6858000"/>
              <a:gd name="connsiteX3812" fmla="*/ 628544 w 6858000"/>
              <a:gd name="connsiteY3812" fmla="*/ 2346681 h 6858000"/>
              <a:gd name="connsiteX3813" fmla="*/ 628544 w 6858000"/>
              <a:gd name="connsiteY3813" fmla="*/ 2428336 h 6858000"/>
              <a:gd name="connsiteX3814" fmla="*/ 710200 w 6858000"/>
              <a:gd name="connsiteY3814" fmla="*/ 2428336 h 6858000"/>
              <a:gd name="connsiteX3815" fmla="*/ 710200 w 6858000"/>
              <a:gd name="connsiteY3815" fmla="*/ 2346681 h 6858000"/>
              <a:gd name="connsiteX3816" fmla="*/ 504412 w 6858000"/>
              <a:gd name="connsiteY3816" fmla="*/ 2345571 h 6858000"/>
              <a:gd name="connsiteX3817" fmla="*/ 504412 w 6858000"/>
              <a:gd name="connsiteY3817" fmla="*/ 2429410 h 6858000"/>
              <a:gd name="connsiteX3818" fmla="*/ 588252 w 6858000"/>
              <a:gd name="connsiteY3818" fmla="*/ 2429410 h 6858000"/>
              <a:gd name="connsiteX3819" fmla="*/ 588252 w 6858000"/>
              <a:gd name="connsiteY3819" fmla="*/ 2345571 h 6858000"/>
              <a:gd name="connsiteX3820" fmla="*/ 380244 w 6858000"/>
              <a:gd name="connsiteY3820" fmla="*/ 2344497 h 6858000"/>
              <a:gd name="connsiteX3821" fmla="*/ 380244 w 6858000"/>
              <a:gd name="connsiteY3821" fmla="*/ 2430484 h 6858000"/>
              <a:gd name="connsiteX3822" fmla="*/ 466232 w 6858000"/>
              <a:gd name="connsiteY3822" fmla="*/ 2430484 h 6858000"/>
              <a:gd name="connsiteX3823" fmla="*/ 466232 w 6858000"/>
              <a:gd name="connsiteY3823" fmla="*/ 2344497 h 6858000"/>
              <a:gd name="connsiteX3824" fmla="*/ 10850 w 6858000"/>
              <a:gd name="connsiteY3824" fmla="*/ 2344274 h 6858000"/>
              <a:gd name="connsiteX3825" fmla="*/ 10850 w 6858000"/>
              <a:gd name="connsiteY3825" fmla="*/ 2430706 h 6858000"/>
              <a:gd name="connsiteX3826" fmla="*/ 97283 w 6858000"/>
              <a:gd name="connsiteY3826" fmla="*/ 2430706 h 6858000"/>
              <a:gd name="connsiteX3827" fmla="*/ 97283 w 6858000"/>
              <a:gd name="connsiteY3827" fmla="*/ 2344274 h 6858000"/>
              <a:gd name="connsiteX3828" fmla="*/ 256557 w 6858000"/>
              <a:gd name="connsiteY3828" fmla="*/ 2343868 h 6858000"/>
              <a:gd name="connsiteX3829" fmla="*/ 256557 w 6858000"/>
              <a:gd name="connsiteY3829" fmla="*/ 2431151 h 6858000"/>
              <a:gd name="connsiteX3830" fmla="*/ 343841 w 6858000"/>
              <a:gd name="connsiteY3830" fmla="*/ 2431151 h 6858000"/>
              <a:gd name="connsiteX3831" fmla="*/ 343841 w 6858000"/>
              <a:gd name="connsiteY3831" fmla="*/ 2343868 h 6858000"/>
              <a:gd name="connsiteX3832" fmla="*/ 133055 w 6858000"/>
              <a:gd name="connsiteY3832" fmla="*/ 2343422 h 6858000"/>
              <a:gd name="connsiteX3833" fmla="*/ 133055 w 6858000"/>
              <a:gd name="connsiteY3833" fmla="*/ 2431595 h 6858000"/>
              <a:gd name="connsiteX3834" fmla="*/ 221228 w 6858000"/>
              <a:gd name="connsiteY3834" fmla="*/ 2431595 h 6858000"/>
              <a:gd name="connsiteX3835" fmla="*/ 221228 w 6858000"/>
              <a:gd name="connsiteY3835" fmla="*/ 2343422 h 6858000"/>
              <a:gd name="connsiteX3836" fmla="*/ 3868732 w 6858000"/>
              <a:gd name="connsiteY3836" fmla="*/ 2264211 h 6858000"/>
              <a:gd name="connsiteX3837" fmla="*/ 3868732 w 6858000"/>
              <a:gd name="connsiteY3837" fmla="*/ 2264655 h 6858000"/>
              <a:gd name="connsiteX3838" fmla="*/ 3869176 w 6858000"/>
              <a:gd name="connsiteY3838" fmla="*/ 2264655 h 6858000"/>
              <a:gd name="connsiteX3839" fmla="*/ 3869176 w 6858000"/>
              <a:gd name="connsiteY3839" fmla="*/ 2264211 h 6858000"/>
              <a:gd name="connsiteX3840" fmla="*/ 3745675 w 6858000"/>
              <a:gd name="connsiteY3840" fmla="*/ 2264211 h 6858000"/>
              <a:gd name="connsiteX3841" fmla="*/ 3745675 w 6858000"/>
              <a:gd name="connsiteY3841" fmla="*/ 2264655 h 6858000"/>
              <a:gd name="connsiteX3842" fmla="*/ 3746119 w 6858000"/>
              <a:gd name="connsiteY3842" fmla="*/ 2264655 h 6858000"/>
              <a:gd name="connsiteX3843" fmla="*/ 3746119 w 6858000"/>
              <a:gd name="connsiteY3843" fmla="*/ 2264211 h 6858000"/>
              <a:gd name="connsiteX3844" fmla="*/ 3622617 w 6858000"/>
              <a:gd name="connsiteY3844" fmla="*/ 2264211 h 6858000"/>
              <a:gd name="connsiteX3845" fmla="*/ 3622617 w 6858000"/>
              <a:gd name="connsiteY3845" fmla="*/ 2264655 h 6858000"/>
              <a:gd name="connsiteX3846" fmla="*/ 3623061 w 6858000"/>
              <a:gd name="connsiteY3846" fmla="*/ 2264655 h 6858000"/>
              <a:gd name="connsiteX3847" fmla="*/ 3623061 w 6858000"/>
              <a:gd name="connsiteY3847" fmla="*/ 2264211 h 6858000"/>
              <a:gd name="connsiteX3848" fmla="*/ 3499523 w 6858000"/>
              <a:gd name="connsiteY3848" fmla="*/ 2264211 h 6858000"/>
              <a:gd name="connsiteX3849" fmla="*/ 3499523 w 6858000"/>
              <a:gd name="connsiteY3849" fmla="*/ 2264655 h 6858000"/>
              <a:gd name="connsiteX3850" fmla="*/ 3499967 w 6858000"/>
              <a:gd name="connsiteY3850" fmla="*/ 2264655 h 6858000"/>
              <a:gd name="connsiteX3851" fmla="*/ 3499967 w 6858000"/>
              <a:gd name="connsiteY3851" fmla="*/ 2264211 h 6858000"/>
              <a:gd name="connsiteX3852" fmla="*/ 3376466 w 6858000"/>
              <a:gd name="connsiteY3852" fmla="*/ 2264211 h 6858000"/>
              <a:gd name="connsiteX3853" fmla="*/ 3376466 w 6858000"/>
              <a:gd name="connsiteY3853" fmla="*/ 2264655 h 6858000"/>
              <a:gd name="connsiteX3854" fmla="*/ 3376910 w 6858000"/>
              <a:gd name="connsiteY3854" fmla="*/ 2264655 h 6858000"/>
              <a:gd name="connsiteX3855" fmla="*/ 3376910 w 6858000"/>
              <a:gd name="connsiteY3855" fmla="*/ 2264211 h 6858000"/>
              <a:gd name="connsiteX3856" fmla="*/ 3253186 w 6858000"/>
              <a:gd name="connsiteY3856" fmla="*/ 2264025 h 6858000"/>
              <a:gd name="connsiteX3857" fmla="*/ 3253186 w 6858000"/>
              <a:gd name="connsiteY3857" fmla="*/ 2264877 h 6858000"/>
              <a:gd name="connsiteX3858" fmla="*/ 3254038 w 6858000"/>
              <a:gd name="connsiteY3858" fmla="*/ 2264877 h 6858000"/>
              <a:gd name="connsiteX3859" fmla="*/ 3254038 w 6858000"/>
              <a:gd name="connsiteY3859" fmla="*/ 2264025 h 6858000"/>
              <a:gd name="connsiteX3860" fmla="*/ 3129944 w 6858000"/>
              <a:gd name="connsiteY3860" fmla="*/ 2263803 h 6858000"/>
              <a:gd name="connsiteX3861" fmla="*/ 3129944 w 6858000"/>
              <a:gd name="connsiteY3861" fmla="*/ 2265099 h 6858000"/>
              <a:gd name="connsiteX3862" fmla="*/ 3131240 w 6858000"/>
              <a:gd name="connsiteY3862" fmla="*/ 2265099 h 6858000"/>
              <a:gd name="connsiteX3863" fmla="*/ 3131240 w 6858000"/>
              <a:gd name="connsiteY3863" fmla="*/ 2263803 h 6858000"/>
              <a:gd name="connsiteX3864" fmla="*/ 3006442 w 6858000"/>
              <a:gd name="connsiteY3864" fmla="*/ 2263321 h 6858000"/>
              <a:gd name="connsiteX3865" fmla="*/ 3006442 w 6858000"/>
              <a:gd name="connsiteY3865" fmla="*/ 2265506 h 6858000"/>
              <a:gd name="connsiteX3866" fmla="*/ 3008627 w 6858000"/>
              <a:gd name="connsiteY3866" fmla="*/ 2265506 h 6858000"/>
              <a:gd name="connsiteX3867" fmla="*/ 3008627 w 6858000"/>
              <a:gd name="connsiteY3867" fmla="*/ 2263321 h 6858000"/>
              <a:gd name="connsiteX3868" fmla="*/ 2882718 w 6858000"/>
              <a:gd name="connsiteY3868" fmla="*/ 2262692 h 6858000"/>
              <a:gd name="connsiteX3869" fmla="*/ 2882718 w 6858000"/>
              <a:gd name="connsiteY3869" fmla="*/ 2266173 h 6858000"/>
              <a:gd name="connsiteX3870" fmla="*/ 2886199 w 6858000"/>
              <a:gd name="connsiteY3870" fmla="*/ 2266173 h 6858000"/>
              <a:gd name="connsiteX3871" fmla="*/ 2886199 w 6858000"/>
              <a:gd name="connsiteY3871" fmla="*/ 2262692 h 6858000"/>
              <a:gd name="connsiteX3872" fmla="*/ 2758809 w 6858000"/>
              <a:gd name="connsiteY3872" fmla="*/ 2261804 h 6858000"/>
              <a:gd name="connsiteX3873" fmla="*/ 2758809 w 6858000"/>
              <a:gd name="connsiteY3873" fmla="*/ 2267025 h 6858000"/>
              <a:gd name="connsiteX3874" fmla="*/ 2764030 w 6858000"/>
              <a:gd name="connsiteY3874" fmla="*/ 2267025 h 6858000"/>
              <a:gd name="connsiteX3875" fmla="*/ 2764030 w 6858000"/>
              <a:gd name="connsiteY3875" fmla="*/ 2261804 h 6858000"/>
              <a:gd name="connsiteX3876" fmla="*/ 2634641 w 6858000"/>
              <a:gd name="connsiteY3876" fmla="*/ 2260767 h 6858000"/>
              <a:gd name="connsiteX3877" fmla="*/ 2634641 w 6858000"/>
              <a:gd name="connsiteY3877" fmla="*/ 2268136 h 6858000"/>
              <a:gd name="connsiteX3878" fmla="*/ 2642010 w 6858000"/>
              <a:gd name="connsiteY3878" fmla="*/ 2268136 h 6858000"/>
              <a:gd name="connsiteX3879" fmla="*/ 2642010 w 6858000"/>
              <a:gd name="connsiteY3879" fmla="*/ 2260767 h 6858000"/>
              <a:gd name="connsiteX3880" fmla="*/ 2509843 w 6858000"/>
              <a:gd name="connsiteY3880" fmla="*/ 2259026 h 6858000"/>
              <a:gd name="connsiteX3881" fmla="*/ 2509843 w 6858000"/>
              <a:gd name="connsiteY3881" fmla="*/ 2269876 h 6858000"/>
              <a:gd name="connsiteX3882" fmla="*/ 2520693 w 6858000"/>
              <a:gd name="connsiteY3882" fmla="*/ 2269876 h 6858000"/>
              <a:gd name="connsiteX3883" fmla="*/ 2520693 w 6858000"/>
              <a:gd name="connsiteY3883" fmla="*/ 2259026 h 6858000"/>
              <a:gd name="connsiteX3884" fmla="*/ 2385045 w 6858000"/>
              <a:gd name="connsiteY3884" fmla="*/ 2257286 h 6858000"/>
              <a:gd name="connsiteX3885" fmla="*/ 2385045 w 6858000"/>
              <a:gd name="connsiteY3885" fmla="*/ 2271617 h 6858000"/>
              <a:gd name="connsiteX3886" fmla="*/ 2399376 w 6858000"/>
              <a:gd name="connsiteY3886" fmla="*/ 2271617 h 6858000"/>
              <a:gd name="connsiteX3887" fmla="*/ 2399376 w 6858000"/>
              <a:gd name="connsiteY3887" fmla="*/ 2257286 h 6858000"/>
              <a:gd name="connsiteX3888" fmla="*/ 2259618 w 6858000"/>
              <a:gd name="connsiteY3888" fmla="*/ 2254879 h 6858000"/>
              <a:gd name="connsiteX3889" fmla="*/ 2259618 w 6858000"/>
              <a:gd name="connsiteY3889" fmla="*/ 2273987 h 6858000"/>
              <a:gd name="connsiteX3890" fmla="*/ 2278726 w 6858000"/>
              <a:gd name="connsiteY3890" fmla="*/ 2273987 h 6858000"/>
              <a:gd name="connsiteX3891" fmla="*/ 2278726 w 6858000"/>
              <a:gd name="connsiteY3891" fmla="*/ 2254879 h 6858000"/>
              <a:gd name="connsiteX3892" fmla="*/ 2134153 w 6858000"/>
              <a:gd name="connsiteY3892" fmla="*/ 2252509 h 6858000"/>
              <a:gd name="connsiteX3893" fmla="*/ 2134153 w 6858000"/>
              <a:gd name="connsiteY3893" fmla="*/ 2276394 h 6858000"/>
              <a:gd name="connsiteX3894" fmla="*/ 2158039 w 6858000"/>
              <a:gd name="connsiteY3894" fmla="*/ 2276394 h 6858000"/>
              <a:gd name="connsiteX3895" fmla="*/ 2158039 w 6858000"/>
              <a:gd name="connsiteY3895" fmla="*/ 2252509 h 6858000"/>
              <a:gd name="connsiteX3896" fmla="*/ 2008282 w 6858000"/>
              <a:gd name="connsiteY3896" fmla="*/ 2249656 h 6858000"/>
              <a:gd name="connsiteX3897" fmla="*/ 2008282 w 6858000"/>
              <a:gd name="connsiteY3897" fmla="*/ 2279208 h 6858000"/>
              <a:gd name="connsiteX3898" fmla="*/ 2037833 w 6858000"/>
              <a:gd name="connsiteY3898" fmla="*/ 2279208 h 6858000"/>
              <a:gd name="connsiteX3899" fmla="*/ 2037833 w 6858000"/>
              <a:gd name="connsiteY3899" fmla="*/ 2249656 h 6858000"/>
              <a:gd name="connsiteX3900" fmla="*/ 1882373 w 6858000"/>
              <a:gd name="connsiteY3900" fmla="*/ 2246843 h 6858000"/>
              <a:gd name="connsiteX3901" fmla="*/ 1882373 w 6858000"/>
              <a:gd name="connsiteY3901" fmla="*/ 2282023 h 6858000"/>
              <a:gd name="connsiteX3902" fmla="*/ 1917553 w 6858000"/>
              <a:gd name="connsiteY3902" fmla="*/ 2282023 h 6858000"/>
              <a:gd name="connsiteX3903" fmla="*/ 1917553 w 6858000"/>
              <a:gd name="connsiteY3903" fmla="*/ 2246843 h 6858000"/>
              <a:gd name="connsiteX3904" fmla="*/ 1756279 w 6858000"/>
              <a:gd name="connsiteY3904" fmla="*/ 2243806 h 6858000"/>
              <a:gd name="connsiteX3905" fmla="*/ 1756279 w 6858000"/>
              <a:gd name="connsiteY3905" fmla="*/ 2285059 h 6858000"/>
              <a:gd name="connsiteX3906" fmla="*/ 1797533 w 6858000"/>
              <a:gd name="connsiteY3906" fmla="*/ 2285059 h 6858000"/>
              <a:gd name="connsiteX3907" fmla="*/ 1797533 w 6858000"/>
              <a:gd name="connsiteY3907" fmla="*/ 2243806 h 6858000"/>
              <a:gd name="connsiteX3908" fmla="*/ 1630185 w 6858000"/>
              <a:gd name="connsiteY3908" fmla="*/ 2240769 h 6858000"/>
              <a:gd name="connsiteX3909" fmla="*/ 1630185 w 6858000"/>
              <a:gd name="connsiteY3909" fmla="*/ 2288096 h 6858000"/>
              <a:gd name="connsiteX3910" fmla="*/ 1677512 w 6858000"/>
              <a:gd name="connsiteY3910" fmla="*/ 2288096 h 6858000"/>
              <a:gd name="connsiteX3911" fmla="*/ 1677512 w 6858000"/>
              <a:gd name="connsiteY3911" fmla="*/ 2240769 h 6858000"/>
              <a:gd name="connsiteX3912" fmla="*/ 1504313 w 6858000"/>
              <a:gd name="connsiteY3912" fmla="*/ 2237918 h 6858000"/>
              <a:gd name="connsiteX3913" fmla="*/ 1504313 w 6858000"/>
              <a:gd name="connsiteY3913" fmla="*/ 2290910 h 6858000"/>
              <a:gd name="connsiteX3914" fmla="*/ 1557306 w 6858000"/>
              <a:gd name="connsiteY3914" fmla="*/ 2290910 h 6858000"/>
              <a:gd name="connsiteX3915" fmla="*/ 1557306 w 6858000"/>
              <a:gd name="connsiteY3915" fmla="*/ 2237918 h 6858000"/>
              <a:gd name="connsiteX3916" fmla="*/ 1378219 w 6858000"/>
              <a:gd name="connsiteY3916" fmla="*/ 2234918 h 6858000"/>
              <a:gd name="connsiteX3917" fmla="*/ 1378219 w 6858000"/>
              <a:gd name="connsiteY3917" fmla="*/ 2293984 h 6858000"/>
              <a:gd name="connsiteX3918" fmla="*/ 1437285 w 6858000"/>
              <a:gd name="connsiteY3918" fmla="*/ 2293984 h 6858000"/>
              <a:gd name="connsiteX3919" fmla="*/ 1437285 w 6858000"/>
              <a:gd name="connsiteY3919" fmla="*/ 2234918 h 6858000"/>
              <a:gd name="connsiteX3920" fmla="*/ 1252311 w 6858000"/>
              <a:gd name="connsiteY3920" fmla="*/ 2232066 h 6858000"/>
              <a:gd name="connsiteX3921" fmla="*/ 1252311 w 6858000"/>
              <a:gd name="connsiteY3921" fmla="*/ 2296798 h 6858000"/>
              <a:gd name="connsiteX3922" fmla="*/ 1317043 w 6858000"/>
              <a:gd name="connsiteY3922" fmla="*/ 2296798 h 6858000"/>
              <a:gd name="connsiteX3923" fmla="*/ 1317043 w 6858000"/>
              <a:gd name="connsiteY3923" fmla="*/ 2232066 h 6858000"/>
              <a:gd name="connsiteX3924" fmla="*/ 1126661 w 6858000"/>
              <a:gd name="connsiteY3924" fmla="*/ 2229474 h 6858000"/>
              <a:gd name="connsiteX3925" fmla="*/ 1126661 w 6858000"/>
              <a:gd name="connsiteY3925" fmla="*/ 2299391 h 6858000"/>
              <a:gd name="connsiteX3926" fmla="*/ 1196577 w 6858000"/>
              <a:gd name="connsiteY3926" fmla="*/ 2299391 h 6858000"/>
              <a:gd name="connsiteX3927" fmla="*/ 1196577 w 6858000"/>
              <a:gd name="connsiteY3927" fmla="*/ 2229474 h 6858000"/>
              <a:gd name="connsiteX3928" fmla="*/ 1001197 w 6858000"/>
              <a:gd name="connsiteY3928" fmla="*/ 2227105 h 6858000"/>
              <a:gd name="connsiteX3929" fmla="*/ 1001197 w 6858000"/>
              <a:gd name="connsiteY3929" fmla="*/ 2301799 h 6858000"/>
              <a:gd name="connsiteX3930" fmla="*/ 1075891 w 6858000"/>
              <a:gd name="connsiteY3930" fmla="*/ 2301799 h 6858000"/>
              <a:gd name="connsiteX3931" fmla="*/ 1075891 w 6858000"/>
              <a:gd name="connsiteY3931" fmla="*/ 2227105 h 6858000"/>
              <a:gd name="connsiteX3932" fmla="*/ 875769 w 6858000"/>
              <a:gd name="connsiteY3932" fmla="*/ 2224697 h 6858000"/>
              <a:gd name="connsiteX3933" fmla="*/ 875769 w 6858000"/>
              <a:gd name="connsiteY3933" fmla="*/ 2304168 h 6858000"/>
              <a:gd name="connsiteX3934" fmla="*/ 955240 w 6858000"/>
              <a:gd name="connsiteY3934" fmla="*/ 2304168 h 6858000"/>
              <a:gd name="connsiteX3935" fmla="*/ 955240 w 6858000"/>
              <a:gd name="connsiteY3935" fmla="*/ 2224697 h 6858000"/>
              <a:gd name="connsiteX3936" fmla="*/ 750971 w 6858000"/>
              <a:gd name="connsiteY3936" fmla="*/ 2222957 h 6858000"/>
              <a:gd name="connsiteX3937" fmla="*/ 750971 w 6858000"/>
              <a:gd name="connsiteY3937" fmla="*/ 2305908 h 6858000"/>
              <a:gd name="connsiteX3938" fmla="*/ 833923 w 6858000"/>
              <a:gd name="connsiteY3938" fmla="*/ 2305908 h 6858000"/>
              <a:gd name="connsiteX3939" fmla="*/ 833923 w 6858000"/>
              <a:gd name="connsiteY3939" fmla="*/ 2222957 h 6858000"/>
              <a:gd name="connsiteX3940" fmla="*/ 626359 w 6858000"/>
              <a:gd name="connsiteY3940" fmla="*/ 2221440 h 6858000"/>
              <a:gd name="connsiteX3941" fmla="*/ 626359 w 6858000"/>
              <a:gd name="connsiteY3941" fmla="*/ 2307427 h 6858000"/>
              <a:gd name="connsiteX3942" fmla="*/ 712347 w 6858000"/>
              <a:gd name="connsiteY3942" fmla="*/ 2307427 h 6858000"/>
              <a:gd name="connsiteX3943" fmla="*/ 712347 w 6858000"/>
              <a:gd name="connsiteY3943" fmla="*/ 2221440 h 6858000"/>
              <a:gd name="connsiteX3944" fmla="*/ 502005 w 6858000"/>
              <a:gd name="connsiteY3944" fmla="*/ 2220105 h 6858000"/>
              <a:gd name="connsiteX3945" fmla="*/ 502005 w 6858000"/>
              <a:gd name="connsiteY3945" fmla="*/ 2308724 h 6858000"/>
              <a:gd name="connsiteX3946" fmla="*/ 590623 w 6858000"/>
              <a:gd name="connsiteY3946" fmla="*/ 2308724 h 6858000"/>
              <a:gd name="connsiteX3947" fmla="*/ 590623 w 6858000"/>
              <a:gd name="connsiteY3947" fmla="*/ 2220105 h 6858000"/>
              <a:gd name="connsiteX3948" fmla="*/ 378096 w 6858000"/>
              <a:gd name="connsiteY3948" fmla="*/ 2219254 h 6858000"/>
              <a:gd name="connsiteX3949" fmla="*/ 378096 w 6858000"/>
              <a:gd name="connsiteY3949" fmla="*/ 2309612 h 6858000"/>
              <a:gd name="connsiteX3950" fmla="*/ 468454 w 6858000"/>
              <a:gd name="connsiteY3950" fmla="*/ 2309612 h 6858000"/>
              <a:gd name="connsiteX3951" fmla="*/ 468454 w 6858000"/>
              <a:gd name="connsiteY3951" fmla="*/ 2219254 h 6858000"/>
              <a:gd name="connsiteX3952" fmla="*/ 8702 w 6858000"/>
              <a:gd name="connsiteY3952" fmla="*/ 2219069 h 6858000"/>
              <a:gd name="connsiteX3953" fmla="*/ 8702 w 6858000"/>
              <a:gd name="connsiteY3953" fmla="*/ 2309834 h 6858000"/>
              <a:gd name="connsiteX3954" fmla="*/ 99467 w 6858000"/>
              <a:gd name="connsiteY3954" fmla="*/ 2309834 h 6858000"/>
              <a:gd name="connsiteX3955" fmla="*/ 99467 w 6858000"/>
              <a:gd name="connsiteY3955" fmla="*/ 2219069 h 6858000"/>
              <a:gd name="connsiteX3956" fmla="*/ 254372 w 6858000"/>
              <a:gd name="connsiteY3956" fmla="*/ 2218587 h 6858000"/>
              <a:gd name="connsiteX3957" fmla="*/ 254372 w 6858000"/>
              <a:gd name="connsiteY3957" fmla="*/ 2310242 h 6858000"/>
              <a:gd name="connsiteX3958" fmla="*/ 346026 w 6858000"/>
              <a:gd name="connsiteY3958" fmla="*/ 2310242 h 6858000"/>
              <a:gd name="connsiteX3959" fmla="*/ 346026 w 6858000"/>
              <a:gd name="connsiteY3959" fmla="*/ 2218587 h 6858000"/>
              <a:gd name="connsiteX3960" fmla="*/ 130871 w 6858000"/>
              <a:gd name="connsiteY3960" fmla="*/ 2218179 h 6858000"/>
              <a:gd name="connsiteX3961" fmla="*/ 130871 w 6858000"/>
              <a:gd name="connsiteY3961" fmla="*/ 2310686 h 6858000"/>
              <a:gd name="connsiteX3962" fmla="*/ 223377 w 6858000"/>
              <a:gd name="connsiteY3962" fmla="*/ 2310686 h 6858000"/>
              <a:gd name="connsiteX3963" fmla="*/ 223377 w 6858000"/>
              <a:gd name="connsiteY3963" fmla="*/ 2218179 h 6858000"/>
              <a:gd name="connsiteX3964" fmla="*/ 3499523 w 6858000"/>
              <a:gd name="connsiteY3964" fmla="*/ 2141153 h 6858000"/>
              <a:gd name="connsiteX3965" fmla="*/ 3499523 w 6858000"/>
              <a:gd name="connsiteY3965" fmla="*/ 2141597 h 6858000"/>
              <a:gd name="connsiteX3966" fmla="*/ 3499967 w 6858000"/>
              <a:gd name="connsiteY3966" fmla="*/ 2141597 h 6858000"/>
              <a:gd name="connsiteX3967" fmla="*/ 3499967 w 6858000"/>
              <a:gd name="connsiteY3967" fmla="*/ 2141153 h 6858000"/>
              <a:gd name="connsiteX3968" fmla="*/ 3376466 w 6858000"/>
              <a:gd name="connsiteY3968" fmla="*/ 2141153 h 6858000"/>
              <a:gd name="connsiteX3969" fmla="*/ 3376466 w 6858000"/>
              <a:gd name="connsiteY3969" fmla="*/ 2141597 h 6858000"/>
              <a:gd name="connsiteX3970" fmla="*/ 3376910 w 6858000"/>
              <a:gd name="connsiteY3970" fmla="*/ 2141597 h 6858000"/>
              <a:gd name="connsiteX3971" fmla="*/ 3376910 w 6858000"/>
              <a:gd name="connsiteY3971" fmla="*/ 2141153 h 6858000"/>
              <a:gd name="connsiteX3972" fmla="*/ 3253408 w 6858000"/>
              <a:gd name="connsiteY3972" fmla="*/ 2141153 h 6858000"/>
              <a:gd name="connsiteX3973" fmla="*/ 3253408 w 6858000"/>
              <a:gd name="connsiteY3973" fmla="*/ 2141597 h 6858000"/>
              <a:gd name="connsiteX3974" fmla="*/ 3253852 w 6858000"/>
              <a:gd name="connsiteY3974" fmla="*/ 2141597 h 6858000"/>
              <a:gd name="connsiteX3975" fmla="*/ 3253852 w 6858000"/>
              <a:gd name="connsiteY3975" fmla="*/ 2141153 h 6858000"/>
              <a:gd name="connsiteX3976" fmla="*/ 3130129 w 6858000"/>
              <a:gd name="connsiteY3976" fmla="*/ 2140968 h 6858000"/>
              <a:gd name="connsiteX3977" fmla="*/ 3130129 w 6858000"/>
              <a:gd name="connsiteY3977" fmla="*/ 2141820 h 6858000"/>
              <a:gd name="connsiteX3978" fmla="*/ 3130981 w 6858000"/>
              <a:gd name="connsiteY3978" fmla="*/ 2141820 h 6858000"/>
              <a:gd name="connsiteX3979" fmla="*/ 3130981 w 6858000"/>
              <a:gd name="connsiteY3979" fmla="*/ 2140968 h 6858000"/>
              <a:gd name="connsiteX3980" fmla="*/ 3006664 w 6858000"/>
              <a:gd name="connsiteY3980" fmla="*/ 2140487 h 6858000"/>
              <a:gd name="connsiteX3981" fmla="*/ 3006664 w 6858000"/>
              <a:gd name="connsiteY3981" fmla="*/ 2142227 h 6858000"/>
              <a:gd name="connsiteX3982" fmla="*/ 3008404 w 6858000"/>
              <a:gd name="connsiteY3982" fmla="*/ 2142227 h 6858000"/>
              <a:gd name="connsiteX3983" fmla="*/ 3008404 w 6858000"/>
              <a:gd name="connsiteY3983" fmla="*/ 2140487 h 6858000"/>
              <a:gd name="connsiteX3984" fmla="*/ 2883163 w 6858000"/>
              <a:gd name="connsiteY3984" fmla="*/ 2140079 h 6858000"/>
              <a:gd name="connsiteX3985" fmla="*/ 2883163 w 6858000"/>
              <a:gd name="connsiteY3985" fmla="*/ 2142671 h 6858000"/>
              <a:gd name="connsiteX3986" fmla="*/ 2885755 w 6858000"/>
              <a:gd name="connsiteY3986" fmla="*/ 2142671 h 6858000"/>
              <a:gd name="connsiteX3987" fmla="*/ 2885755 w 6858000"/>
              <a:gd name="connsiteY3987" fmla="*/ 2140079 h 6858000"/>
              <a:gd name="connsiteX3988" fmla="*/ 2759216 w 6858000"/>
              <a:gd name="connsiteY3988" fmla="*/ 2139227 h 6858000"/>
              <a:gd name="connsiteX3989" fmla="*/ 2759216 w 6858000"/>
              <a:gd name="connsiteY3989" fmla="*/ 2143560 h 6858000"/>
              <a:gd name="connsiteX3990" fmla="*/ 2763549 w 6858000"/>
              <a:gd name="connsiteY3990" fmla="*/ 2143560 h 6858000"/>
              <a:gd name="connsiteX3991" fmla="*/ 2763549 w 6858000"/>
              <a:gd name="connsiteY3991" fmla="*/ 2139227 h 6858000"/>
              <a:gd name="connsiteX3992" fmla="*/ 2634863 w 6858000"/>
              <a:gd name="connsiteY3992" fmla="*/ 2137894 h 6858000"/>
              <a:gd name="connsiteX3993" fmla="*/ 2634863 w 6858000"/>
              <a:gd name="connsiteY3993" fmla="*/ 2144856 h 6858000"/>
              <a:gd name="connsiteX3994" fmla="*/ 2641825 w 6858000"/>
              <a:gd name="connsiteY3994" fmla="*/ 2144856 h 6858000"/>
              <a:gd name="connsiteX3995" fmla="*/ 2641825 w 6858000"/>
              <a:gd name="connsiteY3995" fmla="*/ 2137894 h 6858000"/>
              <a:gd name="connsiteX3996" fmla="*/ 2510287 w 6858000"/>
              <a:gd name="connsiteY3996" fmla="*/ 2136375 h 6858000"/>
              <a:gd name="connsiteX3997" fmla="*/ 2510287 w 6858000"/>
              <a:gd name="connsiteY3997" fmla="*/ 2146374 h 6858000"/>
              <a:gd name="connsiteX3998" fmla="*/ 2520286 w 6858000"/>
              <a:gd name="connsiteY3998" fmla="*/ 2146374 h 6858000"/>
              <a:gd name="connsiteX3999" fmla="*/ 2520286 w 6858000"/>
              <a:gd name="connsiteY3999" fmla="*/ 2136375 h 6858000"/>
              <a:gd name="connsiteX4000" fmla="*/ 2385267 w 6858000"/>
              <a:gd name="connsiteY4000" fmla="*/ 2134450 h 6858000"/>
              <a:gd name="connsiteX4001" fmla="*/ 2385267 w 6858000"/>
              <a:gd name="connsiteY4001" fmla="*/ 2148337 h 6858000"/>
              <a:gd name="connsiteX4002" fmla="*/ 2399154 w 6858000"/>
              <a:gd name="connsiteY4002" fmla="*/ 2148337 h 6858000"/>
              <a:gd name="connsiteX4003" fmla="*/ 2399154 w 6858000"/>
              <a:gd name="connsiteY4003" fmla="*/ 2134450 h 6858000"/>
              <a:gd name="connsiteX4004" fmla="*/ 2259618 w 6858000"/>
              <a:gd name="connsiteY4004" fmla="*/ 2131821 h 6858000"/>
              <a:gd name="connsiteX4005" fmla="*/ 2259618 w 6858000"/>
              <a:gd name="connsiteY4005" fmla="*/ 2150929 h 6858000"/>
              <a:gd name="connsiteX4006" fmla="*/ 2278726 w 6858000"/>
              <a:gd name="connsiteY4006" fmla="*/ 2150929 h 6858000"/>
              <a:gd name="connsiteX4007" fmla="*/ 2278726 w 6858000"/>
              <a:gd name="connsiteY4007" fmla="*/ 2131821 h 6858000"/>
              <a:gd name="connsiteX4008" fmla="*/ 2133931 w 6858000"/>
              <a:gd name="connsiteY4008" fmla="*/ 2129192 h 6858000"/>
              <a:gd name="connsiteX4009" fmla="*/ 2133931 w 6858000"/>
              <a:gd name="connsiteY4009" fmla="*/ 2153522 h 6858000"/>
              <a:gd name="connsiteX4010" fmla="*/ 2158261 w 6858000"/>
              <a:gd name="connsiteY4010" fmla="*/ 2153522 h 6858000"/>
              <a:gd name="connsiteX4011" fmla="*/ 2158261 w 6858000"/>
              <a:gd name="connsiteY4011" fmla="*/ 2129192 h 6858000"/>
              <a:gd name="connsiteX4012" fmla="*/ 2008059 w 6858000"/>
              <a:gd name="connsiteY4012" fmla="*/ 2126414 h 6858000"/>
              <a:gd name="connsiteX4013" fmla="*/ 2008059 w 6858000"/>
              <a:gd name="connsiteY4013" fmla="*/ 2156373 h 6858000"/>
              <a:gd name="connsiteX4014" fmla="*/ 2038018 w 6858000"/>
              <a:gd name="connsiteY4014" fmla="*/ 2156373 h 6858000"/>
              <a:gd name="connsiteX4015" fmla="*/ 2038018 w 6858000"/>
              <a:gd name="connsiteY4015" fmla="*/ 2126414 h 6858000"/>
              <a:gd name="connsiteX4016" fmla="*/ 1881743 w 6858000"/>
              <a:gd name="connsiteY4016" fmla="*/ 2123156 h 6858000"/>
              <a:gd name="connsiteX4017" fmla="*/ 1881743 w 6858000"/>
              <a:gd name="connsiteY4017" fmla="*/ 2159632 h 6858000"/>
              <a:gd name="connsiteX4018" fmla="*/ 1918219 w 6858000"/>
              <a:gd name="connsiteY4018" fmla="*/ 2159632 h 6858000"/>
              <a:gd name="connsiteX4019" fmla="*/ 1918219 w 6858000"/>
              <a:gd name="connsiteY4019" fmla="*/ 2123156 h 6858000"/>
              <a:gd name="connsiteX4020" fmla="*/ 1755649 w 6858000"/>
              <a:gd name="connsiteY4020" fmla="*/ 2120120 h 6858000"/>
              <a:gd name="connsiteX4021" fmla="*/ 1755649 w 6858000"/>
              <a:gd name="connsiteY4021" fmla="*/ 2162669 h 6858000"/>
              <a:gd name="connsiteX4022" fmla="*/ 1798199 w 6858000"/>
              <a:gd name="connsiteY4022" fmla="*/ 2162669 h 6858000"/>
              <a:gd name="connsiteX4023" fmla="*/ 1798199 w 6858000"/>
              <a:gd name="connsiteY4023" fmla="*/ 2120120 h 6858000"/>
              <a:gd name="connsiteX4024" fmla="*/ 1629333 w 6858000"/>
              <a:gd name="connsiteY4024" fmla="*/ 2116860 h 6858000"/>
              <a:gd name="connsiteX4025" fmla="*/ 1629333 w 6858000"/>
              <a:gd name="connsiteY4025" fmla="*/ 2165928 h 6858000"/>
              <a:gd name="connsiteX4026" fmla="*/ 1678400 w 6858000"/>
              <a:gd name="connsiteY4026" fmla="*/ 2165928 h 6858000"/>
              <a:gd name="connsiteX4027" fmla="*/ 1678400 w 6858000"/>
              <a:gd name="connsiteY4027" fmla="*/ 2116860 h 6858000"/>
              <a:gd name="connsiteX4028" fmla="*/ 1502980 w 6858000"/>
              <a:gd name="connsiteY4028" fmla="*/ 2113602 h 6858000"/>
              <a:gd name="connsiteX4029" fmla="*/ 1502980 w 6858000"/>
              <a:gd name="connsiteY4029" fmla="*/ 2169186 h 6858000"/>
              <a:gd name="connsiteX4030" fmla="*/ 1558565 w 6858000"/>
              <a:gd name="connsiteY4030" fmla="*/ 2169186 h 6858000"/>
              <a:gd name="connsiteX4031" fmla="*/ 1558565 w 6858000"/>
              <a:gd name="connsiteY4031" fmla="*/ 2113602 h 6858000"/>
              <a:gd name="connsiteX4032" fmla="*/ 1376664 w 6858000"/>
              <a:gd name="connsiteY4032" fmla="*/ 2110305 h 6858000"/>
              <a:gd name="connsiteX4033" fmla="*/ 1376664 w 6858000"/>
              <a:gd name="connsiteY4033" fmla="*/ 2172408 h 6858000"/>
              <a:gd name="connsiteX4034" fmla="*/ 1438767 w 6858000"/>
              <a:gd name="connsiteY4034" fmla="*/ 2172408 h 6858000"/>
              <a:gd name="connsiteX4035" fmla="*/ 1438767 w 6858000"/>
              <a:gd name="connsiteY4035" fmla="*/ 2110305 h 6858000"/>
              <a:gd name="connsiteX4036" fmla="*/ 1250570 w 6858000"/>
              <a:gd name="connsiteY4036" fmla="*/ 2107306 h 6858000"/>
              <a:gd name="connsiteX4037" fmla="*/ 1250570 w 6858000"/>
              <a:gd name="connsiteY4037" fmla="*/ 2175482 h 6858000"/>
              <a:gd name="connsiteX4038" fmla="*/ 1318746 w 6858000"/>
              <a:gd name="connsiteY4038" fmla="*/ 2175482 h 6858000"/>
              <a:gd name="connsiteX4039" fmla="*/ 1318746 w 6858000"/>
              <a:gd name="connsiteY4039" fmla="*/ 2107306 h 6858000"/>
              <a:gd name="connsiteX4040" fmla="*/ 1124920 w 6858000"/>
              <a:gd name="connsiteY4040" fmla="*/ 2104676 h 6858000"/>
              <a:gd name="connsiteX4041" fmla="*/ 1124920 w 6858000"/>
              <a:gd name="connsiteY4041" fmla="*/ 2178074 h 6858000"/>
              <a:gd name="connsiteX4042" fmla="*/ 1198317 w 6858000"/>
              <a:gd name="connsiteY4042" fmla="*/ 2178074 h 6858000"/>
              <a:gd name="connsiteX4043" fmla="*/ 1198317 w 6858000"/>
              <a:gd name="connsiteY4043" fmla="*/ 2104676 h 6858000"/>
              <a:gd name="connsiteX4044" fmla="*/ 999049 w 6858000"/>
              <a:gd name="connsiteY4044" fmla="*/ 2101825 h 6858000"/>
              <a:gd name="connsiteX4045" fmla="*/ 999049 w 6858000"/>
              <a:gd name="connsiteY4045" fmla="*/ 2180889 h 6858000"/>
              <a:gd name="connsiteX4046" fmla="*/ 1078112 w 6858000"/>
              <a:gd name="connsiteY4046" fmla="*/ 2180889 h 6858000"/>
              <a:gd name="connsiteX4047" fmla="*/ 1078112 w 6858000"/>
              <a:gd name="connsiteY4047" fmla="*/ 2101825 h 6858000"/>
              <a:gd name="connsiteX4048" fmla="*/ 873806 w 6858000"/>
              <a:gd name="connsiteY4048" fmla="*/ 2099677 h 6858000"/>
              <a:gd name="connsiteX4049" fmla="*/ 873806 w 6858000"/>
              <a:gd name="connsiteY4049" fmla="*/ 2183074 h 6858000"/>
              <a:gd name="connsiteX4050" fmla="*/ 957202 w 6858000"/>
              <a:gd name="connsiteY4050" fmla="*/ 2183074 h 6858000"/>
              <a:gd name="connsiteX4051" fmla="*/ 957202 w 6858000"/>
              <a:gd name="connsiteY4051" fmla="*/ 2099677 h 6858000"/>
              <a:gd name="connsiteX4052" fmla="*/ 748786 w 6858000"/>
              <a:gd name="connsiteY4052" fmla="*/ 2097751 h 6858000"/>
              <a:gd name="connsiteX4053" fmla="*/ 748786 w 6858000"/>
              <a:gd name="connsiteY4053" fmla="*/ 2185037 h 6858000"/>
              <a:gd name="connsiteX4054" fmla="*/ 836070 w 6858000"/>
              <a:gd name="connsiteY4054" fmla="*/ 2185037 h 6858000"/>
              <a:gd name="connsiteX4055" fmla="*/ 836070 w 6858000"/>
              <a:gd name="connsiteY4055" fmla="*/ 2097751 h 6858000"/>
              <a:gd name="connsiteX4056" fmla="*/ 624211 w 6858000"/>
              <a:gd name="connsiteY4056" fmla="*/ 2096242 h 6858000"/>
              <a:gd name="connsiteX4057" fmla="*/ 624211 w 6858000"/>
              <a:gd name="connsiteY4057" fmla="*/ 2186555 h 6858000"/>
              <a:gd name="connsiteX4058" fmla="*/ 714569 w 6858000"/>
              <a:gd name="connsiteY4058" fmla="*/ 2186555 h 6858000"/>
              <a:gd name="connsiteX4059" fmla="*/ 714569 w 6858000"/>
              <a:gd name="connsiteY4059" fmla="*/ 2096242 h 6858000"/>
              <a:gd name="connsiteX4060" fmla="*/ 499857 w 6858000"/>
              <a:gd name="connsiteY4060" fmla="*/ 2094944 h 6858000"/>
              <a:gd name="connsiteX4061" fmla="*/ 499857 w 6858000"/>
              <a:gd name="connsiteY4061" fmla="*/ 2187851 h 6858000"/>
              <a:gd name="connsiteX4062" fmla="*/ 592807 w 6858000"/>
              <a:gd name="connsiteY4062" fmla="*/ 2187851 h 6858000"/>
              <a:gd name="connsiteX4063" fmla="*/ 592807 w 6858000"/>
              <a:gd name="connsiteY4063" fmla="*/ 2094944 h 6858000"/>
              <a:gd name="connsiteX4064" fmla="*/ 375911 w 6858000"/>
              <a:gd name="connsiteY4064" fmla="*/ 2094053 h 6858000"/>
              <a:gd name="connsiteX4065" fmla="*/ 375911 w 6858000"/>
              <a:gd name="connsiteY4065" fmla="*/ 2188703 h 6858000"/>
              <a:gd name="connsiteX4066" fmla="*/ 470602 w 6858000"/>
              <a:gd name="connsiteY4066" fmla="*/ 2188703 h 6858000"/>
              <a:gd name="connsiteX4067" fmla="*/ 470602 w 6858000"/>
              <a:gd name="connsiteY4067" fmla="*/ 2094053 h 6858000"/>
              <a:gd name="connsiteX4068" fmla="*/ 6517 w 6858000"/>
              <a:gd name="connsiteY4068" fmla="*/ 2093833 h 6858000"/>
              <a:gd name="connsiteX4069" fmla="*/ 6517 w 6858000"/>
              <a:gd name="connsiteY4069" fmla="*/ 2188924 h 6858000"/>
              <a:gd name="connsiteX4070" fmla="*/ 101652 w 6858000"/>
              <a:gd name="connsiteY4070" fmla="*/ 2188924 h 6858000"/>
              <a:gd name="connsiteX4071" fmla="*/ 101652 w 6858000"/>
              <a:gd name="connsiteY4071" fmla="*/ 2093833 h 6858000"/>
              <a:gd name="connsiteX4072" fmla="*/ 252187 w 6858000"/>
              <a:gd name="connsiteY4072" fmla="*/ 2093426 h 6858000"/>
              <a:gd name="connsiteX4073" fmla="*/ 252187 w 6858000"/>
              <a:gd name="connsiteY4073" fmla="*/ 2189369 h 6858000"/>
              <a:gd name="connsiteX4074" fmla="*/ 348174 w 6858000"/>
              <a:gd name="connsiteY4074" fmla="*/ 2189369 h 6858000"/>
              <a:gd name="connsiteX4075" fmla="*/ 348174 w 6858000"/>
              <a:gd name="connsiteY4075" fmla="*/ 2093426 h 6858000"/>
              <a:gd name="connsiteX4076" fmla="*/ 128723 w 6858000"/>
              <a:gd name="connsiteY4076" fmla="*/ 2093019 h 6858000"/>
              <a:gd name="connsiteX4077" fmla="*/ 128723 w 6858000"/>
              <a:gd name="connsiteY4077" fmla="*/ 2189814 h 6858000"/>
              <a:gd name="connsiteX4078" fmla="*/ 225562 w 6858000"/>
              <a:gd name="connsiteY4078" fmla="*/ 2189814 h 6858000"/>
              <a:gd name="connsiteX4079" fmla="*/ 225562 w 6858000"/>
              <a:gd name="connsiteY4079" fmla="*/ 2093019 h 6858000"/>
              <a:gd name="connsiteX4080" fmla="*/ 3376466 w 6858000"/>
              <a:gd name="connsiteY4080" fmla="*/ 2018137 h 6858000"/>
              <a:gd name="connsiteX4081" fmla="*/ 3376466 w 6858000"/>
              <a:gd name="connsiteY4081" fmla="*/ 2018584 h 6858000"/>
              <a:gd name="connsiteX4082" fmla="*/ 3376910 w 6858000"/>
              <a:gd name="connsiteY4082" fmla="*/ 2018584 h 6858000"/>
              <a:gd name="connsiteX4083" fmla="*/ 3376910 w 6858000"/>
              <a:gd name="connsiteY4083" fmla="*/ 2018137 h 6858000"/>
              <a:gd name="connsiteX4084" fmla="*/ 3253408 w 6858000"/>
              <a:gd name="connsiteY4084" fmla="*/ 2018137 h 6858000"/>
              <a:gd name="connsiteX4085" fmla="*/ 3253408 w 6858000"/>
              <a:gd name="connsiteY4085" fmla="*/ 2018584 h 6858000"/>
              <a:gd name="connsiteX4086" fmla="*/ 3253852 w 6858000"/>
              <a:gd name="connsiteY4086" fmla="*/ 2018584 h 6858000"/>
              <a:gd name="connsiteX4087" fmla="*/ 3253852 w 6858000"/>
              <a:gd name="connsiteY4087" fmla="*/ 2018137 h 6858000"/>
              <a:gd name="connsiteX4088" fmla="*/ 3130351 w 6858000"/>
              <a:gd name="connsiteY4088" fmla="*/ 2018137 h 6858000"/>
              <a:gd name="connsiteX4089" fmla="*/ 3130351 w 6858000"/>
              <a:gd name="connsiteY4089" fmla="*/ 2018584 h 6858000"/>
              <a:gd name="connsiteX4090" fmla="*/ 3130795 w 6858000"/>
              <a:gd name="connsiteY4090" fmla="*/ 2018584 h 6858000"/>
              <a:gd name="connsiteX4091" fmla="*/ 3130795 w 6858000"/>
              <a:gd name="connsiteY4091" fmla="*/ 2018137 h 6858000"/>
              <a:gd name="connsiteX4092" fmla="*/ 3007072 w 6858000"/>
              <a:gd name="connsiteY4092" fmla="*/ 2017954 h 6858000"/>
              <a:gd name="connsiteX4093" fmla="*/ 3007072 w 6858000"/>
              <a:gd name="connsiteY4093" fmla="*/ 2018803 h 6858000"/>
              <a:gd name="connsiteX4094" fmla="*/ 3007924 w 6858000"/>
              <a:gd name="connsiteY4094" fmla="*/ 2018803 h 6858000"/>
              <a:gd name="connsiteX4095" fmla="*/ 3007924 w 6858000"/>
              <a:gd name="connsiteY4095" fmla="*/ 2017954 h 6858000"/>
              <a:gd name="connsiteX4096" fmla="*/ 2883385 w 6858000"/>
              <a:gd name="connsiteY4096" fmla="*/ 2017252 h 6858000"/>
              <a:gd name="connsiteX4097" fmla="*/ 2883385 w 6858000"/>
              <a:gd name="connsiteY4097" fmla="*/ 2019436 h 6858000"/>
              <a:gd name="connsiteX4098" fmla="*/ 2885570 w 6858000"/>
              <a:gd name="connsiteY4098" fmla="*/ 2019436 h 6858000"/>
              <a:gd name="connsiteX4099" fmla="*/ 2885570 w 6858000"/>
              <a:gd name="connsiteY4099" fmla="*/ 2017252 h 6858000"/>
              <a:gd name="connsiteX4100" fmla="*/ 2759661 w 6858000"/>
              <a:gd name="connsiteY4100" fmla="*/ 2016620 h 6858000"/>
              <a:gd name="connsiteX4101" fmla="*/ 2759661 w 6858000"/>
              <a:gd name="connsiteY4101" fmla="*/ 2020102 h 6858000"/>
              <a:gd name="connsiteX4102" fmla="*/ 2763142 w 6858000"/>
              <a:gd name="connsiteY4102" fmla="*/ 2020102 h 6858000"/>
              <a:gd name="connsiteX4103" fmla="*/ 2763142 w 6858000"/>
              <a:gd name="connsiteY4103" fmla="*/ 2016620 h 6858000"/>
              <a:gd name="connsiteX4104" fmla="*/ 2635530 w 6858000"/>
              <a:gd name="connsiteY4104" fmla="*/ 2015546 h 6858000"/>
              <a:gd name="connsiteX4105" fmla="*/ 2635530 w 6858000"/>
              <a:gd name="connsiteY4105" fmla="*/ 2021176 h 6858000"/>
              <a:gd name="connsiteX4106" fmla="*/ 2641159 w 6858000"/>
              <a:gd name="connsiteY4106" fmla="*/ 2021176 h 6858000"/>
              <a:gd name="connsiteX4107" fmla="*/ 2641159 w 6858000"/>
              <a:gd name="connsiteY4107" fmla="*/ 2015546 h 6858000"/>
              <a:gd name="connsiteX4108" fmla="*/ 2510732 w 6858000"/>
              <a:gd name="connsiteY4108" fmla="*/ 2013806 h 6858000"/>
              <a:gd name="connsiteX4109" fmla="*/ 2510732 w 6858000"/>
              <a:gd name="connsiteY4109" fmla="*/ 2022917 h 6858000"/>
              <a:gd name="connsiteX4110" fmla="*/ 2519842 w 6858000"/>
              <a:gd name="connsiteY4110" fmla="*/ 2022917 h 6858000"/>
              <a:gd name="connsiteX4111" fmla="*/ 2519842 w 6858000"/>
              <a:gd name="connsiteY4111" fmla="*/ 2013806 h 6858000"/>
              <a:gd name="connsiteX4112" fmla="*/ 2385490 w 6858000"/>
              <a:gd name="connsiteY4112" fmla="*/ 2011621 h 6858000"/>
              <a:gd name="connsiteX4113" fmla="*/ 2385490 w 6858000"/>
              <a:gd name="connsiteY4113" fmla="*/ 2025099 h 6858000"/>
              <a:gd name="connsiteX4114" fmla="*/ 2398970 w 6858000"/>
              <a:gd name="connsiteY4114" fmla="*/ 2025099 h 6858000"/>
              <a:gd name="connsiteX4115" fmla="*/ 2398970 w 6858000"/>
              <a:gd name="connsiteY4115" fmla="*/ 2011621 h 6858000"/>
              <a:gd name="connsiteX4116" fmla="*/ 2259803 w 6858000"/>
              <a:gd name="connsiteY4116" fmla="*/ 2009031 h 6858000"/>
              <a:gd name="connsiteX4117" fmla="*/ 2259803 w 6858000"/>
              <a:gd name="connsiteY4117" fmla="*/ 2027693 h 6858000"/>
              <a:gd name="connsiteX4118" fmla="*/ 2278467 w 6858000"/>
              <a:gd name="connsiteY4118" fmla="*/ 2027693 h 6858000"/>
              <a:gd name="connsiteX4119" fmla="*/ 2278467 w 6858000"/>
              <a:gd name="connsiteY4119" fmla="*/ 2009031 h 6858000"/>
              <a:gd name="connsiteX4120" fmla="*/ 2133709 w 6858000"/>
              <a:gd name="connsiteY4120" fmla="*/ 2005956 h 6858000"/>
              <a:gd name="connsiteX4121" fmla="*/ 2133709 w 6858000"/>
              <a:gd name="connsiteY4121" fmla="*/ 2030730 h 6858000"/>
              <a:gd name="connsiteX4122" fmla="*/ 2158483 w 6858000"/>
              <a:gd name="connsiteY4122" fmla="*/ 2030730 h 6858000"/>
              <a:gd name="connsiteX4123" fmla="*/ 2158483 w 6858000"/>
              <a:gd name="connsiteY4123" fmla="*/ 2005956 h 6858000"/>
              <a:gd name="connsiteX4124" fmla="*/ 2007615 w 6858000"/>
              <a:gd name="connsiteY4124" fmla="*/ 2002919 h 6858000"/>
              <a:gd name="connsiteX4125" fmla="*/ 2007615 w 6858000"/>
              <a:gd name="connsiteY4125" fmla="*/ 2033765 h 6858000"/>
              <a:gd name="connsiteX4126" fmla="*/ 2038463 w 6858000"/>
              <a:gd name="connsiteY4126" fmla="*/ 2033765 h 6858000"/>
              <a:gd name="connsiteX4127" fmla="*/ 2038463 w 6858000"/>
              <a:gd name="connsiteY4127" fmla="*/ 2002919 h 6858000"/>
              <a:gd name="connsiteX4128" fmla="*/ 1881299 w 6858000"/>
              <a:gd name="connsiteY4128" fmla="*/ 1999658 h 6858000"/>
              <a:gd name="connsiteX4129" fmla="*/ 1881299 w 6858000"/>
              <a:gd name="connsiteY4129" fmla="*/ 2037027 h 6858000"/>
              <a:gd name="connsiteX4130" fmla="*/ 1918664 w 6858000"/>
              <a:gd name="connsiteY4130" fmla="*/ 2037027 h 6858000"/>
              <a:gd name="connsiteX4131" fmla="*/ 1918664 w 6858000"/>
              <a:gd name="connsiteY4131" fmla="*/ 1999658 h 6858000"/>
              <a:gd name="connsiteX4132" fmla="*/ 1754761 w 6858000"/>
              <a:gd name="connsiteY4132" fmla="*/ 1996214 h 6858000"/>
              <a:gd name="connsiteX4133" fmla="*/ 1754761 w 6858000"/>
              <a:gd name="connsiteY4133" fmla="*/ 2040505 h 6858000"/>
              <a:gd name="connsiteX4134" fmla="*/ 1799051 w 6858000"/>
              <a:gd name="connsiteY4134" fmla="*/ 2040505 h 6858000"/>
              <a:gd name="connsiteX4135" fmla="*/ 1799051 w 6858000"/>
              <a:gd name="connsiteY4135" fmla="*/ 1996214 h 6858000"/>
              <a:gd name="connsiteX4136" fmla="*/ 1628222 w 6858000"/>
              <a:gd name="connsiteY4136" fmla="*/ 1992733 h 6858000"/>
              <a:gd name="connsiteX4137" fmla="*/ 1628222 w 6858000"/>
              <a:gd name="connsiteY4137" fmla="*/ 2043987 h 6858000"/>
              <a:gd name="connsiteX4138" fmla="*/ 1679474 w 6858000"/>
              <a:gd name="connsiteY4138" fmla="*/ 2043987 h 6858000"/>
              <a:gd name="connsiteX4139" fmla="*/ 1679474 w 6858000"/>
              <a:gd name="connsiteY4139" fmla="*/ 1992733 h 6858000"/>
              <a:gd name="connsiteX4140" fmla="*/ 1501684 w 6858000"/>
              <a:gd name="connsiteY4140" fmla="*/ 1989256 h 6858000"/>
              <a:gd name="connsiteX4141" fmla="*/ 1501684 w 6858000"/>
              <a:gd name="connsiteY4141" fmla="*/ 2047469 h 6858000"/>
              <a:gd name="connsiteX4142" fmla="*/ 1559898 w 6858000"/>
              <a:gd name="connsiteY4142" fmla="*/ 2047469 h 6858000"/>
              <a:gd name="connsiteX4143" fmla="*/ 1559898 w 6858000"/>
              <a:gd name="connsiteY4143" fmla="*/ 1989256 h 6858000"/>
              <a:gd name="connsiteX4144" fmla="*/ 1375368 w 6858000"/>
              <a:gd name="connsiteY4144" fmla="*/ 1985993 h 6858000"/>
              <a:gd name="connsiteX4145" fmla="*/ 1375368 w 6858000"/>
              <a:gd name="connsiteY4145" fmla="*/ 2050726 h 6858000"/>
              <a:gd name="connsiteX4146" fmla="*/ 1440100 w 6858000"/>
              <a:gd name="connsiteY4146" fmla="*/ 2050726 h 6858000"/>
              <a:gd name="connsiteX4147" fmla="*/ 1440100 w 6858000"/>
              <a:gd name="connsiteY4147" fmla="*/ 1985993 h 6858000"/>
              <a:gd name="connsiteX4148" fmla="*/ 1249274 w 6858000"/>
              <a:gd name="connsiteY4148" fmla="*/ 1982959 h 6858000"/>
              <a:gd name="connsiteX4149" fmla="*/ 1249274 w 6858000"/>
              <a:gd name="connsiteY4149" fmla="*/ 2053763 h 6858000"/>
              <a:gd name="connsiteX4150" fmla="*/ 1320079 w 6858000"/>
              <a:gd name="connsiteY4150" fmla="*/ 2053763 h 6858000"/>
              <a:gd name="connsiteX4151" fmla="*/ 1320079 w 6858000"/>
              <a:gd name="connsiteY4151" fmla="*/ 1982959 h 6858000"/>
              <a:gd name="connsiteX4152" fmla="*/ 1123180 w 6858000"/>
              <a:gd name="connsiteY4152" fmla="*/ 1979921 h 6858000"/>
              <a:gd name="connsiteX4153" fmla="*/ 1123180 w 6858000"/>
              <a:gd name="connsiteY4153" fmla="*/ 2056799 h 6858000"/>
              <a:gd name="connsiteX4154" fmla="*/ 1200058 w 6858000"/>
              <a:gd name="connsiteY4154" fmla="*/ 2056799 h 6858000"/>
              <a:gd name="connsiteX4155" fmla="*/ 1200058 w 6858000"/>
              <a:gd name="connsiteY4155" fmla="*/ 1979921 h 6858000"/>
              <a:gd name="connsiteX4156" fmla="*/ 997308 w 6858000"/>
              <a:gd name="connsiteY4156" fmla="*/ 1977105 h 6858000"/>
              <a:gd name="connsiteX4157" fmla="*/ 997308 w 6858000"/>
              <a:gd name="connsiteY4157" fmla="*/ 2059616 h 6858000"/>
              <a:gd name="connsiteX4158" fmla="*/ 1079815 w 6858000"/>
              <a:gd name="connsiteY4158" fmla="*/ 2059616 h 6858000"/>
              <a:gd name="connsiteX4159" fmla="*/ 1079815 w 6858000"/>
              <a:gd name="connsiteY4159" fmla="*/ 1977105 h 6858000"/>
              <a:gd name="connsiteX4160" fmla="*/ 871844 w 6858000"/>
              <a:gd name="connsiteY4160" fmla="*/ 1974737 h 6858000"/>
              <a:gd name="connsiteX4161" fmla="*/ 871844 w 6858000"/>
              <a:gd name="connsiteY4161" fmla="*/ 2062024 h 6858000"/>
              <a:gd name="connsiteX4162" fmla="*/ 959128 w 6858000"/>
              <a:gd name="connsiteY4162" fmla="*/ 2062024 h 6858000"/>
              <a:gd name="connsiteX4163" fmla="*/ 959128 w 6858000"/>
              <a:gd name="connsiteY4163" fmla="*/ 1974737 h 6858000"/>
              <a:gd name="connsiteX4164" fmla="*/ 746602 w 6858000"/>
              <a:gd name="connsiteY4164" fmla="*/ 1972513 h 6858000"/>
              <a:gd name="connsiteX4165" fmla="*/ 746602 w 6858000"/>
              <a:gd name="connsiteY4165" fmla="*/ 2064169 h 6858000"/>
              <a:gd name="connsiteX4166" fmla="*/ 838256 w 6858000"/>
              <a:gd name="connsiteY4166" fmla="*/ 2064169 h 6858000"/>
              <a:gd name="connsiteX4167" fmla="*/ 838256 w 6858000"/>
              <a:gd name="connsiteY4167" fmla="*/ 1972513 h 6858000"/>
              <a:gd name="connsiteX4168" fmla="*/ 622026 w 6858000"/>
              <a:gd name="connsiteY4168" fmla="*/ 1970995 h 6858000"/>
              <a:gd name="connsiteX4169" fmla="*/ 622026 w 6858000"/>
              <a:gd name="connsiteY4169" fmla="*/ 2065690 h 6858000"/>
              <a:gd name="connsiteX4170" fmla="*/ 716717 w 6858000"/>
              <a:gd name="connsiteY4170" fmla="*/ 2065690 h 6858000"/>
              <a:gd name="connsiteX4171" fmla="*/ 716717 w 6858000"/>
              <a:gd name="connsiteY4171" fmla="*/ 1970995 h 6858000"/>
              <a:gd name="connsiteX4172" fmla="*/ 497672 w 6858000"/>
              <a:gd name="connsiteY4172" fmla="*/ 1969699 h 6858000"/>
              <a:gd name="connsiteX4173" fmla="*/ 497672 w 6858000"/>
              <a:gd name="connsiteY4173" fmla="*/ 2066982 h 6858000"/>
              <a:gd name="connsiteX4174" fmla="*/ 594955 w 6858000"/>
              <a:gd name="connsiteY4174" fmla="*/ 2066982 h 6858000"/>
              <a:gd name="connsiteX4175" fmla="*/ 594955 w 6858000"/>
              <a:gd name="connsiteY4175" fmla="*/ 1969699 h 6858000"/>
              <a:gd name="connsiteX4176" fmla="*/ 373949 w 6858000"/>
              <a:gd name="connsiteY4176" fmla="*/ 1969073 h 6858000"/>
              <a:gd name="connsiteX4177" fmla="*/ 373949 w 6858000"/>
              <a:gd name="connsiteY4177" fmla="*/ 2067652 h 6858000"/>
              <a:gd name="connsiteX4178" fmla="*/ 472528 w 6858000"/>
              <a:gd name="connsiteY4178" fmla="*/ 2067652 h 6858000"/>
              <a:gd name="connsiteX4179" fmla="*/ 472528 w 6858000"/>
              <a:gd name="connsiteY4179" fmla="*/ 1969073 h 6858000"/>
              <a:gd name="connsiteX4180" fmla="*/ 4777 w 6858000"/>
              <a:gd name="connsiteY4180" fmla="*/ 1969073 h 6858000"/>
              <a:gd name="connsiteX4181" fmla="*/ 4777 w 6858000"/>
              <a:gd name="connsiteY4181" fmla="*/ 2067652 h 6858000"/>
              <a:gd name="connsiteX4182" fmla="*/ 103356 w 6858000"/>
              <a:gd name="connsiteY4182" fmla="*/ 2067652 h 6858000"/>
              <a:gd name="connsiteX4183" fmla="*/ 103356 w 6858000"/>
              <a:gd name="connsiteY4183" fmla="*/ 1969073 h 6858000"/>
              <a:gd name="connsiteX4184" fmla="*/ 250262 w 6858000"/>
              <a:gd name="connsiteY4184" fmla="*/ 1968405 h 6858000"/>
              <a:gd name="connsiteX4185" fmla="*/ 250262 w 6858000"/>
              <a:gd name="connsiteY4185" fmla="*/ 2068317 h 6858000"/>
              <a:gd name="connsiteX4186" fmla="*/ 350174 w 6858000"/>
              <a:gd name="connsiteY4186" fmla="*/ 2068317 h 6858000"/>
              <a:gd name="connsiteX4187" fmla="*/ 350174 w 6858000"/>
              <a:gd name="connsiteY4187" fmla="*/ 1968405 h 6858000"/>
              <a:gd name="connsiteX4188" fmla="*/ 126760 w 6858000"/>
              <a:gd name="connsiteY4188" fmla="*/ 1967957 h 6858000"/>
              <a:gd name="connsiteX4189" fmla="*/ 126760 w 6858000"/>
              <a:gd name="connsiteY4189" fmla="*/ 2068725 h 6858000"/>
              <a:gd name="connsiteX4190" fmla="*/ 227524 w 6858000"/>
              <a:gd name="connsiteY4190" fmla="*/ 2068725 h 6858000"/>
              <a:gd name="connsiteX4191" fmla="*/ 227524 w 6858000"/>
              <a:gd name="connsiteY4191" fmla="*/ 1967957 h 6858000"/>
              <a:gd name="connsiteX4192" fmla="*/ 3499523 w 6858000"/>
              <a:gd name="connsiteY4192" fmla="*/ 1895081 h 6858000"/>
              <a:gd name="connsiteX4193" fmla="*/ 3499523 w 6858000"/>
              <a:gd name="connsiteY4193" fmla="*/ 1895523 h 6858000"/>
              <a:gd name="connsiteX4194" fmla="*/ 3499967 w 6858000"/>
              <a:gd name="connsiteY4194" fmla="*/ 1895523 h 6858000"/>
              <a:gd name="connsiteX4195" fmla="*/ 3499967 w 6858000"/>
              <a:gd name="connsiteY4195" fmla="*/ 1895081 h 6858000"/>
              <a:gd name="connsiteX4196" fmla="*/ 3376466 w 6858000"/>
              <a:gd name="connsiteY4196" fmla="*/ 1895081 h 6858000"/>
              <a:gd name="connsiteX4197" fmla="*/ 3376466 w 6858000"/>
              <a:gd name="connsiteY4197" fmla="*/ 1895523 h 6858000"/>
              <a:gd name="connsiteX4198" fmla="*/ 3376910 w 6858000"/>
              <a:gd name="connsiteY4198" fmla="*/ 1895523 h 6858000"/>
              <a:gd name="connsiteX4199" fmla="*/ 3376910 w 6858000"/>
              <a:gd name="connsiteY4199" fmla="*/ 1895081 h 6858000"/>
              <a:gd name="connsiteX4200" fmla="*/ 3253408 w 6858000"/>
              <a:gd name="connsiteY4200" fmla="*/ 1895081 h 6858000"/>
              <a:gd name="connsiteX4201" fmla="*/ 3253408 w 6858000"/>
              <a:gd name="connsiteY4201" fmla="*/ 1895523 h 6858000"/>
              <a:gd name="connsiteX4202" fmla="*/ 3253852 w 6858000"/>
              <a:gd name="connsiteY4202" fmla="*/ 1895523 h 6858000"/>
              <a:gd name="connsiteX4203" fmla="*/ 3253852 w 6858000"/>
              <a:gd name="connsiteY4203" fmla="*/ 1895081 h 6858000"/>
              <a:gd name="connsiteX4204" fmla="*/ 3130351 w 6858000"/>
              <a:gd name="connsiteY4204" fmla="*/ 1895081 h 6858000"/>
              <a:gd name="connsiteX4205" fmla="*/ 3130351 w 6858000"/>
              <a:gd name="connsiteY4205" fmla="*/ 1895523 h 6858000"/>
              <a:gd name="connsiteX4206" fmla="*/ 3130795 w 6858000"/>
              <a:gd name="connsiteY4206" fmla="*/ 1895523 h 6858000"/>
              <a:gd name="connsiteX4207" fmla="*/ 3130795 w 6858000"/>
              <a:gd name="connsiteY4207" fmla="*/ 1895081 h 6858000"/>
              <a:gd name="connsiteX4208" fmla="*/ 3007294 w 6858000"/>
              <a:gd name="connsiteY4208" fmla="*/ 1895081 h 6858000"/>
              <a:gd name="connsiteX4209" fmla="*/ 3007294 w 6858000"/>
              <a:gd name="connsiteY4209" fmla="*/ 1895523 h 6858000"/>
              <a:gd name="connsiteX4210" fmla="*/ 3007738 w 6858000"/>
              <a:gd name="connsiteY4210" fmla="*/ 1895523 h 6858000"/>
              <a:gd name="connsiteX4211" fmla="*/ 3007738 w 6858000"/>
              <a:gd name="connsiteY4211" fmla="*/ 1895081 h 6858000"/>
              <a:gd name="connsiteX4212" fmla="*/ 2883792 w 6858000"/>
              <a:gd name="connsiteY4212" fmla="*/ 1894635 h 6858000"/>
              <a:gd name="connsiteX4213" fmla="*/ 2883792 w 6858000"/>
              <a:gd name="connsiteY4213" fmla="*/ 1895930 h 6858000"/>
              <a:gd name="connsiteX4214" fmla="*/ 2885088 w 6858000"/>
              <a:gd name="connsiteY4214" fmla="*/ 1895930 h 6858000"/>
              <a:gd name="connsiteX4215" fmla="*/ 2885088 w 6858000"/>
              <a:gd name="connsiteY4215" fmla="*/ 1894635 h 6858000"/>
              <a:gd name="connsiteX4216" fmla="*/ 2760105 w 6858000"/>
              <a:gd name="connsiteY4216" fmla="*/ 1894008 h 6858000"/>
              <a:gd name="connsiteX4217" fmla="*/ 2760105 w 6858000"/>
              <a:gd name="connsiteY4217" fmla="*/ 1896598 h 6858000"/>
              <a:gd name="connsiteX4218" fmla="*/ 2762697 w 6858000"/>
              <a:gd name="connsiteY4218" fmla="*/ 1896598 h 6858000"/>
              <a:gd name="connsiteX4219" fmla="*/ 2762697 w 6858000"/>
              <a:gd name="connsiteY4219" fmla="*/ 1894008 h 6858000"/>
              <a:gd name="connsiteX4220" fmla="*/ 2635937 w 6858000"/>
              <a:gd name="connsiteY4220" fmla="*/ 1892894 h 6858000"/>
              <a:gd name="connsiteX4221" fmla="*/ 2635937 w 6858000"/>
              <a:gd name="connsiteY4221" fmla="*/ 1897672 h 6858000"/>
              <a:gd name="connsiteX4222" fmla="*/ 2640714 w 6858000"/>
              <a:gd name="connsiteY4222" fmla="*/ 1897672 h 6858000"/>
              <a:gd name="connsiteX4223" fmla="*/ 2640714 w 6858000"/>
              <a:gd name="connsiteY4223" fmla="*/ 1892894 h 6858000"/>
              <a:gd name="connsiteX4224" fmla="*/ 2511139 w 6858000"/>
              <a:gd name="connsiteY4224" fmla="*/ 1891153 h 6858000"/>
              <a:gd name="connsiteX4225" fmla="*/ 2511139 w 6858000"/>
              <a:gd name="connsiteY4225" fmla="*/ 1899413 h 6858000"/>
              <a:gd name="connsiteX4226" fmla="*/ 2519397 w 6858000"/>
              <a:gd name="connsiteY4226" fmla="*/ 1899413 h 6858000"/>
              <a:gd name="connsiteX4227" fmla="*/ 2519397 w 6858000"/>
              <a:gd name="connsiteY4227" fmla="*/ 1891153 h 6858000"/>
              <a:gd name="connsiteX4228" fmla="*/ 2385712 w 6858000"/>
              <a:gd name="connsiteY4228" fmla="*/ 1888786 h 6858000"/>
              <a:gd name="connsiteX4229" fmla="*/ 2385712 w 6858000"/>
              <a:gd name="connsiteY4229" fmla="*/ 1901821 h 6858000"/>
              <a:gd name="connsiteX4230" fmla="*/ 2398747 w 6858000"/>
              <a:gd name="connsiteY4230" fmla="*/ 1901821 h 6858000"/>
              <a:gd name="connsiteX4231" fmla="*/ 2398747 w 6858000"/>
              <a:gd name="connsiteY4231" fmla="*/ 1888786 h 6858000"/>
              <a:gd name="connsiteX4232" fmla="*/ 2259803 w 6858000"/>
              <a:gd name="connsiteY4232" fmla="*/ 1885970 h 6858000"/>
              <a:gd name="connsiteX4233" fmla="*/ 2259803 w 6858000"/>
              <a:gd name="connsiteY4233" fmla="*/ 1904636 h 6858000"/>
              <a:gd name="connsiteX4234" fmla="*/ 2278467 w 6858000"/>
              <a:gd name="connsiteY4234" fmla="*/ 1904636 h 6858000"/>
              <a:gd name="connsiteX4235" fmla="*/ 2278467 w 6858000"/>
              <a:gd name="connsiteY4235" fmla="*/ 1885970 h 6858000"/>
              <a:gd name="connsiteX4236" fmla="*/ 2133487 w 6858000"/>
              <a:gd name="connsiteY4236" fmla="*/ 1882712 h 6858000"/>
              <a:gd name="connsiteX4237" fmla="*/ 2133487 w 6858000"/>
              <a:gd name="connsiteY4237" fmla="*/ 1907894 h 6858000"/>
              <a:gd name="connsiteX4238" fmla="*/ 2158669 w 6858000"/>
              <a:gd name="connsiteY4238" fmla="*/ 1907894 h 6858000"/>
              <a:gd name="connsiteX4239" fmla="*/ 2158669 w 6858000"/>
              <a:gd name="connsiteY4239" fmla="*/ 1882712 h 6858000"/>
              <a:gd name="connsiteX4240" fmla="*/ 2007171 w 6858000"/>
              <a:gd name="connsiteY4240" fmla="*/ 1879450 h 6858000"/>
              <a:gd name="connsiteX4241" fmla="*/ 2007171 w 6858000"/>
              <a:gd name="connsiteY4241" fmla="*/ 1911151 h 6858000"/>
              <a:gd name="connsiteX4242" fmla="*/ 2038870 w 6858000"/>
              <a:gd name="connsiteY4242" fmla="*/ 1911151 h 6858000"/>
              <a:gd name="connsiteX4243" fmla="*/ 2038870 w 6858000"/>
              <a:gd name="connsiteY4243" fmla="*/ 1879450 h 6858000"/>
              <a:gd name="connsiteX4244" fmla="*/ 1880632 w 6858000"/>
              <a:gd name="connsiteY4244" fmla="*/ 1875973 h 6858000"/>
              <a:gd name="connsiteX4245" fmla="*/ 1880632 w 6858000"/>
              <a:gd name="connsiteY4245" fmla="*/ 1914633 h 6858000"/>
              <a:gd name="connsiteX4246" fmla="*/ 1919293 w 6858000"/>
              <a:gd name="connsiteY4246" fmla="*/ 1914633 h 6858000"/>
              <a:gd name="connsiteX4247" fmla="*/ 1919293 w 6858000"/>
              <a:gd name="connsiteY4247" fmla="*/ 1875973 h 6858000"/>
              <a:gd name="connsiteX4248" fmla="*/ 1754131 w 6858000"/>
              <a:gd name="connsiteY4248" fmla="*/ 1872492 h 6858000"/>
              <a:gd name="connsiteX4249" fmla="*/ 1754131 w 6858000"/>
              <a:gd name="connsiteY4249" fmla="*/ 1918078 h 6858000"/>
              <a:gd name="connsiteX4250" fmla="*/ 1799717 w 6858000"/>
              <a:gd name="connsiteY4250" fmla="*/ 1918078 h 6858000"/>
              <a:gd name="connsiteX4251" fmla="*/ 1799717 w 6858000"/>
              <a:gd name="connsiteY4251" fmla="*/ 1872492 h 6858000"/>
              <a:gd name="connsiteX4252" fmla="*/ 1627371 w 6858000"/>
              <a:gd name="connsiteY4252" fmla="*/ 1868785 h 6858000"/>
              <a:gd name="connsiteX4253" fmla="*/ 1627371 w 6858000"/>
              <a:gd name="connsiteY4253" fmla="*/ 1921779 h 6858000"/>
              <a:gd name="connsiteX4254" fmla="*/ 1680364 w 6858000"/>
              <a:gd name="connsiteY4254" fmla="*/ 1921779 h 6858000"/>
              <a:gd name="connsiteX4255" fmla="*/ 1680364 w 6858000"/>
              <a:gd name="connsiteY4255" fmla="*/ 1868785 h 6858000"/>
              <a:gd name="connsiteX4256" fmla="*/ 1500610 w 6858000"/>
              <a:gd name="connsiteY4256" fmla="*/ 1865121 h 6858000"/>
              <a:gd name="connsiteX4257" fmla="*/ 1500610 w 6858000"/>
              <a:gd name="connsiteY4257" fmla="*/ 1925485 h 6858000"/>
              <a:gd name="connsiteX4258" fmla="*/ 1560972 w 6858000"/>
              <a:gd name="connsiteY4258" fmla="*/ 1925485 h 6858000"/>
              <a:gd name="connsiteX4259" fmla="*/ 1560972 w 6858000"/>
              <a:gd name="connsiteY4259" fmla="*/ 1865121 h 6858000"/>
              <a:gd name="connsiteX4260" fmla="*/ 1374072 w 6858000"/>
              <a:gd name="connsiteY4260" fmla="*/ 1861641 h 6858000"/>
              <a:gd name="connsiteX4261" fmla="*/ 1374072 w 6858000"/>
              <a:gd name="connsiteY4261" fmla="*/ 1928963 h 6858000"/>
              <a:gd name="connsiteX4262" fmla="*/ 1441396 w 6858000"/>
              <a:gd name="connsiteY4262" fmla="*/ 1928963 h 6858000"/>
              <a:gd name="connsiteX4263" fmla="*/ 1441396 w 6858000"/>
              <a:gd name="connsiteY4263" fmla="*/ 1861641 h 6858000"/>
              <a:gd name="connsiteX4264" fmla="*/ 1247756 w 6858000"/>
              <a:gd name="connsiteY4264" fmla="*/ 1858381 h 6858000"/>
              <a:gd name="connsiteX4265" fmla="*/ 1247756 w 6858000"/>
              <a:gd name="connsiteY4265" fmla="*/ 1932224 h 6858000"/>
              <a:gd name="connsiteX4266" fmla="*/ 1321598 w 6858000"/>
              <a:gd name="connsiteY4266" fmla="*/ 1932224 h 6858000"/>
              <a:gd name="connsiteX4267" fmla="*/ 1321598 w 6858000"/>
              <a:gd name="connsiteY4267" fmla="*/ 1858381 h 6858000"/>
              <a:gd name="connsiteX4268" fmla="*/ 1121439 w 6858000"/>
              <a:gd name="connsiteY4268" fmla="*/ 1855124 h 6858000"/>
              <a:gd name="connsiteX4269" fmla="*/ 1121439 w 6858000"/>
              <a:gd name="connsiteY4269" fmla="*/ 1935482 h 6858000"/>
              <a:gd name="connsiteX4270" fmla="*/ 1201798 w 6858000"/>
              <a:gd name="connsiteY4270" fmla="*/ 1935482 h 6858000"/>
              <a:gd name="connsiteX4271" fmla="*/ 1201798 w 6858000"/>
              <a:gd name="connsiteY4271" fmla="*/ 1855124 h 6858000"/>
              <a:gd name="connsiteX4272" fmla="*/ 995568 w 6858000"/>
              <a:gd name="connsiteY4272" fmla="*/ 1852309 h 6858000"/>
              <a:gd name="connsiteX4273" fmla="*/ 995568 w 6858000"/>
              <a:gd name="connsiteY4273" fmla="*/ 1938296 h 6858000"/>
              <a:gd name="connsiteX4274" fmla="*/ 1081556 w 6858000"/>
              <a:gd name="connsiteY4274" fmla="*/ 1938296 h 6858000"/>
              <a:gd name="connsiteX4275" fmla="*/ 1081556 w 6858000"/>
              <a:gd name="connsiteY4275" fmla="*/ 1852309 h 6858000"/>
              <a:gd name="connsiteX4276" fmla="*/ 869881 w 6858000"/>
              <a:gd name="connsiteY4276" fmla="*/ 1849678 h 6858000"/>
              <a:gd name="connsiteX4277" fmla="*/ 869881 w 6858000"/>
              <a:gd name="connsiteY4277" fmla="*/ 1940888 h 6858000"/>
              <a:gd name="connsiteX4278" fmla="*/ 961091 w 6858000"/>
              <a:gd name="connsiteY4278" fmla="*/ 1940888 h 6858000"/>
              <a:gd name="connsiteX4279" fmla="*/ 961091 w 6858000"/>
              <a:gd name="connsiteY4279" fmla="*/ 1849678 h 6858000"/>
              <a:gd name="connsiteX4280" fmla="*/ 744676 w 6858000"/>
              <a:gd name="connsiteY4280" fmla="*/ 1847529 h 6858000"/>
              <a:gd name="connsiteX4281" fmla="*/ 744676 w 6858000"/>
              <a:gd name="connsiteY4281" fmla="*/ 1943072 h 6858000"/>
              <a:gd name="connsiteX4282" fmla="*/ 840219 w 6858000"/>
              <a:gd name="connsiteY4282" fmla="*/ 1943072 h 6858000"/>
              <a:gd name="connsiteX4283" fmla="*/ 840219 w 6858000"/>
              <a:gd name="connsiteY4283" fmla="*/ 1847529 h 6858000"/>
              <a:gd name="connsiteX4284" fmla="*/ 619878 w 6858000"/>
              <a:gd name="connsiteY4284" fmla="*/ 1845788 h 6858000"/>
              <a:gd name="connsiteX4285" fmla="*/ 619878 w 6858000"/>
              <a:gd name="connsiteY4285" fmla="*/ 1944814 h 6858000"/>
              <a:gd name="connsiteX4286" fmla="*/ 718902 w 6858000"/>
              <a:gd name="connsiteY4286" fmla="*/ 1944814 h 6858000"/>
              <a:gd name="connsiteX4287" fmla="*/ 718902 w 6858000"/>
              <a:gd name="connsiteY4287" fmla="*/ 1845788 h 6858000"/>
              <a:gd name="connsiteX4288" fmla="*/ 495932 w 6858000"/>
              <a:gd name="connsiteY4288" fmla="*/ 1844903 h 6858000"/>
              <a:gd name="connsiteX4289" fmla="*/ 495932 w 6858000"/>
              <a:gd name="connsiteY4289" fmla="*/ 1945665 h 6858000"/>
              <a:gd name="connsiteX4290" fmla="*/ 596696 w 6858000"/>
              <a:gd name="connsiteY4290" fmla="*/ 1945665 h 6858000"/>
              <a:gd name="connsiteX4291" fmla="*/ 596696 w 6858000"/>
              <a:gd name="connsiteY4291" fmla="*/ 1844903 h 6858000"/>
              <a:gd name="connsiteX4292" fmla="*/ 3258 w 6858000"/>
              <a:gd name="connsiteY4292" fmla="*/ 1844494 h 6858000"/>
              <a:gd name="connsiteX4293" fmla="*/ 3258 w 6858000"/>
              <a:gd name="connsiteY4293" fmla="*/ 1946110 h 6858000"/>
              <a:gd name="connsiteX4294" fmla="*/ 104874 w 6858000"/>
              <a:gd name="connsiteY4294" fmla="*/ 1946110 h 6858000"/>
              <a:gd name="connsiteX4295" fmla="*/ 104874 w 6858000"/>
              <a:gd name="connsiteY4295" fmla="*/ 1844494 h 6858000"/>
              <a:gd name="connsiteX4296" fmla="*/ 371986 w 6858000"/>
              <a:gd name="connsiteY4296" fmla="*/ 1844049 h 6858000"/>
              <a:gd name="connsiteX4297" fmla="*/ 371986 w 6858000"/>
              <a:gd name="connsiteY4297" fmla="*/ 1946554 h 6858000"/>
              <a:gd name="connsiteX4298" fmla="*/ 474491 w 6858000"/>
              <a:gd name="connsiteY4298" fmla="*/ 1946554 h 6858000"/>
              <a:gd name="connsiteX4299" fmla="*/ 474491 w 6858000"/>
              <a:gd name="connsiteY4299" fmla="*/ 1844049 h 6858000"/>
              <a:gd name="connsiteX4300" fmla="*/ 248521 w 6858000"/>
              <a:gd name="connsiteY4300" fmla="*/ 1843605 h 6858000"/>
              <a:gd name="connsiteX4301" fmla="*/ 248521 w 6858000"/>
              <a:gd name="connsiteY4301" fmla="*/ 1946963 h 6858000"/>
              <a:gd name="connsiteX4302" fmla="*/ 351877 w 6858000"/>
              <a:gd name="connsiteY4302" fmla="*/ 1946963 h 6858000"/>
              <a:gd name="connsiteX4303" fmla="*/ 351877 w 6858000"/>
              <a:gd name="connsiteY4303" fmla="*/ 1843605 h 6858000"/>
              <a:gd name="connsiteX4304" fmla="*/ 125242 w 6858000"/>
              <a:gd name="connsiteY4304" fmla="*/ 1843382 h 6858000"/>
              <a:gd name="connsiteX4305" fmla="*/ 125242 w 6858000"/>
              <a:gd name="connsiteY4305" fmla="*/ 1947183 h 6858000"/>
              <a:gd name="connsiteX4306" fmla="*/ 229043 w 6858000"/>
              <a:gd name="connsiteY4306" fmla="*/ 1947183 h 6858000"/>
              <a:gd name="connsiteX4307" fmla="*/ 229043 w 6858000"/>
              <a:gd name="connsiteY4307" fmla="*/ 1843382 h 6858000"/>
              <a:gd name="connsiteX4308" fmla="*/ 3253408 w 6858000"/>
              <a:gd name="connsiteY4308" fmla="*/ 1772021 h 6858000"/>
              <a:gd name="connsiteX4309" fmla="*/ 3253408 w 6858000"/>
              <a:gd name="connsiteY4309" fmla="*/ 1772464 h 6858000"/>
              <a:gd name="connsiteX4310" fmla="*/ 3253852 w 6858000"/>
              <a:gd name="connsiteY4310" fmla="*/ 1772464 h 6858000"/>
              <a:gd name="connsiteX4311" fmla="*/ 3253852 w 6858000"/>
              <a:gd name="connsiteY4311" fmla="*/ 1772021 h 6858000"/>
              <a:gd name="connsiteX4312" fmla="*/ 3130351 w 6858000"/>
              <a:gd name="connsiteY4312" fmla="*/ 1772021 h 6858000"/>
              <a:gd name="connsiteX4313" fmla="*/ 3130351 w 6858000"/>
              <a:gd name="connsiteY4313" fmla="*/ 1772464 h 6858000"/>
              <a:gd name="connsiteX4314" fmla="*/ 3130795 w 6858000"/>
              <a:gd name="connsiteY4314" fmla="*/ 1772464 h 6858000"/>
              <a:gd name="connsiteX4315" fmla="*/ 3130795 w 6858000"/>
              <a:gd name="connsiteY4315" fmla="*/ 1772021 h 6858000"/>
              <a:gd name="connsiteX4316" fmla="*/ 3007294 w 6858000"/>
              <a:gd name="connsiteY4316" fmla="*/ 1772021 h 6858000"/>
              <a:gd name="connsiteX4317" fmla="*/ 3007294 w 6858000"/>
              <a:gd name="connsiteY4317" fmla="*/ 1772464 h 6858000"/>
              <a:gd name="connsiteX4318" fmla="*/ 3007738 w 6858000"/>
              <a:gd name="connsiteY4318" fmla="*/ 1772464 h 6858000"/>
              <a:gd name="connsiteX4319" fmla="*/ 3007738 w 6858000"/>
              <a:gd name="connsiteY4319" fmla="*/ 1772021 h 6858000"/>
              <a:gd name="connsiteX4320" fmla="*/ 2884237 w 6858000"/>
              <a:gd name="connsiteY4320" fmla="*/ 1772021 h 6858000"/>
              <a:gd name="connsiteX4321" fmla="*/ 2884237 w 6858000"/>
              <a:gd name="connsiteY4321" fmla="*/ 1772464 h 6858000"/>
              <a:gd name="connsiteX4322" fmla="*/ 2884681 w 6858000"/>
              <a:gd name="connsiteY4322" fmla="*/ 1772464 h 6858000"/>
              <a:gd name="connsiteX4323" fmla="*/ 2884681 w 6858000"/>
              <a:gd name="connsiteY4323" fmla="*/ 1772021 h 6858000"/>
              <a:gd name="connsiteX4324" fmla="*/ 2760735 w 6858000"/>
              <a:gd name="connsiteY4324" fmla="*/ 1771576 h 6858000"/>
              <a:gd name="connsiteX4325" fmla="*/ 2760735 w 6858000"/>
              <a:gd name="connsiteY4325" fmla="*/ 1772876 h 6858000"/>
              <a:gd name="connsiteX4326" fmla="*/ 2762031 w 6858000"/>
              <a:gd name="connsiteY4326" fmla="*/ 1772876 h 6858000"/>
              <a:gd name="connsiteX4327" fmla="*/ 2762031 w 6858000"/>
              <a:gd name="connsiteY4327" fmla="*/ 1771576 h 6858000"/>
              <a:gd name="connsiteX4328" fmla="*/ 2636381 w 6858000"/>
              <a:gd name="connsiteY4328" fmla="*/ 1770244 h 6858000"/>
              <a:gd name="connsiteX4329" fmla="*/ 2636381 w 6858000"/>
              <a:gd name="connsiteY4329" fmla="*/ 1774169 h 6858000"/>
              <a:gd name="connsiteX4330" fmla="*/ 2640306 w 6858000"/>
              <a:gd name="connsiteY4330" fmla="*/ 1774169 h 6858000"/>
              <a:gd name="connsiteX4331" fmla="*/ 2640306 w 6858000"/>
              <a:gd name="connsiteY4331" fmla="*/ 1770244 h 6858000"/>
              <a:gd name="connsiteX4332" fmla="*/ 2511584 w 6858000"/>
              <a:gd name="connsiteY4332" fmla="*/ 1768539 h 6858000"/>
              <a:gd name="connsiteX4333" fmla="*/ 2511584 w 6858000"/>
              <a:gd name="connsiteY4333" fmla="*/ 1775910 h 6858000"/>
              <a:gd name="connsiteX4334" fmla="*/ 2518953 w 6858000"/>
              <a:gd name="connsiteY4334" fmla="*/ 1775910 h 6858000"/>
              <a:gd name="connsiteX4335" fmla="*/ 2518953 w 6858000"/>
              <a:gd name="connsiteY4335" fmla="*/ 1768539 h 6858000"/>
              <a:gd name="connsiteX4336" fmla="*/ 2385712 w 6858000"/>
              <a:gd name="connsiteY4336" fmla="*/ 1765725 h 6858000"/>
              <a:gd name="connsiteX4337" fmla="*/ 2385712 w 6858000"/>
              <a:gd name="connsiteY4337" fmla="*/ 1778761 h 6858000"/>
              <a:gd name="connsiteX4338" fmla="*/ 2398747 w 6858000"/>
              <a:gd name="connsiteY4338" fmla="*/ 1778761 h 6858000"/>
              <a:gd name="connsiteX4339" fmla="*/ 2398747 w 6858000"/>
              <a:gd name="connsiteY4339" fmla="*/ 1765725 h 6858000"/>
              <a:gd name="connsiteX4340" fmla="*/ 2259618 w 6858000"/>
              <a:gd name="connsiteY4340" fmla="*/ 1762686 h 6858000"/>
              <a:gd name="connsiteX4341" fmla="*/ 2259618 w 6858000"/>
              <a:gd name="connsiteY4341" fmla="*/ 1781798 h 6858000"/>
              <a:gd name="connsiteX4342" fmla="*/ 2278726 w 6858000"/>
              <a:gd name="connsiteY4342" fmla="*/ 1781798 h 6858000"/>
              <a:gd name="connsiteX4343" fmla="*/ 2278726 w 6858000"/>
              <a:gd name="connsiteY4343" fmla="*/ 1762686 h 6858000"/>
              <a:gd name="connsiteX4344" fmla="*/ 2133302 w 6858000"/>
              <a:gd name="connsiteY4344" fmla="*/ 1759429 h 6858000"/>
              <a:gd name="connsiteX4345" fmla="*/ 2133302 w 6858000"/>
              <a:gd name="connsiteY4345" fmla="*/ 1785055 h 6858000"/>
              <a:gd name="connsiteX4346" fmla="*/ 2158928 w 6858000"/>
              <a:gd name="connsiteY4346" fmla="*/ 1785055 h 6858000"/>
              <a:gd name="connsiteX4347" fmla="*/ 2158928 w 6858000"/>
              <a:gd name="connsiteY4347" fmla="*/ 1759429 h 6858000"/>
              <a:gd name="connsiteX4348" fmla="*/ 2006763 w 6858000"/>
              <a:gd name="connsiteY4348" fmla="*/ 1755910 h 6858000"/>
              <a:gd name="connsiteX4349" fmla="*/ 2006763 w 6858000"/>
              <a:gd name="connsiteY4349" fmla="*/ 1788501 h 6858000"/>
              <a:gd name="connsiteX4350" fmla="*/ 2039351 w 6858000"/>
              <a:gd name="connsiteY4350" fmla="*/ 1788501 h 6858000"/>
              <a:gd name="connsiteX4351" fmla="*/ 2039351 w 6858000"/>
              <a:gd name="connsiteY4351" fmla="*/ 1755910 h 6858000"/>
              <a:gd name="connsiteX4352" fmla="*/ 1880225 w 6858000"/>
              <a:gd name="connsiteY4352" fmla="*/ 1752468 h 6858000"/>
              <a:gd name="connsiteX4353" fmla="*/ 1880225 w 6858000"/>
              <a:gd name="connsiteY4353" fmla="*/ 1791983 h 6858000"/>
              <a:gd name="connsiteX4354" fmla="*/ 1919738 w 6858000"/>
              <a:gd name="connsiteY4354" fmla="*/ 1791983 h 6858000"/>
              <a:gd name="connsiteX4355" fmla="*/ 1919738 w 6858000"/>
              <a:gd name="connsiteY4355" fmla="*/ 1752468 h 6858000"/>
              <a:gd name="connsiteX4356" fmla="*/ 1753242 w 6858000"/>
              <a:gd name="connsiteY4356" fmla="*/ 1748579 h 6858000"/>
              <a:gd name="connsiteX4357" fmla="*/ 1753242 w 6858000"/>
              <a:gd name="connsiteY4357" fmla="*/ 1795908 h 6858000"/>
              <a:gd name="connsiteX4358" fmla="*/ 1800569 w 6858000"/>
              <a:gd name="connsiteY4358" fmla="*/ 1795908 h 6858000"/>
              <a:gd name="connsiteX4359" fmla="*/ 1800569 w 6858000"/>
              <a:gd name="connsiteY4359" fmla="*/ 1748579 h 6858000"/>
              <a:gd name="connsiteX4360" fmla="*/ 1626482 w 6858000"/>
              <a:gd name="connsiteY4360" fmla="*/ 1744875 h 6858000"/>
              <a:gd name="connsiteX4361" fmla="*/ 1626482 w 6858000"/>
              <a:gd name="connsiteY4361" fmla="*/ 1799610 h 6858000"/>
              <a:gd name="connsiteX4362" fmla="*/ 1681215 w 6858000"/>
              <a:gd name="connsiteY4362" fmla="*/ 1799610 h 6858000"/>
              <a:gd name="connsiteX4363" fmla="*/ 1681215 w 6858000"/>
              <a:gd name="connsiteY4363" fmla="*/ 1744875 h 6858000"/>
              <a:gd name="connsiteX4364" fmla="*/ 1499758 w 6858000"/>
              <a:gd name="connsiteY4364" fmla="*/ 1741174 h 6858000"/>
              <a:gd name="connsiteX4365" fmla="*/ 1499758 w 6858000"/>
              <a:gd name="connsiteY4365" fmla="*/ 1803275 h 6858000"/>
              <a:gd name="connsiteX4366" fmla="*/ 1561861 w 6858000"/>
              <a:gd name="connsiteY4366" fmla="*/ 1803275 h 6858000"/>
              <a:gd name="connsiteX4367" fmla="*/ 1561861 w 6858000"/>
              <a:gd name="connsiteY4367" fmla="*/ 1741174 h 6858000"/>
              <a:gd name="connsiteX4368" fmla="*/ 1372998 w 6858000"/>
              <a:gd name="connsiteY4368" fmla="*/ 1737468 h 6858000"/>
              <a:gd name="connsiteX4369" fmla="*/ 1372998 w 6858000"/>
              <a:gd name="connsiteY4369" fmla="*/ 1806979 h 6858000"/>
              <a:gd name="connsiteX4370" fmla="*/ 1442507 w 6858000"/>
              <a:gd name="connsiteY4370" fmla="*/ 1806979 h 6858000"/>
              <a:gd name="connsiteX4371" fmla="*/ 1442507 w 6858000"/>
              <a:gd name="connsiteY4371" fmla="*/ 1737468 h 6858000"/>
              <a:gd name="connsiteX4372" fmla="*/ 1246459 w 6858000"/>
              <a:gd name="connsiteY4372" fmla="*/ 1734027 h 6858000"/>
              <a:gd name="connsiteX4373" fmla="*/ 1246459 w 6858000"/>
              <a:gd name="connsiteY4373" fmla="*/ 1810463 h 6858000"/>
              <a:gd name="connsiteX4374" fmla="*/ 1322893 w 6858000"/>
              <a:gd name="connsiteY4374" fmla="*/ 1810463 h 6858000"/>
              <a:gd name="connsiteX4375" fmla="*/ 1322893 w 6858000"/>
              <a:gd name="connsiteY4375" fmla="*/ 1734027 h 6858000"/>
              <a:gd name="connsiteX4376" fmla="*/ 1119921 w 6858000"/>
              <a:gd name="connsiteY4376" fmla="*/ 1730545 h 6858000"/>
              <a:gd name="connsiteX4377" fmla="*/ 1119921 w 6858000"/>
              <a:gd name="connsiteY4377" fmla="*/ 1813942 h 6858000"/>
              <a:gd name="connsiteX4378" fmla="*/ 1203317 w 6858000"/>
              <a:gd name="connsiteY4378" fmla="*/ 1813942 h 6858000"/>
              <a:gd name="connsiteX4379" fmla="*/ 1203317 w 6858000"/>
              <a:gd name="connsiteY4379" fmla="*/ 1730545 h 6858000"/>
              <a:gd name="connsiteX4380" fmla="*/ 993827 w 6858000"/>
              <a:gd name="connsiteY4380" fmla="*/ 1727507 h 6858000"/>
              <a:gd name="connsiteX4381" fmla="*/ 993827 w 6858000"/>
              <a:gd name="connsiteY4381" fmla="*/ 1816978 h 6858000"/>
              <a:gd name="connsiteX4382" fmla="*/ 1083296 w 6858000"/>
              <a:gd name="connsiteY4382" fmla="*/ 1816978 h 6858000"/>
              <a:gd name="connsiteX4383" fmla="*/ 1083296 w 6858000"/>
              <a:gd name="connsiteY4383" fmla="*/ 1727507 h 6858000"/>
              <a:gd name="connsiteX4384" fmla="*/ 867918 w 6858000"/>
              <a:gd name="connsiteY4384" fmla="*/ 1724654 h 6858000"/>
              <a:gd name="connsiteX4385" fmla="*/ 867918 w 6858000"/>
              <a:gd name="connsiteY4385" fmla="*/ 1819792 h 6858000"/>
              <a:gd name="connsiteX4386" fmla="*/ 963053 w 6858000"/>
              <a:gd name="connsiteY4386" fmla="*/ 1819792 h 6858000"/>
              <a:gd name="connsiteX4387" fmla="*/ 963053 w 6858000"/>
              <a:gd name="connsiteY4387" fmla="*/ 1724654 h 6858000"/>
              <a:gd name="connsiteX4388" fmla="*/ 742713 w 6858000"/>
              <a:gd name="connsiteY4388" fmla="*/ 1722508 h 6858000"/>
              <a:gd name="connsiteX4389" fmla="*/ 742713 w 6858000"/>
              <a:gd name="connsiteY4389" fmla="*/ 1821974 h 6858000"/>
              <a:gd name="connsiteX4390" fmla="*/ 842181 w 6858000"/>
              <a:gd name="connsiteY4390" fmla="*/ 1821974 h 6858000"/>
              <a:gd name="connsiteX4391" fmla="*/ 842181 w 6858000"/>
              <a:gd name="connsiteY4391" fmla="*/ 1722508 h 6858000"/>
              <a:gd name="connsiteX4392" fmla="*/ 618138 w 6858000"/>
              <a:gd name="connsiteY4392" fmla="*/ 1720992 h 6858000"/>
              <a:gd name="connsiteX4393" fmla="*/ 618138 w 6858000"/>
              <a:gd name="connsiteY4393" fmla="*/ 1823497 h 6858000"/>
              <a:gd name="connsiteX4394" fmla="*/ 720643 w 6858000"/>
              <a:gd name="connsiteY4394" fmla="*/ 1823497 h 6858000"/>
              <a:gd name="connsiteX4395" fmla="*/ 720643 w 6858000"/>
              <a:gd name="connsiteY4395" fmla="*/ 1720992 h 6858000"/>
              <a:gd name="connsiteX4396" fmla="*/ 494191 w 6858000"/>
              <a:gd name="connsiteY4396" fmla="*/ 1720102 h 6858000"/>
              <a:gd name="connsiteX4397" fmla="*/ 494191 w 6858000"/>
              <a:gd name="connsiteY4397" fmla="*/ 1824348 h 6858000"/>
              <a:gd name="connsiteX4398" fmla="*/ 598436 w 6858000"/>
              <a:gd name="connsiteY4398" fmla="*/ 1824348 h 6858000"/>
              <a:gd name="connsiteX4399" fmla="*/ 598436 w 6858000"/>
              <a:gd name="connsiteY4399" fmla="*/ 1720102 h 6858000"/>
              <a:gd name="connsiteX4400" fmla="*/ 1962 w 6858000"/>
              <a:gd name="connsiteY4400" fmla="*/ 1720102 h 6858000"/>
              <a:gd name="connsiteX4401" fmla="*/ 1962 w 6858000"/>
              <a:gd name="connsiteY4401" fmla="*/ 1824348 h 6858000"/>
              <a:gd name="connsiteX4402" fmla="*/ 106207 w 6858000"/>
              <a:gd name="connsiteY4402" fmla="*/ 1824348 h 6858000"/>
              <a:gd name="connsiteX4403" fmla="*/ 106207 w 6858000"/>
              <a:gd name="connsiteY4403" fmla="*/ 1720102 h 6858000"/>
              <a:gd name="connsiteX4404" fmla="*/ 370468 w 6858000"/>
              <a:gd name="connsiteY4404" fmla="*/ 1719474 h 6858000"/>
              <a:gd name="connsiteX4405" fmla="*/ 370468 w 6858000"/>
              <a:gd name="connsiteY4405" fmla="*/ 1825015 h 6858000"/>
              <a:gd name="connsiteX4406" fmla="*/ 476009 w 6858000"/>
              <a:gd name="connsiteY4406" fmla="*/ 1825015 h 6858000"/>
              <a:gd name="connsiteX4407" fmla="*/ 476009 w 6858000"/>
              <a:gd name="connsiteY4407" fmla="*/ 1719474 h 6858000"/>
              <a:gd name="connsiteX4408" fmla="*/ 247003 w 6858000"/>
              <a:gd name="connsiteY4408" fmla="*/ 1719027 h 6858000"/>
              <a:gd name="connsiteX4409" fmla="*/ 247003 w 6858000"/>
              <a:gd name="connsiteY4409" fmla="*/ 1825422 h 6858000"/>
              <a:gd name="connsiteX4410" fmla="*/ 353396 w 6858000"/>
              <a:gd name="connsiteY4410" fmla="*/ 1825422 h 6858000"/>
              <a:gd name="connsiteX4411" fmla="*/ 353396 w 6858000"/>
              <a:gd name="connsiteY4411" fmla="*/ 1719027 h 6858000"/>
              <a:gd name="connsiteX4412" fmla="*/ 123723 w 6858000"/>
              <a:gd name="connsiteY4412" fmla="*/ 1718804 h 6858000"/>
              <a:gd name="connsiteX4413" fmla="*/ 123723 w 6858000"/>
              <a:gd name="connsiteY4413" fmla="*/ 1825646 h 6858000"/>
              <a:gd name="connsiteX4414" fmla="*/ 230560 w 6858000"/>
              <a:gd name="connsiteY4414" fmla="*/ 1825646 h 6858000"/>
              <a:gd name="connsiteX4415" fmla="*/ 230560 w 6858000"/>
              <a:gd name="connsiteY4415" fmla="*/ 1718804 h 6858000"/>
              <a:gd name="connsiteX4416" fmla="*/ 3130351 w 6858000"/>
              <a:gd name="connsiteY4416" fmla="*/ 1648925 h 6858000"/>
              <a:gd name="connsiteX4417" fmla="*/ 3130351 w 6858000"/>
              <a:gd name="connsiteY4417" fmla="*/ 1649369 h 6858000"/>
              <a:gd name="connsiteX4418" fmla="*/ 3130795 w 6858000"/>
              <a:gd name="connsiteY4418" fmla="*/ 1649369 h 6858000"/>
              <a:gd name="connsiteX4419" fmla="*/ 3130795 w 6858000"/>
              <a:gd name="connsiteY4419" fmla="*/ 1648925 h 6858000"/>
              <a:gd name="connsiteX4420" fmla="*/ 3007294 w 6858000"/>
              <a:gd name="connsiteY4420" fmla="*/ 1648925 h 6858000"/>
              <a:gd name="connsiteX4421" fmla="*/ 3007294 w 6858000"/>
              <a:gd name="connsiteY4421" fmla="*/ 1649369 h 6858000"/>
              <a:gd name="connsiteX4422" fmla="*/ 3007738 w 6858000"/>
              <a:gd name="connsiteY4422" fmla="*/ 1649369 h 6858000"/>
              <a:gd name="connsiteX4423" fmla="*/ 3007738 w 6858000"/>
              <a:gd name="connsiteY4423" fmla="*/ 1648925 h 6858000"/>
              <a:gd name="connsiteX4424" fmla="*/ 2884237 w 6858000"/>
              <a:gd name="connsiteY4424" fmla="*/ 1648925 h 6858000"/>
              <a:gd name="connsiteX4425" fmla="*/ 2884237 w 6858000"/>
              <a:gd name="connsiteY4425" fmla="*/ 1649369 h 6858000"/>
              <a:gd name="connsiteX4426" fmla="*/ 2884681 w 6858000"/>
              <a:gd name="connsiteY4426" fmla="*/ 1649369 h 6858000"/>
              <a:gd name="connsiteX4427" fmla="*/ 2884681 w 6858000"/>
              <a:gd name="connsiteY4427" fmla="*/ 1648925 h 6858000"/>
              <a:gd name="connsiteX4428" fmla="*/ 2761179 w 6858000"/>
              <a:gd name="connsiteY4428" fmla="*/ 1648925 h 6858000"/>
              <a:gd name="connsiteX4429" fmla="*/ 2761179 w 6858000"/>
              <a:gd name="connsiteY4429" fmla="*/ 1649369 h 6858000"/>
              <a:gd name="connsiteX4430" fmla="*/ 2761623 w 6858000"/>
              <a:gd name="connsiteY4430" fmla="*/ 1649369 h 6858000"/>
              <a:gd name="connsiteX4431" fmla="*/ 2761623 w 6858000"/>
              <a:gd name="connsiteY4431" fmla="*/ 1648925 h 6858000"/>
              <a:gd name="connsiteX4432" fmla="*/ 2636826 w 6858000"/>
              <a:gd name="connsiteY4432" fmla="*/ 1647666 h 6858000"/>
              <a:gd name="connsiteX4433" fmla="*/ 2636826 w 6858000"/>
              <a:gd name="connsiteY4433" fmla="*/ 1650702 h 6858000"/>
              <a:gd name="connsiteX4434" fmla="*/ 2639863 w 6858000"/>
              <a:gd name="connsiteY4434" fmla="*/ 1650702 h 6858000"/>
              <a:gd name="connsiteX4435" fmla="*/ 2639863 w 6858000"/>
              <a:gd name="connsiteY4435" fmla="*/ 1647666 h 6858000"/>
              <a:gd name="connsiteX4436" fmla="*/ 2511584 w 6858000"/>
              <a:gd name="connsiteY4436" fmla="*/ 1645479 h 6858000"/>
              <a:gd name="connsiteX4437" fmla="*/ 2511584 w 6858000"/>
              <a:gd name="connsiteY4437" fmla="*/ 1652850 h 6858000"/>
              <a:gd name="connsiteX4438" fmla="*/ 2518953 w 6858000"/>
              <a:gd name="connsiteY4438" fmla="*/ 1652850 h 6858000"/>
              <a:gd name="connsiteX4439" fmla="*/ 2518953 w 6858000"/>
              <a:gd name="connsiteY4439" fmla="*/ 1645479 h 6858000"/>
              <a:gd name="connsiteX4440" fmla="*/ 2385490 w 6858000"/>
              <a:gd name="connsiteY4440" fmla="*/ 1642409 h 6858000"/>
              <a:gd name="connsiteX4441" fmla="*/ 2385490 w 6858000"/>
              <a:gd name="connsiteY4441" fmla="*/ 1655888 h 6858000"/>
              <a:gd name="connsiteX4442" fmla="*/ 2398970 w 6858000"/>
              <a:gd name="connsiteY4442" fmla="*/ 1655888 h 6858000"/>
              <a:gd name="connsiteX4443" fmla="*/ 2398970 w 6858000"/>
              <a:gd name="connsiteY4443" fmla="*/ 1642409 h 6858000"/>
              <a:gd name="connsiteX4444" fmla="*/ 2259173 w 6858000"/>
              <a:gd name="connsiteY4444" fmla="*/ 1639151 h 6858000"/>
              <a:gd name="connsiteX4445" fmla="*/ 2259173 w 6858000"/>
              <a:gd name="connsiteY4445" fmla="*/ 1659144 h 6858000"/>
              <a:gd name="connsiteX4446" fmla="*/ 2279170 w 6858000"/>
              <a:gd name="connsiteY4446" fmla="*/ 1659144 h 6858000"/>
              <a:gd name="connsiteX4447" fmla="*/ 2279170 w 6858000"/>
              <a:gd name="connsiteY4447" fmla="*/ 1639151 h 6858000"/>
              <a:gd name="connsiteX4448" fmla="*/ 2133080 w 6858000"/>
              <a:gd name="connsiteY4448" fmla="*/ 1636111 h 6858000"/>
              <a:gd name="connsiteX4449" fmla="*/ 2133080 w 6858000"/>
              <a:gd name="connsiteY4449" fmla="*/ 1662183 h 6858000"/>
              <a:gd name="connsiteX4450" fmla="*/ 2159150 w 6858000"/>
              <a:gd name="connsiteY4450" fmla="*/ 1662183 h 6858000"/>
              <a:gd name="connsiteX4451" fmla="*/ 2159150 w 6858000"/>
              <a:gd name="connsiteY4451" fmla="*/ 1636111 h 6858000"/>
              <a:gd name="connsiteX4452" fmla="*/ 2006319 w 6858000"/>
              <a:gd name="connsiteY4452" fmla="*/ 1632448 h 6858000"/>
              <a:gd name="connsiteX4453" fmla="*/ 2006319 w 6858000"/>
              <a:gd name="connsiteY4453" fmla="*/ 1665886 h 6858000"/>
              <a:gd name="connsiteX4454" fmla="*/ 2039759 w 6858000"/>
              <a:gd name="connsiteY4454" fmla="*/ 1665886 h 6858000"/>
              <a:gd name="connsiteX4455" fmla="*/ 2039759 w 6858000"/>
              <a:gd name="connsiteY4455" fmla="*/ 1632448 h 6858000"/>
              <a:gd name="connsiteX4456" fmla="*/ 1879558 w 6858000"/>
              <a:gd name="connsiteY4456" fmla="*/ 1628778 h 6858000"/>
              <a:gd name="connsiteX4457" fmla="*/ 1879558 w 6858000"/>
              <a:gd name="connsiteY4457" fmla="*/ 1669590 h 6858000"/>
              <a:gd name="connsiteX4458" fmla="*/ 1920367 w 6858000"/>
              <a:gd name="connsiteY4458" fmla="*/ 1669590 h 6858000"/>
              <a:gd name="connsiteX4459" fmla="*/ 1920367 w 6858000"/>
              <a:gd name="connsiteY4459" fmla="*/ 1628778 h 6858000"/>
              <a:gd name="connsiteX4460" fmla="*/ 1752576 w 6858000"/>
              <a:gd name="connsiteY4460" fmla="*/ 1624818 h 6858000"/>
              <a:gd name="connsiteX4461" fmla="*/ 1752576 w 6858000"/>
              <a:gd name="connsiteY4461" fmla="*/ 1673480 h 6858000"/>
              <a:gd name="connsiteX4462" fmla="*/ 1801236 w 6858000"/>
              <a:gd name="connsiteY4462" fmla="*/ 1673480 h 6858000"/>
              <a:gd name="connsiteX4463" fmla="*/ 1801236 w 6858000"/>
              <a:gd name="connsiteY4463" fmla="*/ 1624818 h 6858000"/>
              <a:gd name="connsiteX4464" fmla="*/ 1625630 w 6858000"/>
              <a:gd name="connsiteY4464" fmla="*/ 1620928 h 6858000"/>
              <a:gd name="connsiteX4465" fmla="*/ 1625630 w 6858000"/>
              <a:gd name="connsiteY4465" fmla="*/ 1677403 h 6858000"/>
              <a:gd name="connsiteX4466" fmla="*/ 1682104 w 6858000"/>
              <a:gd name="connsiteY4466" fmla="*/ 1677403 h 6858000"/>
              <a:gd name="connsiteX4467" fmla="*/ 1682104 w 6858000"/>
              <a:gd name="connsiteY4467" fmla="*/ 1620928 h 6858000"/>
              <a:gd name="connsiteX4468" fmla="*/ 1498870 w 6858000"/>
              <a:gd name="connsiteY4468" fmla="*/ 1617263 h 6858000"/>
              <a:gd name="connsiteX4469" fmla="*/ 1498870 w 6858000"/>
              <a:gd name="connsiteY4469" fmla="*/ 1681105 h 6858000"/>
              <a:gd name="connsiteX4470" fmla="*/ 1562713 w 6858000"/>
              <a:gd name="connsiteY4470" fmla="*/ 1681105 h 6858000"/>
              <a:gd name="connsiteX4471" fmla="*/ 1562713 w 6858000"/>
              <a:gd name="connsiteY4471" fmla="*/ 1617263 h 6858000"/>
              <a:gd name="connsiteX4472" fmla="*/ 1371887 w 6858000"/>
              <a:gd name="connsiteY4472" fmla="*/ 1613339 h 6858000"/>
              <a:gd name="connsiteX4473" fmla="*/ 1371887 w 6858000"/>
              <a:gd name="connsiteY4473" fmla="*/ 1684994 h 6858000"/>
              <a:gd name="connsiteX4474" fmla="*/ 1443544 w 6858000"/>
              <a:gd name="connsiteY4474" fmla="*/ 1684994 h 6858000"/>
              <a:gd name="connsiteX4475" fmla="*/ 1443544 w 6858000"/>
              <a:gd name="connsiteY4475" fmla="*/ 1613339 h 6858000"/>
              <a:gd name="connsiteX4476" fmla="*/ 1245386 w 6858000"/>
              <a:gd name="connsiteY4476" fmla="*/ 1609857 h 6858000"/>
              <a:gd name="connsiteX4477" fmla="*/ 1245386 w 6858000"/>
              <a:gd name="connsiteY4477" fmla="*/ 1688476 h 6858000"/>
              <a:gd name="connsiteX4478" fmla="*/ 1324005 w 6858000"/>
              <a:gd name="connsiteY4478" fmla="*/ 1688476 h 6858000"/>
              <a:gd name="connsiteX4479" fmla="*/ 1324005 w 6858000"/>
              <a:gd name="connsiteY4479" fmla="*/ 1609857 h 6858000"/>
              <a:gd name="connsiteX4480" fmla="*/ 1118847 w 6858000"/>
              <a:gd name="connsiteY4480" fmla="*/ 1606375 h 6858000"/>
              <a:gd name="connsiteX4481" fmla="*/ 1118847 w 6858000"/>
              <a:gd name="connsiteY4481" fmla="*/ 1691957 h 6858000"/>
              <a:gd name="connsiteX4482" fmla="*/ 1204428 w 6858000"/>
              <a:gd name="connsiteY4482" fmla="*/ 1691957 h 6858000"/>
              <a:gd name="connsiteX4483" fmla="*/ 1204428 w 6858000"/>
              <a:gd name="connsiteY4483" fmla="*/ 1606375 h 6858000"/>
              <a:gd name="connsiteX4484" fmla="*/ 992531 w 6858000"/>
              <a:gd name="connsiteY4484" fmla="*/ 1603155 h 6858000"/>
              <a:gd name="connsiteX4485" fmla="*/ 992531 w 6858000"/>
              <a:gd name="connsiteY4485" fmla="*/ 1695216 h 6858000"/>
              <a:gd name="connsiteX4486" fmla="*/ 1084592 w 6858000"/>
              <a:gd name="connsiteY4486" fmla="*/ 1695216 h 6858000"/>
              <a:gd name="connsiteX4487" fmla="*/ 1084592 w 6858000"/>
              <a:gd name="connsiteY4487" fmla="*/ 1603155 h 6858000"/>
              <a:gd name="connsiteX4488" fmla="*/ 866400 w 6858000"/>
              <a:gd name="connsiteY4488" fmla="*/ 1600080 h 6858000"/>
              <a:gd name="connsiteX4489" fmla="*/ 866400 w 6858000"/>
              <a:gd name="connsiteY4489" fmla="*/ 1698253 h 6858000"/>
              <a:gd name="connsiteX4490" fmla="*/ 964572 w 6858000"/>
              <a:gd name="connsiteY4490" fmla="*/ 1698253 h 6858000"/>
              <a:gd name="connsiteX4491" fmla="*/ 964572 w 6858000"/>
              <a:gd name="connsiteY4491" fmla="*/ 1600080 h 6858000"/>
              <a:gd name="connsiteX4492" fmla="*/ 740973 w 6858000"/>
              <a:gd name="connsiteY4492" fmla="*/ 1597672 h 6858000"/>
              <a:gd name="connsiteX4493" fmla="*/ 740973 w 6858000"/>
              <a:gd name="connsiteY4493" fmla="*/ 1700622 h 6858000"/>
              <a:gd name="connsiteX4494" fmla="*/ 843922 w 6858000"/>
              <a:gd name="connsiteY4494" fmla="*/ 1700622 h 6858000"/>
              <a:gd name="connsiteX4495" fmla="*/ 843922 w 6858000"/>
              <a:gd name="connsiteY4495" fmla="*/ 1597672 h 6858000"/>
              <a:gd name="connsiteX4496" fmla="*/ 616619 w 6858000"/>
              <a:gd name="connsiteY4496" fmla="*/ 1596414 h 6858000"/>
              <a:gd name="connsiteX4497" fmla="*/ 616619 w 6858000"/>
              <a:gd name="connsiteY4497" fmla="*/ 1701954 h 6858000"/>
              <a:gd name="connsiteX4498" fmla="*/ 722160 w 6858000"/>
              <a:gd name="connsiteY4498" fmla="*/ 1701954 h 6858000"/>
              <a:gd name="connsiteX4499" fmla="*/ 722160 w 6858000"/>
              <a:gd name="connsiteY4499" fmla="*/ 1596414 h 6858000"/>
              <a:gd name="connsiteX4500" fmla="*/ 1073 w 6858000"/>
              <a:gd name="connsiteY4500" fmla="*/ 1596154 h 6858000"/>
              <a:gd name="connsiteX4501" fmla="*/ 1073 w 6858000"/>
              <a:gd name="connsiteY4501" fmla="*/ 1702142 h 6858000"/>
              <a:gd name="connsiteX4502" fmla="*/ 107059 w 6858000"/>
              <a:gd name="connsiteY4502" fmla="*/ 1702142 h 6858000"/>
              <a:gd name="connsiteX4503" fmla="*/ 107059 w 6858000"/>
              <a:gd name="connsiteY4503" fmla="*/ 1596154 h 6858000"/>
              <a:gd name="connsiteX4504" fmla="*/ 492895 w 6858000"/>
              <a:gd name="connsiteY4504" fmla="*/ 1595747 h 6858000"/>
              <a:gd name="connsiteX4505" fmla="*/ 492895 w 6858000"/>
              <a:gd name="connsiteY4505" fmla="*/ 1702584 h 6858000"/>
              <a:gd name="connsiteX4506" fmla="*/ 599732 w 6858000"/>
              <a:gd name="connsiteY4506" fmla="*/ 1702584 h 6858000"/>
              <a:gd name="connsiteX4507" fmla="*/ 599732 w 6858000"/>
              <a:gd name="connsiteY4507" fmla="*/ 1595747 h 6858000"/>
              <a:gd name="connsiteX4508" fmla="*/ 369171 w 6858000"/>
              <a:gd name="connsiteY4508" fmla="*/ 1595117 h 6858000"/>
              <a:gd name="connsiteX4509" fmla="*/ 369171 w 6858000"/>
              <a:gd name="connsiteY4509" fmla="*/ 1703253 h 6858000"/>
              <a:gd name="connsiteX4510" fmla="*/ 477304 w 6858000"/>
              <a:gd name="connsiteY4510" fmla="*/ 1703253 h 6858000"/>
              <a:gd name="connsiteX4511" fmla="*/ 477304 w 6858000"/>
              <a:gd name="connsiteY4511" fmla="*/ 1595117 h 6858000"/>
              <a:gd name="connsiteX4512" fmla="*/ 245892 w 6858000"/>
              <a:gd name="connsiteY4512" fmla="*/ 1594897 h 6858000"/>
              <a:gd name="connsiteX4513" fmla="*/ 245892 w 6858000"/>
              <a:gd name="connsiteY4513" fmla="*/ 1703475 h 6858000"/>
              <a:gd name="connsiteX4514" fmla="*/ 354470 w 6858000"/>
              <a:gd name="connsiteY4514" fmla="*/ 1703475 h 6858000"/>
              <a:gd name="connsiteX4515" fmla="*/ 354470 w 6858000"/>
              <a:gd name="connsiteY4515" fmla="*/ 1594897 h 6858000"/>
              <a:gd name="connsiteX4516" fmla="*/ 122835 w 6858000"/>
              <a:gd name="connsiteY4516" fmla="*/ 1594897 h 6858000"/>
              <a:gd name="connsiteX4517" fmla="*/ 122835 w 6858000"/>
              <a:gd name="connsiteY4517" fmla="*/ 1703475 h 6858000"/>
              <a:gd name="connsiteX4518" fmla="*/ 231413 w 6858000"/>
              <a:gd name="connsiteY4518" fmla="*/ 1703475 h 6858000"/>
              <a:gd name="connsiteX4519" fmla="*/ 231413 w 6858000"/>
              <a:gd name="connsiteY4519" fmla="*/ 1594897 h 6858000"/>
              <a:gd name="connsiteX4520" fmla="*/ 3622617 w 6858000"/>
              <a:gd name="connsiteY4520" fmla="*/ 1525867 h 6858000"/>
              <a:gd name="connsiteX4521" fmla="*/ 3622617 w 6858000"/>
              <a:gd name="connsiteY4521" fmla="*/ 1526310 h 6858000"/>
              <a:gd name="connsiteX4522" fmla="*/ 3623061 w 6858000"/>
              <a:gd name="connsiteY4522" fmla="*/ 1526310 h 6858000"/>
              <a:gd name="connsiteX4523" fmla="*/ 3623061 w 6858000"/>
              <a:gd name="connsiteY4523" fmla="*/ 1525867 h 6858000"/>
              <a:gd name="connsiteX4524" fmla="*/ 3499523 w 6858000"/>
              <a:gd name="connsiteY4524" fmla="*/ 1525867 h 6858000"/>
              <a:gd name="connsiteX4525" fmla="*/ 3499523 w 6858000"/>
              <a:gd name="connsiteY4525" fmla="*/ 1526312 h 6858000"/>
              <a:gd name="connsiteX4526" fmla="*/ 3499967 w 6858000"/>
              <a:gd name="connsiteY4526" fmla="*/ 1526312 h 6858000"/>
              <a:gd name="connsiteX4527" fmla="*/ 3499967 w 6858000"/>
              <a:gd name="connsiteY4527" fmla="*/ 1525867 h 6858000"/>
              <a:gd name="connsiteX4528" fmla="*/ 3376466 w 6858000"/>
              <a:gd name="connsiteY4528" fmla="*/ 1525867 h 6858000"/>
              <a:gd name="connsiteX4529" fmla="*/ 3376466 w 6858000"/>
              <a:gd name="connsiteY4529" fmla="*/ 1526312 h 6858000"/>
              <a:gd name="connsiteX4530" fmla="*/ 3376910 w 6858000"/>
              <a:gd name="connsiteY4530" fmla="*/ 1526312 h 6858000"/>
              <a:gd name="connsiteX4531" fmla="*/ 3376910 w 6858000"/>
              <a:gd name="connsiteY4531" fmla="*/ 1525867 h 6858000"/>
              <a:gd name="connsiteX4532" fmla="*/ 3253408 w 6858000"/>
              <a:gd name="connsiteY4532" fmla="*/ 1525867 h 6858000"/>
              <a:gd name="connsiteX4533" fmla="*/ 3253408 w 6858000"/>
              <a:gd name="connsiteY4533" fmla="*/ 1526312 h 6858000"/>
              <a:gd name="connsiteX4534" fmla="*/ 3253852 w 6858000"/>
              <a:gd name="connsiteY4534" fmla="*/ 1526312 h 6858000"/>
              <a:gd name="connsiteX4535" fmla="*/ 3253852 w 6858000"/>
              <a:gd name="connsiteY4535" fmla="*/ 1525867 h 6858000"/>
              <a:gd name="connsiteX4536" fmla="*/ 3130351 w 6858000"/>
              <a:gd name="connsiteY4536" fmla="*/ 1525867 h 6858000"/>
              <a:gd name="connsiteX4537" fmla="*/ 3130351 w 6858000"/>
              <a:gd name="connsiteY4537" fmla="*/ 1526312 h 6858000"/>
              <a:gd name="connsiteX4538" fmla="*/ 3130795 w 6858000"/>
              <a:gd name="connsiteY4538" fmla="*/ 1526312 h 6858000"/>
              <a:gd name="connsiteX4539" fmla="*/ 3130795 w 6858000"/>
              <a:gd name="connsiteY4539" fmla="*/ 1525867 h 6858000"/>
              <a:gd name="connsiteX4540" fmla="*/ 3007294 w 6858000"/>
              <a:gd name="connsiteY4540" fmla="*/ 1525867 h 6858000"/>
              <a:gd name="connsiteX4541" fmla="*/ 3007294 w 6858000"/>
              <a:gd name="connsiteY4541" fmla="*/ 1526312 h 6858000"/>
              <a:gd name="connsiteX4542" fmla="*/ 3007738 w 6858000"/>
              <a:gd name="connsiteY4542" fmla="*/ 1526312 h 6858000"/>
              <a:gd name="connsiteX4543" fmla="*/ 3007738 w 6858000"/>
              <a:gd name="connsiteY4543" fmla="*/ 1525867 h 6858000"/>
              <a:gd name="connsiteX4544" fmla="*/ 2883792 w 6858000"/>
              <a:gd name="connsiteY4544" fmla="*/ 1525460 h 6858000"/>
              <a:gd name="connsiteX4545" fmla="*/ 2883792 w 6858000"/>
              <a:gd name="connsiteY4545" fmla="*/ 1526756 h 6858000"/>
              <a:gd name="connsiteX4546" fmla="*/ 2885088 w 6858000"/>
              <a:gd name="connsiteY4546" fmla="*/ 1526756 h 6858000"/>
              <a:gd name="connsiteX4547" fmla="*/ 2885088 w 6858000"/>
              <a:gd name="connsiteY4547" fmla="*/ 1525460 h 6858000"/>
              <a:gd name="connsiteX4548" fmla="*/ 2760735 w 6858000"/>
              <a:gd name="connsiteY4548" fmla="*/ 1525460 h 6858000"/>
              <a:gd name="connsiteX4549" fmla="*/ 2760735 w 6858000"/>
              <a:gd name="connsiteY4549" fmla="*/ 1526756 h 6858000"/>
              <a:gd name="connsiteX4550" fmla="*/ 2762031 w 6858000"/>
              <a:gd name="connsiteY4550" fmla="*/ 1526756 h 6858000"/>
              <a:gd name="connsiteX4551" fmla="*/ 2762031 w 6858000"/>
              <a:gd name="connsiteY4551" fmla="*/ 1525460 h 6858000"/>
              <a:gd name="connsiteX4552" fmla="*/ 2636381 w 6858000"/>
              <a:gd name="connsiteY4552" fmla="*/ 1524124 h 6858000"/>
              <a:gd name="connsiteX4553" fmla="*/ 2636381 w 6858000"/>
              <a:gd name="connsiteY4553" fmla="*/ 1528052 h 6858000"/>
              <a:gd name="connsiteX4554" fmla="*/ 2640306 w 6858000"/>
              <a:gd name="connsiteY4554" fmla="*/ 1528052 h 6858000"/>
              <a:gd name="connsiteX4555" fmla="*/ 2640306 w 6858000"/>
              <a:gd name="connsiteY4555" fmla="*/ 1524124 h 6858000"/>
              <a:gd name="connsiteX4556" fmla="*/ 2511139 w 6858000"/>
              <a:gd name="connsiteY4556" fmla="*/ 1521979 h 6858000"/>
              <a:gd name="connsiteX4557" fmla="*/ 2511139 w 6858000"/>
              <a:gd name="connsiteY4557" fmla="*/ 1530234 h 6858000"/>
              <a:gd name="connsiteX4558" fmla="*/ 2519397 w 6858000"/>
              <a:gd name="connsiteY4558" fmla="*/ 1530234 h 6858000"/>
              <a:gd name="connsiteX4559" fmla="*/ 2519397 w 6858000"/>
              <a:gd name="connsiteY4559" fmla="*/ 1521979 h 6858000"/>
              <a:gd name="connsiteX4560" fmla="*/ 2385045 w 6858000"/>
              <a:gd name="connsiteY4560" fmla="*/ 1518942 h 6858000"/>
              <a:gd name="connsiteX4561" fmla="*/ 2385045 w 6858000"/>
              <a:gd name="connsiteY4561" fmla="*/ 1533275 h 6858000"/>
              <a:gd name="connsiteX4562" fmla="*/ 2399376 w 6858000"/>
              <a:gd name="connsiteY4562" fmla="*/ 1533275 h 6858000"/>
              <a:gd name="connsiteX4563" fmla="*/ 2399376 w 6858000"/>
              <a:gd name="connsiteY4563" fmla="*/ 1518942 h 6858000"/>
              <a:gd name="connsiteX4564" fmla="*/ 2258951 w 6858000"/>
              <a:gd name="connsiteY4564" fmla="*/ 1515904 h 6858000"/>
              <a:gd name="connsiteX4565" fmla="*/ 2258951 w 6858000"/>
              <a:gd name="connsiteY4565" fmla="*/ 1536309 h 6858000"/>
              <a:gd name="connsiteX4566" fmla="*/ 2279356 w 6858000"/>
              <a:gd name="connsiteY4566" fmla="*/ 1536309 h 6858000"/>
              <a:gd name="connsiteX4567" fmla="*/ 2279356 w 6858000"/>
              <a:gd name="connsiteY4567" fmla="*/ 1515904 h 6858000"/>
              <a:gd name="connsiteX4568" fmla="*/ 2132413 w 6858000"/>
              <a:gd name="connsiteY4568" fmla="*/ 1512424 h 6858000"/>
              <a:gd name="connsiteX4569" fmla="*/ 2132413 w 6858000"/>
              <a:gd name="connsiteY4569" fmla="*/ 1539790 h 6858000"/>
              <a:gd name="connsiteX4570" fmla="*/ 2159780 w 6858000"/>
              <a:gd name="connsiteY4570" fmla="*/ 1539790 h 6858000"/>
              <a:gd name="connsiteX4571" fmla="*/ 2159780 w 6858000"/>
              <a:gd name="connsiteY4571" fmla="*/ 1512424 h 6858000"/>
              <a:gd name="connsiteX4572" fmla="*/ 2005875 w 6858000"/>
              <a:gd name="connsiteY4572" fmla="*/ 1508944 h 6858000"/>
              <a:gd name="connsiteX4573" fmla="*/ 2005875 w 6858000"/>
              <a:gd name="connsiteY4573" fmla="*/ 1543272 h 6858000"/>
              <a:gd name="connsiteX4574" fmla="*/ 2040204 w 6858000"/>
              <a:gd name="connsiteY4574" fmla="*/ 1543272 h 6858000"/>
              <a:gd name="connsiteX4575" fmla="*/ 2040204 w 6858000"/>
              <a:gd name="connsiteY4575" fmla="*/ 1508944 h 6858000"/>
              <a:gd name="connsiteX4576" fmla="*/ 1878929 w 6858000"/>
              <a:gd name="connsiteY4576" fmla="*/ 1505019 h 6858000"/>
              <a:gd name="connsiteX4577" fmla="*/ 1878929 w 6858000"/>
              <a:gd name="connsiteY4577" fmla="*/ 1547161 h 6858000"/>
              <a:gd name="connsiteX4578" fmla="*/ 1921071 w 6858000"/>
              <a:gd name="connsiteY4578" fmla="*/ 1547161 h 6858000"/>
              <a:gd name="connsiteX4579" fmla="*/ 1921071 w 6858000"/>
              <a:gd name="connsiteY4579" fmla="*/ 1505019 h 6858000"/>
              <a:gd name="connsiteX4580" fmla="*/ 1751946 w 6858000"/>
              <a:gd name="connsiteY4580" fmla="*/ 1501130 h 6858000"/>
              <a:gd name="connsiteX4581" fmla="*/ 1751946 w 6858000"/>
              <a:gd name="connsiteY4581" fmla="*/ 1551086 h 6858000"/>
              <a:gd name="connsiteX4582" fmla="*/ 1801902 w 6858000"/>
              <a:gd name="connsiteY4582" fmla="*/ 1551086 h 6858000"/>
              <a:gd name="connsiteX4583" fmla="*/ 1801902 w 6858000"/>
              <a:gd name="connsiteY4583" fmla="*/ 1501130 h 6858000"/>
              <a:gd name="connsiteX4584" fmla="*/ 1624963 w 6858000"/>
              <a:gd name="connsiteY4584" fmla="*/ 1497201 h 6858000"/>
              <a:gd name="connsiteX4585" fmla="*/ 1624963 w 6858000"/>
              <a:gd name="connsiteY4585" fmla="*/ 1554975 h 6858000"/>
              <a:gd name="connsiteX4586" fmla="*/ 1682733 w 6858000"/>
              <a:gd name="connsiteY4586" fmla="*/ 1554975 h 6858000"/>
              <a:gd name="connsiteX4587" fmla="*/ 1682733 w 6858000"/>
              <a:gd name="connsiteY4587" fmla="*/ 1497201 h 6858000"/>
              <a:gd name="connsiteX4588" fmla="*/ 1498018 w 6858000"/>
              <a:gd name="connsiteY4588" fmla="*/ 1493317 h 6858000"/>
              <a:gd name="connsiteX4589" fmla="*/ 1498018 w 6858000"/>
              <a:gd name="connsiteY4589" fmla="*/ 1558898 h 6858000"/>
              <a:gd name="connsiteX4590" fmla="*/ 1563602 w 6858000"/>
              <a:gd name="connsiteY4590" fmla="*/ 1558898 h 6858000"/>
              <a:gd name="connsiteX4591" fmla="*/ 1563602 w 6858000"/>
              <a:gd name="connsiteY4591" fmla="*/ 1493317 h 6858000"/>
              <a:gd name="connsiteX4592" fmla="*/ 1371035 w 6858000"/>
              <a:gd name="connsiteY4592" fmla="*/ 1489428 h 6858000"/>
              <a:gd name="connsiteX4593" fmla="*/ 1371035 w 6858000"/>
              <a:gd name="connsiteY4593" fmla="*/ 1562823 h 6858000"/>
              <a:gd name="connsiteX4594" fmla="*/ 1444432 w 6858000"/>
              <a:gd name="connsiteY4594" fmla="*/ 1562823 h 6858000"/>
              <a:gd name="connsiteX4595" fmla="*/ 1444432 w 6858000"/>
              <a:gd name="connsiteY4595" fmla="*/ 1489428 h 6858000"/>
              <a:gd name="connsiteX4596" fmla="*/ 1244275 w 6858000"/>
              <a:gd name="connsiteY4596" fmla="*/ 1485686 h 6858000"/>
              <a:gd name="connsiteX4597" fmla="*/ 1244275 w 6858000"/>
              <a:gd name="connsiteY4597" fmla="*/ 1566491 h 6858000"/>
              <a:gd name="connsiteX4598" fmla="*/ 1325079 w 6858000"/>
              <a:gd name="connsiteY4598" fmla="*/ 1566491 h 6858000"/>
              <a:gd name="connsiteX4599" fmla="*/ 1325079 w 6858000"/>
              <a:gd name="connsiteY4599" fmla="*/ 1485686 h 6858000"/>
              <a:gd name="connsiteX4600" fmla="*/ 1117736 w 6858000"/>
              <a:gd name="connsiteY4600" fmla="*/ 1482242 h 6858000"/>
              <a:gd name="connsiteX4601" fmla="*/ 1117736 w 6858000"/>
              <a:gd name="connsiteY4601" fmla="*/ 1569972 h 6858000"/>
              <a:gd name="connsiteX4602" fmla="*/ 1205465 w 6858000"/>
              <a:gd name="connsiteY4602" fmla="*/ 1569972 h 6858000"/>
              <a:gd name="connsiteX4603" fmla="*/ 1205465 w 6858000"/>
              <a:gd name="connsiteY4603" fmla="*/ 1482242 h 6858000"/>
              <a:gd name="connsiteX4604" fmla="*/ 991420 w 6858000"/>
              <a:gd name="connsiteY4604" fmla="*/ 1478983 h 6858000"/>
              <a:gd name="connsiteX4605" fmla="*/ 991420 w 6858000"/>
              <a:gd name="connsiteY4605" fmla="*/ 1573234 h 6858000"/>
              <a:gd name="connsiteX4606" fmla="*/ 1085666 w 6858000"/>
              <a:gd name="connsiteY4606" fmla="*/ 1573234 h 6858000"/>
              <a:gd name="connsiteX4607" fmla="*/ 1085666 w 6858000"/>
              <a:gd name="connsiteY4607" fmla="*/ 1478983 h 6858000"/>
              <a:gd name="connsiteX4608" fmla="*/ 865326 w 6858000"/>
              <a:gd name="connsiteY4608" fmla="*/ 1475949 h 6858000"/>
              <a:gd name="connsiteX4609" fmla="*/ 865326 w 6858000"/>
              <a:gd name="connsiteY4609" fmla="*/ 1576269 h 6858000"/>
              <a:gd name="connsiteX4610" fmla="*/ 965646 w 6858000"/>
              <a:gd name="connsiteY4610" fmla="*/ 1576269 h 6858000"/>
              <a:gd name="connsiteX4611" fmla="*/ 965646 w 6858000"/>
              <a:gd name="connsiteY4611" fmla="*/ 1475949 h 6858000"/>
              <a:gd name="connsiteX4612" fmla="*/ 739899 w 6858000"/>
              <a:gd name="connsiteY4612" fmla="*/ 1473577 h 6858000"/>
              <a:gd name="connsiteX4613" fmla="*/ 739899 w 6858000"/>
              <a:gd name="connsiteY4613" fmla="*/ 1578674 h 6858000"/>
              <a:gd name="connsiteX4614" fmla="*/ 844996 w 6858000"/>
              <a:gd name="connsiteY4614" fmla="*/ 1578674 h 6858000"/>
              <a:gd name="connsiteX4615" fmla="*/ 844996 w 6858000"/>
              <a:gd name="connsiteY4615" fmla="*/ 1473577 h 6858000"/>
              <a:gd name="connsiteX4616" fmla="*/ 444 w 6858000"/>
              <a:gd name="connsiteY4616" fmla="*/ 1472467 h 6858000"/>
              <a:gd name="connsiteX4617" fmla="*/ 444 w 6858000"/>
              <a:gd name="connsiteY4617" fmla="*/ 1579749 h 6858000"/>
              <a:gd name="connsiteX4618" fmla="*/ 107726 w 6858000"/>
              <a:gd name="connsiteY4618" fmla="*/ 1579749 h 6858000"/>
              <a:gd name="connsiteX4619" fmla="*/ 107726 w 6858000"/>
              <a:gd name="connsiteY4619" fmla="*/ 1472467 h 6858000"/>
              <a:gd name="connsiteX4620" fmla="*/ 615101 w 6858000"/>
              <a:gd name="connsiteY4620" fmla="*/ 1471836 h 6858000"/>
              <a:gd name="connsiteX4621" fmla="*/ 615101 w 6858000"/>
              <a:gd name="connsiteY4621" fmla="*/ 1580415 h 6858000"/>
              <a:gd name="connsiteX4622" fmla="*/ 723679 w 6858000"/>
              <a:gd name="connsiteY4622" fmla="*/ 1580415 h 6858000"/>
              <a:gd name="connsiteX4623" fmla="*/ 723679 w 6858000"/>
              <a:gd name="connsiteY4623" fmla="*/ 1471836 h 6858000"/>
              <a:gd name="connsiteX4624" fmla="*/ 491377 w 6858000"/>
              <a:gd name="connsiteY4624" fmla="*/ 1471169 h 6858000"/>
              <a:gd name="connsiteX4625" fmla="*/ 491377 w 6858000"/>
              <a:gd name="connsiteY4625" fmla="*/ 1581049 h 6858000"/>
              <a:gd name="connsiteX4626" fmla="*/ 601251 w 6858000"/>
              <a:gd name="connsiteY4626" fmla="*/ 1581049 h 6858000"/>
              <a:gd name="connsiteX4627" fmla="*/ 601251 w 6858000"/>
              <a:gd name="connsiteY4627" fmla="*/ 1471169 h 6858000"/>
              <a:gd name="connsiteX4628" fmla="*/ 368320 w 6858000"/>
              <a:gd name="connsiteY4628" fmla="*/ 1471169 h 6858000"/>
              <a:gd name="connsiteX4629" fmla="*/ 368320 w 6858000"/>
              <a:gd name="connsiteY4629" fmla="*/ 1581049 h 6858000"/>
              <a:gd name="connsiteX4630" fmla="*/ 478194 w 6858000"/>
              <a:gd name="connsiteY4630" fmla="*/ 1581049 h 6858000"/>
              <a:gd name="connsiteX4631" fmla="*/ 478194 w 6858000"/>
              <a:gd name="connsiteY4631" fmla="*/ 1471169 h 6858000"/>
              <a:gd name="connsiteX4632" fmla="*/ 245262 w 6858000"/>
              <a:gd name="connsiteY4632" fmla="*/ 1471169 h 6858000"/>
              <a:gd name="connsiteX4633" fmla="*/ 245262 w 6858000"/>
              <a:gd name="connsiteY4633" fmla="*/ 1581049 h 6858000"/>
              <a:gd name="connsiteX4634" fmla="*/ 355136 w 6858000"/>
              <a:gd name="connsiteY4634" fmla="*/ 1581049 h 6858000"/>
              <a:gd name="connsiteX4635" fmla="*/ 355136 w 6858000"/>
              <a:gd name="connsiteY4635" fmla="*/ 1471169 h 6858000"/>
              <a:gd name="connsiteX4636" fmla="*/ 122205 w 6858000"/>
              <a:gd name="connsiteY4636" fmla="*/ 1471169 h 6858000"/>
              <a:gd name="connsiteX4637" fmla="*/ 122205 w 6858000"/>
              <a:gd name="connsiteY4637" fmla="*/ 1581049 h 6858000"/>
              <a:gd name="connsiteX4638" fmla="*/ 232079 w 6858000"/>
              <a:gd name="connsiteY4638" fmla="*/ 1581049 h 6858000"/>
              <a:gd name="connsiteX4639" fmla="*/ 232079 w 6858000"/>
              <a:gd name="connsiteY4639" fmla="*/ 1471169 h 6858000"/>
              <a:gd name="connsiteX4640" fmla="*/ 5714629 w 6858000"/>
              <a:gd name="connsiteY4640" fmla="*/ 1402807 h 6858000"/>
              <a:gd name="connsiteX4641" fmla="*/ 5714629 w 6858000"/>
              <a:gd name="connsiteY4641" fmla="*/ 1403251 h 6858000"/>
              <a:gd name="connsiteX4642" fmla="*/ 5715073 w 6858000"/>
              <a:gd name="connsiteY4642" fmla="*/ 1403251 h 6858000"/>
              <a:gd name="connsiteX4643" fmla="*/ 5715073 w 6858000"/>
              <a:gd name="connsiteY4643" fmla="*/ 1402807 h 6858000"/>
              <a:gd name="connsiteX4644" fmla="*/ 5591572 w 6858000"/>
              <a:gd name="connsiteY4644" fmla="*/ 1402807 h 6858000"/>
              <a:gd name="connsiteX4645" fmla="*/ 5591572 w 6858000"/>
              <a:gd name="connsiteY4645" fmla="*/ 1403251 h 6858000"/>
              <a:gd name="connsiteX4646" fmla="*/ 5592017 w 6858000"/>
              <a:gd name="connsiteY4646" fmla="*/ 1403251 h 6858000"/>
              <a:gd name="connsiteX4647" fmla="*/ 5592017 w 6858000"/>
              <a:gd name="connsiteY4647" fmla="*/ 1402807 h 6858000"/>
              <a:gd name="connsiteX4648" fmla="*/ 3745675 w 6858000"/>
              <a:gd name="connsiteY4648" fmla="*/ 1402807 h 6858000"/>
              <a:gd name="connsiteX4649" fmla="*/ 3745675 w 6858000"/>
              <a:gd name="connsiteY4649" fmla="*/ 1403251 h 6858000"/>
              <a:gd name="connsiteX4650" fmla="*/ 3746119 w 6858000"/>
              <a:gd name="connsiteY4650" fmla="*/ 1403251 h 6858000"/>
              <a:gd name="connsiteX4651" fmla="*/ 3746119 w 6858000"/>
              <a:gd name="connsiteY4651" fmla="*/ 1402807 h 6858000"/>
              <a:gd name="connsiteX4652" fmla="*/ 3622617 w 6858000"/>
              <a:gd name="connsiteY4652" fmla="*/ 1402807 h 6858000"/>
              <a:gd name="connsiteX4653" fmla="*/ 3622617 w 6858000"/>
              <a:gd name="connsiteY4653" fmla="*/ 1403251 h 6858000"/>
              <a:gd name="connsiteX4654" fmla="*/ 3623061 w 6858000"/>
              <a:gd name="connsiteY4654" fmla="*/ 1403251 h 6858000"/>
              <a:gd name="connsiteX4655" fmla="*/ 3623061 w 6858000"/>
              <a:gd name="connsiteY4655" fmla="*/ 1402807 h 6858000"/>
              <a:gd name="connsiteX4656" fmla="*/ 3499523 w 6858000"/>
              <a:gd name="connsiteY4656" fmla="*/ 1402807 h 6858000"/>
              <a:gd name="connsiteX4657" fmla="*/ 3499523 w 6858000"/>
              <a:gd name="connsiteY4657" fmla="*/ 1403251 h 6858000"/>
              <a:gd name="connsiteX4658" fmla="*/ 3499967 w 6858000"/>
              <a:gd name="connsiteY4658" fmla="*/ 1403251 h 6858000"/>
              <a:gd name="connsiteX4659" fmla="*/ 3499967 w 6858000"/>
              <a:gd name="connsiteY4659" fmla="*/ 1402807 h 6858000"/>
              <a:gd name="connsiteX4660" fmla="*/ 3376466 w 6858000"/>
              <a:gd name="connsiteY4660" fmla="*/ 1402807 h 6858000"/>
              <a:gd name="connsiteX4661" fmla="*/ 3376466 w 6858000"/>
              <a:gd name="connsiteY4661" fmla="*/ 1403251 h 6858000"/>
              <a:gd name="connsiteX4662" fmla="*/ 3376910 w 6858000"/>
              <a:gd name="connsiteY4662" fmla="*/ 1403251 h 6858000"/>
              <a:gd name="connsiteX4663" fmla="*/ 3376910 w 6858000"/>
              <a:gd name="connsiteY4663" fmla="*/ 1402807 h 6858000"/>
              <a:gd name="connsiteX4664" fmla="*/ 3253408 w 6858000"/>
              <a:gd name="connsiteY4664" fmla="*/ 1402807 h 6858000"/>
              <a:gd name="connsiteX4665" fmla="*/ 3253408 w 6858000"/>
              <a:gd name="connsiteY4665" fmla="*/ 1403251 h 6858000"/>
              <a:gd name="connsiteX4666" fmla="*/ 3253852 w 6858000"/>
              <a:gd name="connsiteY4666" fmla="*/ 1403251 h 6858000"/>
              <a:gd name="connsiteX4667" fmla="*/ 3253852 w 6858000"/>
              <a:gd name="connsiteY4667" fmla="*/ 1402807 h 6858000"/>
              <a:gd name="connsiteX4668" fmla="*/ 3130351 w 6858000"/>
              <a:gd name="connsiteY4668" fmla="*/ 1402807 h 6858000"/>
              <a:gd name="connsiteX4669" fmla="*/ 3130351 w 6858000"/>
              <a:gd name="connsiteY4669" fmla="*/ 1403251 h 6858000"/>
              <a:gd name="connsiteX4670" fmla="*/ 3130795 w 6858000"/>
              <a:gd name="connsiteY4670" fmla="*/ 1403251 h 6858000"/>
              <a:gd name="connsiteX4671" fmla="*/ 3130795 w 6858000"/>
              <a:gd name="connsiteY4671" fmla="*/ 1402807 h 6858000"/>
              <a:gd name="connsiteX4672" fmla="*/ 3006849 w 6858000"/>
              <a:gd name="connsiteY4672" fmla="*/ 1402401 h 6858000"/>
              <a:gd name="connsiteX4673" fmla="*/ 3006849 w 6858000"/>
              <a:gd name="connsiteY4673" fmla="*/ 1403696 h 6858000"/>
              <a:gd name="connsiteX4674" fmla="*/ 3008145 w 6858000"/>
              <a:gd name="connsiteY4674" fmla="*/ 1403696 h 6858000"/>
              <a:gd name="connsiteX4675" fmla="*/ 3008145 w 6858000"/>
              <a:gd name="connsiteY4675" fmla="*/ 1402401 h 6858000"/>
              <a:gd name="connsiteX4676" fmla="*/ 2883385 w 6858000"/>
              <a:gd name="connsiteY4676" fmla="*/ 1401956 h 6858000"/>
              <a:gd name="connsiteX4677" fmla="*/ 2883385 w 6858000"/>
              <a:gd name="connsiteY4677" fmla="*/ 1404140 h 6858000"/>
              <a:gd name="connsiteX4678" fmla="*/ 2885570 w 6858000"/>
              <a:gd name="connsiteY4678" fmla="*/ 1404140 h 6858000"/>
              <a:gd name="connsiteX4679" fmla="*/ 2885570 w 6858000"/>
              <a:gd name="connsiteY4679" fmla="*/ 1401956 h 6858000"/>
              <a:gd name="connsiteX4680" fmla="*/ 2759883 w 6858000"/>
              <a:gd name="connsiteY4680" fmla="*/ 1401512 h 6858000"/>
              <a:gd name="connsiteX4681" fmla="*/ 2759883 w 6858000"/>
              <a:gd name="connsiteY4681" fmla="*/ 1404548 h 6858000"/>
              <a:gd name="connsiteX4682" fmla="*/ 2762920 w 6858000"/>
              <a:gd name="connsiteY4682" fmla="*/ 1404548 h 6858000"/>
              <a:gd name="connsiteX4683" fmla="*/ 2762920 w 6858000"/>
              <a:gd name="connsiteY4683" fmla="*/ 1401512 h 6858000"/>
              <a:gd name="connsiteX4684" fmla="*/ 2635530 w 6858000"/>
              <a:gd name="connsiteY4684" fmla="*/ 1400251 h 6858000"/>
              <a:gd name="connsiteX4685" fmla="*/ 2635530 w 6858000"/>
              <a:gd name="connsiteY4685" fmla="*/ 1405880 h 6858000"/>
              <a:gd name="connsiteX4686" fmla="*/ 2641159 w 6858000"/>
              <a:gd name="connsiteY4686" fmla="*/ 1405880 h 6858000"/>
              <a:gd name="connsiteX4687" fmla="*/ 2641159 w 6858000"/>
              <a:gd name="connsiteY4687" fmla="*/ 1400251 h 6858000"/>
              <a:gd name="connsiteX4688" fmla="*/ 2510287 w 6858000"/>
              <a:gd name="connsiteY4688" fmla="*/ 1398028 h 6858000"/>
              <a:gd name="connsiteX4689" fmla="*/ 2510287 w 6858000"/>
              <a:gd name="connsiteY4689" fmla="*/ 1408029 h 6858000"/>
              <a:gd name="connsiteX4690" fmla="*/ 2520286 w 6858000"/>
              <a:gd name="connsiteY4690" fmla="*/ 1408029 h 6858000"/>
              <a:gd name="connsiteX4691" fmla="*/ 2520286 w 6858000"/>
              <a:gd name="connsiteY4691" fmla="*/ 1398028 h 6858000"/>
              <a:gd name="connsiteX4692" fmla="*/ 2384601 w 6858000"/>
              <a:gd name="connsiteY4692" fmla="*/ 1395475 h 6858000"/>
              <a:gd name="connsiteX4693" fmla="*/ 2384601 w 6858000"/>
              <a:gd name="connsiteY4693" fmla="*/ 1410658 h 6858000"/>
              <a:gd name="connsiteX4694" fmla="*/ 2399784 w 6858000"/>
              <a:gd name="connsiteY4694" fmla="*/ 1410658 h 6858000"/>
              <a:gd name="connsiteX4695" fmla="*/ 2399784 w 6858000"/>
              <a:gd name="connsiteY4695" fmla="*/ 1395475 h 6858000"/>
              <a:gd name="connsiteX4696" fmla="*/ 2258507 w 6858000"/>
              <a:gd name="connsiteY4696" fmla="*/ 1392401 h 6858000"/>
              <a:gd name="connsiteX4697" fmla="*/ 2258507 w 6858000"/>
              <a:gd name="connsiteY4697" fmla="*/ 1413695 h 6858000"/>
              <a:gd name="connsiteX4698" fmla="*/ 2279800 w 6858000"/>
              <a:gd name="connsiteY4698" fmla="*/ 1413695 h 6858000"/>
              <a:gd name="connsiteX4699" fmla="*/ 2279800 w 6858000"/>
              <a:gd name="connsiteY4699" fmla="*/ 1392401 h 6858000"/>
              <a:gd name="connsiteX4700" fmla="*/ 2131969 w 6858000"/>
              <a:gd name="connsiteY4700" fmla="*/ 1388957 h 6858000"/>
              <a:gd name="connsiteX4701" fmla="*/ 2131969 w 6858000"/>
              <a:gd name="connsiteY4701" fmla="*/ 1417177 h 6858000"/>
              <a:gd name="connsiteX4702" fmla="*/ 2160187 w 6858000"/>
              <a:gd name="connsiteY4702" fmla="*/ 1417177 h 6858000"/>
              <a:gd name="connsiteX4703" fmla="*/ 2160187 w 6858000"/>
              <a:gd name="connsiteY4703" fmla="*/ 1388957 h 6858000"/>
              <a:gd name="connsiteX4704" fmla="*/ 2005245 w 6858000"/>
              <a:gd name="connsiteY4704" fmla="*/ 1385215 h 6858000"/>
              <a:gd name="connsiteX4705" fmla="*/ 2005245 w 6858000"/>
              <a:gd name="connsiteY4705" fmla="*/ 1420842 h 6858000"/>
              <a:gd name="connsiteX4706" fmla="*/ 2040870 w 6858000"/>
              <a:gd name="connsiteY4706" fmla="*/ 1420842 h 6858000"/>
              <a:gd name="connsiteX4707" fmla="*/ 2040870 w 6858000"/>
              <a:gd name="connsiteY4707" fmla="*/ 1385215 h 6858000"/>
              <a:gd name="connsiteX4708" fmla="*/ 1878262 w 6858000"/>
              <a:gd name="connsiteY4708" fmla="*/ 1381329 h 6858000"/>
              <a:gd name="connsiteX4709" fmla="*/ 1878262 w 6858000"/>
              <a:gd name="connsiteY4709" fmla="*/ 1424767 h 6858000"/>
              <a:gd name="connsiteX4710" fmla="*/ 1921701 w 6858000"/>
              <a:gd name="connsiteY4710" fmla="*/ 1424767 h 6858000"/>
              <a:gd name="connsiteX4711" fmla="*/ 1921701 w 6858000"/>
              <a:gd name="connsiteY4711" fmla="*/ 1381329 h 6858000"/>
              <a:gd name="connsiteX4712" fmla="*/ 1751280 w 6858000"/>
              <a:gd name="connsiteY4712" fmla="*/ 1377403 h 6858000"/>
              <a:gd name="connsiteX4713" fmla="*/ 1751280 w 6858000"/>
              <a:gd name="connsiteY4713" fmla="*/ 1428656 h 6858000"/>
              <a:gd name="connsiteX4714" fmla="*/ 1802532 w 6858000"/>
              <a:gd name="connsiteY4714" fmla="*/ 1428656 h 6858000"/>
              <a:gd name="connsiteX4715" fmla="*/ 1802532 w 6858000"/>
              <a:gd name="connsiteY4715" fmla="*/ 1377403 h 6858000"/>
              <a:gd name="connsiteX4716" fmla="*/ 1624334 w 6858000"/>
              <a:gd name="connsiteY4716" fmla="*/ 1373515 h 6858000"/>
              <a:gd name="connsiteX4717" fmla="*/ 1624334 w 6858000"/>
              <a:gd name="connsiteY4717" fmla="*/ 1432582 h 6858000"/>
              <a:gd name="connsiteX4718" fmla="*/ 1683400 w 6858000"/>
              <a:gd name="connsiteY4718" fmla="*/ 1432582 h 6858000"/>
              <a:gd name="connsiteX4719" fmla="*/ 1683400 w 6858000"/>
              <a:gd name="connsiteY4719" fmla="*/ 1373515 h 6858000"/>
              <a:gd name="connsiteX4720" fmla="*/ 1497351 w 6858000"/>
              <a:gd name="connsiteY4720" fmla="*/ 1369627 h 6858000"/>
              <a:gd name="connsiteX4721" fmla="*/ 1497351 w 6858000"/>
              <a:gd name="connsiteY4721" fmla="*/ 1436505 h 6858000"/>
              <a:gd name="connsiteX4722" fmla="*/ 1564231 w 6858000"/>
              <a:gd name="connsiteY4722" fmla="*/ 1436505 h 6858000"/>
              <a:gd name="connsiteX4723" fmla="*/ 1564231 w 6858000"/>
              <a:gd name="connsiteY4723" fmla="*/ 1369627 h 6858000"/>
              <a:gd name="connsiteX4724" fmla="*/ 1370369 w 6858000"/>
              <a:gd name="connsiteY4724" fmla="*/ 1365700 h 6858000"/>
              <a:gd name="connsiteX4725" fmla="*/ 1370369 w 6858000"/>
              <a:gd name="connsiteY4725" fmla="*/ 1440395 h 6858000"/>
              <a:gd name="connsiteX4726" fmla="*/ 1445063 w 6858000"/>
              <a:gd name="connsiteY4726" fmla="*/ 1440395 h 6858000"/>
              <a:gd name="connsiteX4727" fmla="*/ 1445063 w 6858000"/>
              <a:gd name="connsiteY4727" fmla="*/ 1365700 h 6858000"/>
              <a:gd name="connsiteX4728" fmla="*/ 1243645 w 6858000"/>
              <a:gd name="connsiteY4728" fmla="*/ 1361997 h 6858000"/>
              <a:gd name="connsiteX4729" fmla="*/ 1243645 w 6858000"/>
              <a:gd name="connsiteY4729" fmla="*/ 1444098 h 6858000"/>
              <a:gd name="connsiteX4730" fmla="*/ 1325745 w 6858000"/>
              <a:gd name="connsiteY4730" fmla="*/ 1444098 h 6858000"/>
              <a:gd name="connsiteX4731" fmla="*/ 1325745 w 6858000"/>
              <a:gd name="connsiteY4731" fmla="*/ 1361997 h 6858000"/>
              <a:gd name="connsiteX4732" fmla="*/ 1117107 w 6858000"/>
              <a:gd name="connsiteY4732" fmla="*/ 1358555 h 6858000"/>
              <a:gd name="connsiteX4733" fmla="*/ 1117107 w 6858000"/>
              <a:gd name="connsiteY4733" fmla="*/ 1447579 h 6858000"/>
              <a:gd name="connsiteX4734" fmla="*/ 1206132 w 6858000"/>
              <a:gd name="connsiteY4734" fmla="*/ 1447579 h 6858000"/>
              <a:gd name="connsiteX4735" fmla="*/ 1206132 w 6858000"/>
              <a:gd name="connsiteY4735" fmla="*/ 1358555 h 6858000"/>
              <a:gd name="connsiteX4736" fmla="*/ 990791 w 6858000"/>
              <a:gd name="connsiteY4736" fmla="*/ 1355294 h 6858000"/>
              <a:gd name="connsiteX4737" fmla="*/ 990791 w 6858000"/>
              <a:gd name="connsiteY4737" fmla="*/ 1450837 h 6858000"/>
              <a:gd name="connsiteX4738" fmla="*/ 1086333 w 6858000"/>
              <a:gd name="connsiteY4738" fmla="*/ 1450837 h 6858000"/>
              <a:gd name="connsiteX4739" fmla="*/ 1086333 w 6858000"/>
              <a:gd name="connsiteY4739" fmla="*/ 1355294 h 6858000"/>
              <a:gd name="connsiteX4740" fmla="*/ 864882 w 6858000"/>
              <a:gd name="connsiteY4740" fmla="*/ 1352444 h 6858000"/>
              <a:gd name="connsiteX4741" fmla="*/ 864882 w 6858000"/>
              <a:gd name="connsiteY4741" fmla="*/ 1453654 h 6858000"/>
              <a:gd name="connsiteX4742" fmla="*/ 966090 w 6858000"/>
              <a:gd name="connsiteY4742" fmla="*/ 1453654 h 6858000"/>
              <a:gd name="connsiteX4743" fmla="*/ 966090 w 6858000"/>
              <a:gd name="connsiteY4743" fmla="*/ 1352444 h 6858000"/>
              <a:gd name="connsiteX4744" fmla="*/ 739232 w 6858000"/>
              <a:gd name="connsiteY4744" fmla="*/ 1349852 h 6858000"/>
              <a:gd name="connsiteX4745" fmla="*/ 739232 w 6858000"/>
              <a:gd name="connsiteY4745" fmla="*/ 1456244 h 6858000"/>
              <a:gd name="connsiteX4746" fmla="*/ 845625 w 6858000"/>
              <a:gd name="connsiteY4746" fmla="*/ 1456244 h 6858000"/>
              <a:gd name="connsiteX4747" fmla="*/ 845625 w 6858000"/>
              <a:gd name="connsiteY4747" fmla="*/ 1349852 h 6858000"/>
              <a:gd name="connsiteX4748" fmla="*/ 222 w 6858000"/>
              <a:gd name="connsiteY4748" fmla="*/ 1349185 h 6858000"/>
              <a:gd name="connsiteX4749" fmla="*/ 222 w 6858000"/>
              <a:gd name="connsiteY4749" fmla="*/ 1456913 h 6858000"/>
              <a:gd name="connsiteX4750" fmla="*/ 107948 w 6858000"/>
              <a:gd name="connsiteY4750" fmla="*/ 1456913 h 6858000"/>
              <a:gd name="connsiteX4751" fmla="*/ 107948 w 6858000"/>
              <a:gd name="connsiteY4751" fmla="*/ 1349185 h 6858000"/>
              <a:gd name="connsiteX4752" fmla="*/ 614212 w 6858000"/>
              <a:gd name="connsiteY4752" fmla="*/ 1347889 h 6858000"/>
              <a:gd name="connsiteX4753" fmla="*/ 614212 w 6858000"/>
              <a:gd name="connsiteY4753" fmla="*/ 1458208 h 6858000"/>
              <a:gd name="connsiteX4754" fmla="*/ 724530 w 6858000"/>
              <a:gd name="connsiteY4754" fmla="*/ 1458208 h 6858000"/>
              <a:gd name="connsiteX4755" fmla="*/ 724530 w 6858000"/>
              <a:gd name="connsiteY4755" fmla="*/ 1347889 h 6858000"/>
              <a:gd name="connsiteX4756" fmla="*/ 121983 w 6858000"/>
              <a:gd name="connsiteY4756" fmla="*/ 1347889 h 6858000"/>
              <a:gd name="connsiteX4757" fmla="*/ 121983 w 6858000"/>
              <a:gd name="connsiteY4757" fmla="*/ 1458208 h 6858000"/>
              <a:gd name="connsiteX4758" fmla="*/ 232301 w 6858000"/>
              <a:gd name="connsiteY4758" fmla="*/ 1458208 h 6858000"/>
              <a:gd name="connsiteX4759" fmla="*/ 232301 w 6858000"/>
              <a:gd name="connsiteY4759" fmla="*/ 1347889 h 6858000"/>
              <a:gd name="connsiteX4760" fmla="*/ 490933 w 6858000"/>
              <a:gd name="connsiteY4760" fmla="*/ 1347667 h 6858000"/>
              <a:gd name="connsiteX4761" fmla="*/ 490933 w 6858000"/>
              <a:gd name="connsiteY4761" fmla="*/ 1458429 h 6858000"/>
              <a:gd name="connsiteX4762" fmla="*/ 601696 w 6858000"/>
              <a:gd name="connsiteY4762" fmla="*/ 1458429 h 6858000"/>
              <a:gd name="connsiteX4763" fmla="*/ 601696 w 6858000"/>
              <a:gd name="connsiteY4763" fmla="*/ 1347667 h 6858000"/>
              <a:gd name="connsiteX4764" fmla="*/ 367875 w 6858000"/>
              <a:gd name="connsiteY4764" fmla="*/ 1347667 h 6858000"/>
              <a:gd name="connsiteX4765" fmla="*/ 367875 w 6858000"/>
              <a:gd name="connsiteY4765" fmla="*/ 1458429 h 6858000"/>
              <a:gd name="connsiteX4766" fmla="*/ 478638 w 6858000"/>
              <a:gd name="connsiteY4766" fmla="*/ 1458429 h 6858000"/>
              <a:gd name="connsiteX4767" fmla="*/ 478638 w 6858000"/>
              <a:gd name="connsiteY4767" fmla="*/ 1347667 h 6858000"/>
              <a:gd name="connsiteX4768" fmla="*/ 244818 w 6858000"/>
              <a:gd name="connsiteY4768" fmla="*/ 1347667 h 6858000"/>
              <a:gd name="connsiteX4769" fmla="*/ 244818 w 6858000"/>
              <a:gd name="connsiteY4769" fmla="*/ 1458429 h 6858000"/>
              <a:gd name="connsiteX4770" fmla="*/ 355581 w 6858000"/>
              <a:gd name="connsiteY4770" fmla="*/ 1458429 h 6858000"/>
              <a:gd name="connsiteX4771" fmla="*/ 355581 w 6858000"/>
              <a:gd name="connsiteY4771" fmla="*/ 1347667 h 6858000"/>
              <a:gd name="connsiteX4772" fmla="*/ 5714629 w 6858000"/>
              <a:gd name="connsiteY4772" fmla="*/ 1279748 h 6858000"/>
              <a:gd name="connsiteX4773" fmla="*/ 5714629 w 6858000"/>
              <a:gd name="connsiteY4773" fmla="*/ 1280193 h 6858000"/>
              <a:gd name="connsiteX4774" fmla="*/ 5715073 w 6858000"/>
              <a:gd name="connsiteY4774" fmla="*/ 1280193 h 6858000"/>
              <a:gd name="connsiteX4775" fmla="*/ 5715073 w 6858000"/>
              <a:gd name="connsiteY4775" fmla="*/ 1279748 h 6858000"/>
              <a:gd name="connsiteX4776" fmla="*/ 5591572 w 6858000"/>
              <a:gd name="connsiteY4776" fmla="*/ 1279748 h 6858000"/>
              <a:gd name="connsiteX4777" fmla="*/ 5591572 w 6858000"/>
              <a:gd name="connsiteY4777" fmla="*/ 1280193 h 6858000"/>
              <a:gd name="connsiteX4778" fmla="*/ 5592017 w 6858000"/>
              <a:gd name="connsiteY4778" fmla="*/ 1280193 h 6858000"/>
              <a:gd name="connsiteX4779" fmla="*/ 5592017 w 6858000"/>
              <a:gd name="connsiteY4779" fmla="*/ 1279748 h 6858000"/>
              <a:gd name="connsiteX4780" fmla="*/ 5468514 w 6858000"/>
              <a:gd name="connsiteY4780" fmla="*/ 1279748 h 6858000"/>
              <a:gd name="connsiteX4781" fmla="*/ 5468514 w 6858000"/>
              <a:gd name="connsiteY4781" fmla="*/ 1280193 h 6858000"/>
              <a:gd name="connsiteX4782" fmla="*/ 5468958 w 6858000"/>
              <a:gd name="connsiteY4782" fmla="*/ 1280193 h 6858000"/>
              <a:gd name="connsiteX4783" fmla="*/ 5468958 w 6858000"/>
              <a:gd name="connsiteY4783" fmla="*/ 1279748 h 6858000"/>
              <a:gd name="connsiteX4784" fmla="*/ 4976248 w 6858000"/>
              <a:gd name="connsiteY4784" fmla="*/ 1279748 h 6858000"/>
              <a:gd name="connsiteX4785" fmla="*/ 4976248 w 6858000"/>
              <a:gd name="connsiteY4785" fmla="*/ 1280193 h 6858000"/>
              <a:gd name="connsiteX4786" fmla="*/ 4976692 w 6858000"/>
              <a:gd name="connsiteY4786" fmla="*/ 1280193 h 6858000"/>
              <a:gd name="connsiteX4787" fmla="*/ 4976692 w 6858000"/>
              <a:gd name="connsiteY4787" fmla="*/ 1279748 h 6858000"/>
              <a:gd name="connsiteX4788" fmla="*/ 3991789 w 6858000"/>
              <a:gd name="connsiteY4788" fmla="*/ 1279748 h 6858000"/>
              <a:gd name="connsiteX4789" fmla="*/ 3991789 w 6858000"/>
              <a:gd name="connsiteY4789" fmla="*/ 1280193 h 6858000"/>
              <a:gd name="connsiteX4790" fmla="*/ 3992234 w 6858000"/>
              <a:gd name="connsiteY4790" fmla="*/ 1280193 h 6858000"/>
              <a:gd name="connsiteX4791" fmla="*/ 3992234 w 6858000"/>
              <a:gd name="connsiteY4791" fmla="*/ 1279748 h 6858000"/>
              <a:gd name="connsiteX4792" fmla="*/ 3868732 w 6858000"/>
              <a:gd name="connsiteY4792" fmla="*/ 1279748 h 6858000"/>
              <a:gd name="connsiteX4793" fmla="*/ 3868732 w 6858000"/>
              <a:gd name="connsiteY4793" fmla="*/ 1280193 h 6858000"/>
              <a:gd name="connsiteX4794" fmla="*/ 3869176 w 6858000"/>
              <a:gd name="connsiteY4794" fmla="*/ 1280193 h 6858000"/>
              <a:gd name="connsiteX4795" fmla="*/ 3869176 w 6858000"/>
              <a:gd name="connsiteY4795" fmla="*/ 1279748 h 6858000"/>
              <a:gd name="connsiteX4796" fmla="*/ 3745675 w 6858000"/>
              <a:gd name="connsiteY4796" fmla="*/ 1279748 h 6858000"/>
              <a:gd name="connsiteX4797" fmla="*/ 3745675 w 6858000"/>
              <a:gd name="connsiteY4797" fmla="*/ 1280193 h 6858000"/>
              <a:gd name="connsiteX4798" fmla="*/ 3746119 w 6858000"/>
              <a:gd name="connsiteY4798" fmla="*/ 1280193 h 6858000"/>
              <a:gd name="connsiteX4799" fmla="*/ 3746119 w 6858000"/>
              <a:gd name="connsiteY4799" fmla="*/ 1279748 h 6858000"/>
              <a:gd name="connsiteX4800" fmla="*/ 3622617 w 6858000"/>
              <a:gd name="connsiteY4800" fmla="*/ 1279748 h 6858000"/>
              <a:gd name="connsiteX4801" fmla="*/ 3622617 w 6858000"/>
              <a:gd name="connsiteY4801" fmla="*/ 1280193 h 6858000"/>
              <a:gd name="connsiteX4802" fmla="*/ 3623061 w 6858000"/>
              <a:gd name="connsiteY4802" fmla="*/ 1280193 h 6858000"/>
              <a:gd name="connsiteX4803" fmla="*/ 3623061 w 6858000"/>
              <a:gd name="connsiteY4803" fmla="*/ 1279748 h 6858000"/>
              <a:gd name="connsiteX4804" fmla="*/ 3499523 w 6858000"/>
              <a:gd name="connsiteY4804" fmla="*/ 1279748 h 6858000"/>
              <a:gd name="connsiteX4805" fmla="*/ 3499523 w 6858000"/>
              <a:gd name="connsiteY4805" fmla="*/ 1280193 h 6858000"/>
              <a:gd name="connsiteX4806" fmla="*/ 3499967 w 6858000"/>
              <a:gd name="connsiteY4806" fmla="*/ 1280193 h 6858000"/>
              <a:gd name="connsiteX4807" fmla="*/ 3499967 w 6858000"/>
              <a:gd name="connsiteY4807" fmla="*/ 1279748 h 6858000"/>
              <a:gd name="connsiteX4808" fmla="*/ 3376466 w 6858000"/>
              <a:gd name="connsiteY4808" fmla="*/ 1279748 h 6858000"/>
              <a:gd name="connsiteX4809" fmla="*/ 3376466 w 6858000"/>
              <a:gd name="connsiteY4809" fmla="*/ 1280193 h 6858000"/>
              <a:gd name="connsiteX4810" fmla="*/ 3376910 w 6858000"/>
              <a:gd name="connsiteY4810" fmla="*/ 1280193 h 6858000"/>
              <a:gd name="connsiteX4811" fmla="*/ 3376910 w 6858000"/>
              <a:gd name="connsiteY4811" fmla="*/ 1279748 h 6858000"/>
              <a:gd name="connsiteX4812" fmla="*/ 3253186 w 6858000"/>
              <a:gd name="connsiteY4812" fmla="*/ 1279563 h 6858000"/>
              <a:gd name="connsiteX4813" fmla="*/ 3253186 w 6858000"/>
              <a:gd name="connsiteY4813" fmla="*/ 1280414 h 6858000"/>
              <a:gd name="connsiteX4814" fmla="*/ 3254038 w 6858000"/>
              <a:gd name="connsiteY4814" fmla="*/ 1280414 h 6858000"/>
              <a:gd name="connsiteX4815" fmla="*/ 3254038 w 6858000"/>
              <a:gd name="connsiteY4815" fmla="*/ 1279563 h 6858000"/>
              <a:gd name="connsiteX4816" fmla="*/ 3129944 w 6858000"/>
              <a:gd name="connsiteY4816" fmla="*/ 1279342 h 6858000"/>
              <a:gd name="connsiteX4817" fmla="*/ 3129944 w 6858000"/>
              <a:gd name="connsiteY4817" fmla="*/ 1280637 h 6858000"/>
              <a:gd name="connsiteX4818" fmla="*/ 3131240 w 6858000"/>
              <a:gd name="connsiteY4818" fmla="*/ 1280637 h 6858000"/>
              <a:gd name="connsiteX4819" fmla="*/ 3131240 w 6858000"/>
              <a:gd name="connsiteY4819" fmla="*/ 1279342 h 6858000"/>
              <a:gd name="connsiteX4820" fmla="*/ 3006442 w 6858000"/>
              <a:gd name="connsiteY4820" fmla="*/ 1278897 h 6858000"/>
              <a:gd name="connsiteX4821" fmla="*/ 3006442 w 6858000"/>
              <a:gd name="connsiteY4821" fmla="*/ 1281082 h 6858000"/>
              <a:gd name="connsiteX4822" fmla="*/ 3008627 w 6858000"/>
              <a:gd name="connsiteY4822" fmla="*/ 1281082 h 6858000"/>
              <a:gd name="connsiteX4823" fmla="*/ 3008627 w 6858000"/>
              <a:gd name="connsiteY4823" fmla="*/ 1278897 h 6858000"/>
              <a:gd name="connsiteX4824" fmla="*/ 2882940 w 6858000"/>
              <a:gd name="connsiteY4824" fmla="*/ 1278453 h 6858000"/>
              <a:gd name="connsiteX4825" fmla="*/ 2882940 w 6858000"/>
              <a:gd name="connsiteY4825" fmla="*/ 1281490 h 6858000"/>
              <a:gd name="connsiteX4826" fmla="*/ 2885977 w 6858000"/>
              <a:gd name="connsiteY4826" fmla="*/ 1281490 h 6858000"/>
              <a:gd name="connsiteX4827" fmla="*/ 2885977 w 6858000"/>
              <a:gd name="connsiteY4827" fmla="*/ 1278453 h 6858000"/>
              <a:gd name="connsiteX4828" fmla="*/ 2758994 w 6858000"/>
              <a:gd name="connsiteY4828" fmla="*/ 1277603 h 6858000"/>
              <a:gd name="connsiteX4829" fmla="*/ 2758994 w 6858000"/>
              <a:gd name="connsiteY4829" fmla="*/ 1282379 h 6858000"/>
              <a:gd name="connsiteX4830" fmla="*/ 2763771 w 6858000"/>
              <a:gd name="connsiteY4830" fmla="*/ 1282379 h 6858000"/>
              <a:gd name="connsiteX4831" fmla="*/ 2763771 w 6858000"/>
              <a:gd name="connsiteY4831" fmla="*/ 1277603 h 6858000"/>
              <a:gd name="connsiteX4832" fmla="*/ 2634419 w 6858000"/>
              <a:gd name="connsiteY4832" fmla="*/ 1276082 h 6858000"/>
              <a:gd name="connsiteX4833" fmla="*/ 2634419 w 6858000"/>
              <a:gd name="connsiteY4833" fmla="*/ 1283895 h 6858000"/>
              <a:gd name="connsiteX4834" fmla="*/ 2642233 w 6858000"/>
              <a:gd name="connsiteY4834" fmla="*/ 1283895 h 6858000"/>
              <a:gd name="connsiteX4835" fmla="*/ 2642233 w 6858000"/>
              <a:gd name="connsiteY4835" fmla="*/ 1276082 h 6858000"/>
              <a:gd name="connsiteX4836" fmla="*/ 2509399 w 6858000"/>
              <a:gd name="connsiteY4836" fmla="*/ 1274119 h 6858000"/>
              <a:gd name="connsiteX4837" fmla="*/ 2509399 w 6858000"/>
              <a:gd name="connsiteY4837" fmla="*/ 1285860 h 6858000"/>
              <a:gd name="connsiteX4838" fmla="*/ 2521138 w 6858000"/>
              <a:gd name="connsiteY4838" fmla="*/ 1285860 h 6858000"/>
              <a:gd name="connsiteX4839" fmla="*/ 2521138 w 6858000"/>
              <a:gd name="connsiteY4839" fmla="*/ 1274119 h 6858000"/>
              <a:gd name="connsiteX4840" fmla="*/ 2383749 w 6858000"/>
              <a:gd name="connsiteY4840" fmla="*/ 1271528 h 6858000"/>
              <a:gd name="connsiteX4841" fmla="*/ 2383749 w 6858000"/>
              <a:gd name="connsiteY4841" fmla="*/ 1288452 h 6858000"/>
              <a:gd name="connsiteX4842" fmla="*/ 2400673 w 6858000"/>
              <a:gd name="connsiteY4842" fmla="*/ 1288452 h 6858000"/>
              <a:gd name="connsiteX4843" fmla="*/ 2400673 w 6858000"/>
              <a:gd name="connsiteY4843" fmla="*/ 1271528 h 6858000"/>
              <a:gd name="connsiteX4844" fmla="*/ 2257655 w 6858000"/>
              <a:gd name="connsiteY4844" fmla="*/ 1268455 h 6858000"/>
              <a:gd name="connsiteX4845" fmla="*/ 2257655 w 6858000"/>
              <a:gd name="connsiteY4845" fmla="*/ 1291489 h 6858000"/>
              <a:gd name="connsiteX4846" fmla="*/ 2280689 w 6858000"/>
              <a:gd name="connsiteY4846" fmla="*/ 1291489 h 6858000"/>
              <a:gd name="connsiteX4847" fmla="*/ 2280689 w 6858000"/>
              <a:gd name="connsiteY4847" fmla="*/ 1268455 h 6858000"/>
              <a:gd name="connsiteX4848" fmla="*/ 2131117 w 6858000"/>
              <a:gd name="connsiteY4848" fmla="*/ 1265010 h 6858000"/>
              <a:gd name="connsiteX4849" fmla="*/ 2131117 w 6858000"/>
              <a:gd name="connsiteY4849" fmla="*/ 1294968 h 6858000"/>
              <a:gd name="connsiteX4850" fmla="*/ 2161076 w 6858000"/>
              <a:gd name="connsiteY4850" fmla="*/ 1294968 h 6858000"/>
              <a:gd name="connsiteX4851" fmla="*/ 2161076 w 6858000"/>
              <a:gd name="connsiteY4851" fmla="*/ 1265010 h 6858000"/>
              <a:gd name="connsiteX4852" fmla="*/ 2004578 w 6858000"/>
              <a:gd name="connsiteY4852" fmla="*/ 1261530 h 6858000"/>
              <a:gd name="connsiteX4853" fmla="*/ 2004578 w 6858000"/>
              <a:gd name="connsiteY4853" fmla="*/ 1298451 h 6858000"/>
              <a:gd name="connsiteX4854" fmla="*/ 2041499 w 6858000"/>
              <a:gd name="connsiteY4854" fmla="*/ 1298451 h 6858000"/>
              <a:gd name="connsiteX4855" fmla="*/ 2041499 w 6858000"/>
              <a:gd name="connsiteY4855" fmla="*/ 1261530 h 6858000"/>
              <a:gd name="connsiteX4856" fmla="*/ 1877596 w 6858000"/>
              <a:gd name="connsiteY4856" fmla="*/ 1257604 h 6858000"/>
              <a:gd name="connsiteX4857" fmla="*/ 1877596 w 6858000"/>
              <a:gd name="connsiteY4857" fmla="*/ 1302341 h 6858000"/>
              <a:gd name="connsiteX4858" fmla="*/ 1922331 w 6858000"/>
              <a:gd name="connsiteY4858" fmla="*/ 1302341 h 6858000"/>
              <a:gd name="connsiteX4859" fmla="*/ 1922331 w 6858000"/>
              <a:gd name="connsiteY4859" fmla="*/ 1257604 h 6858000"/>
              <a:gd name="connsiteX4860" fmla="*/ 1750872 w 6858000"/>
              <a:gd name="connsiteY4860" fmla="*/ 1253938 h 6858000"/>
              <a:gd name="connsiteX4861" fmla="*/ 1750872 w 6858000"/>
              <a:gd name="connsiteY4861" fmla="*/ 1306042 h 6858000"/>
              <a:gd name="connsiteX4862" fmla="*/ 1802976 w 6858000"/>
              <a:gd name="connsiteY4862" fmla="*/ 1306042 h 6858000"/>
              <a:gd name="connsiteX4863" fmla="*/ 1802976 w 6858000"/>
              <a:gd name="connsiteY4863" fmla="*/ 1253938 h 6858000"/>
              <a:gd name="connsiteX4864" fmla="*/ 1623890 w 6858000"/>
              <a:gd name="connsiteY4864" fmla="*/ 1250013 h 6858000"/>
              <a:gd name="connsiteX4865" fmla="*/ 1623890 w 6858000"/>
              <a:gd name="connsiteY4865" fmla="*/ 1309968 h 6858000"/>
              <a:gd name="connsiteX4866" fmla="*/ 1683845 w 6858000"/>
              <a:gd name="connsiteY4866" fmla="*/ 1309968 h 6858000"/>
              <a:gd name="connsiteX4867" fmla="*/ 1683845 w 6858000"/>
              <a:gd name="connsiteY4867" fmla="*/ 1250013 h 6858000"/>
              <a:gd name="connsiteX4868" fmla="*/ 1496907 w 6858000"/>
              <a:gd name="connsiteY4868" fmla="*/ 1246086 h 6858000"/>
              <a:gd name="connsiteX4869" fmla="*/ 1496907 w 6858000"/>
              <a:gd name="connsiteY4869" fmla="*/ 1313855 h 6858000"/>
              <a:gd name="connsiteX4870" fmla="*/ 1564676 w 6858000"/>
              <a:gd name="connsiteY4870" fmla="*/ 1313855 h 6858000"/>
              <a:gd name="connsiteX4871" fmla="*/ 1564676 w 6858000"/>
              <a:gd name="connsiteY4871" fmla="*/ 1246086 h 6858000"/>
              <a:gd name="connsiteX4872" fmla="*/ 1369961 w 6858000"/>
              <a:gd name="connsiteY4872" fmla="*/ 1242197 h 6858000"/>
              <a:gd name="connsiteX4873" fmla="*/ 1369961 w 6858000"/>
              <a:gd name="connsiteY4873" fmla="*/ 1317780 h 6858000"/>
              <a:gd name="connsiteX4874" fmla="*/ 1445543 w 6858000"/>
              <a:gd name="connsiteY4874" fmla="*/ 1317780 h 6858000"/>
              <a:gd name="connsiteX4875" fmla="*/ 1445543 w 6858000"/>
              <a:gd name="connsiteY4875" fmla="*/ 1242197 h 6858000"/>
              <a:gd name="connsiteX4876" fmla="*/ 1243201 w 6858000"/>
              <a:gd name="connsiteY4876" fmla="*/ 1238494 h 6858000"/>
              <a:gd name="connsiteX4877" fmla="*/ 1243201 w 6858000"/>
              <a:gd name="connsiteY4877" fmla="*/ 1321446 h 6858000"/>
              <a:gd name="connsiteX4878" fmla="*/ 1326153 w 6858000"/>
              <a:gd name="connsiteY4878" fmla="*/ 1321446 h 6858000"/>
              <a:gd name="connsiteX4879" fmla="*/ 1326153 w 6858000"/>
              <a:gd name="connsiteY4879" fmla="*/ 1238494 h 6858000"/>
              <a:gd name="connsiteX4880" fmla="*/ 1116662 w 6858000"/>
              <a:gd name="connsiteY4880" fmla="*/ 1235014 h 6858000"/>
              <a:gd name="connsiteX4881" fmla="*/ 1116662 w 6858000"/>
              <a:gd name="connsiteY4881" fmla="*/ 1324928 h 6858000"/>
              <a:gd name="connsiteX4882" fmla="*/ 1206576 w 6858000"/>
              <a:gd name="connsiteY4882" fmla="*/ 1324928 h 6858000"/>
              <a:gd name="connsiteX4883" fmla="*/ 1206576 w 6858000"/>
              <a:gd name="connsiteY4883" fmla="*/ 1235014 h 6858000"/>
              <a:gd name="connsiteX4884" fmla="*/ 990346 w 6858000"/>
              <a:gd name="connsiteY4884" fmla="*/ 1231755 h 6858000"/>
              <a:gd name="connsiteX4885" fmla="*/ 990346 w 6858000"/>
              <a:gd name="connsiteY4885" fmla="*/ 1328188 h 6858000"/>
              <a:gd name="connsiteX4886" fmla="*/ 1086777 w 6858000"/>
              <a:gd name="connsiteY4886" fmla="*/ 1328188 h 6858000"/>
              <a:gd name="connsiteX4887" fmla="*/ 1086777 w 6858000"/>
              <a:gd name="connsiteY4887" fmla="*/ 1231755 h 6858000"/>
              <a:gd name="connsiteX4888" fmla="*/ 864474 w 6858000"/>
              <a:gd name="connsiteY4888" fmla="*/ 1228943 h 6858000"/>
              <a:gd name="connsiteX4889" fmla="*/ 864474 w 6858000"/>
              <a:gd name="connsiteY4889" fmla="*/ 1331002 h 6858000"/>
              <a:gd name="connsiteX4890" fmla="*/ 966534 w 6858000"/>
              <a:gd name="connsiteY4890" fmla="*/ 1331002 h 6858000"/>
              <a:gd name="connsiteX4891" fmla="*/ 966534 w 6858000"/>
              <a:gd name="connsiteY4891" fmla="*/ 1228943 h 6858000"/>
              <a:gd name="connsiteX4892" fmla="*/ 739232 w 6858000"/>
              <a:gd name="connsiteY4892" fmla="*/ 1226795 h 6858000"/>
              <a:gd name="connsiteX4893" fmla="*/ 739232 w 6858000"/>
              <a:gd name="connsiteY4893" fmla="*/ 1333187 h 6858000"/>
              <a:gd name="connsiteX4894" fmla="*/ 845625 w 6858000"/>
              <a:gd name="connsiteY4894" fmla="*/ 1333187 h 6858000"/>
              <a:gd name="connsiteX4895" fmla="*/ 845625 w 6858000"/>
              <a:gd name="connsiteY4895" fmla="*/ 1226795 h 6858000"/>
              <a:gd name="connsiteX4896" fmla="*/ 614657 w 6858000"/>
              <a:gd name="connsiteY4896" fmla="*/ 1225238 h 6858000"/>
              <a:gd name="connsiteX4897" fmla="*/ 614657 w 6858000"/>
              <a:gd name="connsiteY4897" fmla="*/ 1334706 h 6858000"/>
              <a:gd name="connsiteX4898" fmla="*/ 724124 w 6858000"/>
              <a:gd name="connsiteY4898" fmla="*/ 1334706 h 6858000"/>
              <a:gd name="connsiteX4899" fmla="*/ 724124 w 6858000"/>
              <a:gd name="connsiteY4899" fmla="*/ 1225238 h 6858000"/>
              <a:gd name="connsiteX4900" fmla="*/ 490933 w 6858000"/>
              <a:gd name="connsiteY4900" fmla="*/ 1224609 h 6858000"/>
              <a:gd name="connsiteX4901" fmla="*/ 490933 w 6858000"/>
              <a:gd name="connsiteY4901" fmla="*/ 1335372 h 6858000"/>
              <a:gd name="connsiteX4902" fmla="*/ 601696 w 6858000"/>
              <a:gd name="connsiteY4902" fmla="*/ 1335372 h 6858000"/>
              <a:gd name="connsiteX4903" fmla="*/ 601696 w 6858000"/>
              <a:gd name="connsiteY4903" fmla="*/ 1224609 h 6858000"/>
              <a:gd name="connsiteX4904" fmla="*/ 367875 w 6858000"/>
              <a:gd name="connsiteY4904" fmla="*/ 1224609 h 6858000"/>
              <a:gd name="connsiteX4905" fmla="*/ 367875 w 6858000"/>
              <a:gd name="connsiteY4905" fmla="*/ 1335372 h 6858000"/>
              <a:gd name="connsiteX4906" fmla="*/ 478638 w 6858000"/>
              <a:gd name="connsiteY4906" fmla="*/ 1335372 h 6858000"/>
              <a:gd name="connsiteX4907" fmla="*/ 478638 w 6858000"/>
              <a:gd name="connsiteY4907" fmla="*/ 1224609 h 6858000"/>
              <a:gd name="connsiteX4908" fmla="*/ 244818 w 6858000"/>
              <a:gd name="connsiteY4908" fmla="*/ 1224609 h 6858000"/>
              <a:gd name="connsiteX4909" fmla="*/ 244818 w 6858000"/>
              <a:gd name="connsiteY4909" fmla="*/ 1335372 h 6858000"/>
              <a:gd name="connsiteX4910" fmla="*/ 355581 w 6858000"/>
              <a:gd name="connsiteY4910" fmla="*/ 1335372 h 6858000"/>
              <a:gd name="connsiteX4911" fmla="*/ 355581 w 6858000"/>
              <a:gd name="connsiteY4911" fmla="*/ 1224609 h 6858000"/>
              <a:gd name="connsiteX4912" fmla="*/ 121761 w 6858000"/>
              <a:gd name="connsiteY4912" fmla="*/ 1224609 h 6858000"/>
              <a:gd name="connsiteX4913" fmla="*/ 121761 w 6858000"/>
              <a:gd name="connsiteY4913" fmla="*/ 1335372 h 6858000"/>
              <a:gd name="connsiteX4914" fmla="*/ 232524 w 6858000"/>
              <a:gd name="connsiteY4914" fmla="*/ 1335372 h 6858000"/>
              <a:gd name="connsiteX4915" fmla="*/ 232524 w 6858000"/>
              <a:gd name="connsiteY4915" fmla="*/ 1224609 h 6858000"/>
              <a:gd name="connsiteX4916" fmla="*/ 5714629 w 6858000"/>
              <a:gd name="connsiteY4916" fmla="*/ 1156689 h 6858000"/>
              <a:gd name="connsiteX4917" fmla="*/ 5714629 w 6858000"/>
              <a:gd name="connsiteY4917" fmla="*/ 1157134 h 6858000"/>
              <a:gd name="connsiteX4918" fmla="*/ 5715073 w 6858000"/>
              <a:gd name="connsiteY4918" fmla="*/ 1157134 h 6858000"/>
              <a:gd name="connsiteX4919" fmla="*/ 5715073 w 6858000"/>
              <a:gd name="connsiteY4919" fmla="*/ 1156689 h 6858000"/>
              <a:gd name="connsiteX4920" fmla="*/ 5591572 w 6858000"/>
              <a:gd name="connsiteY4920" fmla="*/ 1156689 h 6858000"/>
              <a:gd name="connsiteX4921" fmla="*/ 5591572 w 6858000"/>
              <a:gd name="connsiteY4921" fmla="*/ 1157134 h 6858000"/>
              <a:gd name="connsiteX4922" fmla="*/ 5592017 w 6858000"/>
              <a:gd name="connsiteY4922" fmla="*/ 1157134 h 6858000"/>
              <a:gd name="connsiteX4923" fmla="*/ 5592017 w 6858000"/>
              <a:gd name="connsiteY4923" fmla="*/ 1156689 h 6858000"/>
              <a:gd name="connsiteX4924" fmla="*/ 5468514 w 6858000"/>
              <a:gd name="connsiteY4924" fmla="*/ 1156689 h 6858000"/>
              <a:gd name="connsiteX4925" fmla="*/ 5468514 w 6858000"/>
              <a:gd name="connsiteY4925" fmla="*/ 1157134 h 6858000"/>
              <a:gd name="connsiteX4926" fmla="*/ 5468958 w 6858000"/>
              <a:gd name="connsiteY4926" fmla="*/ 1157134 h 6858000"/>
              <a:gd name="connsiteX4927" fmla="*/ 5468958 w 6858000"/>
              <a:gd name="connsiteY4927" fmla="*/ 1156689 h 6858000"/>
              <a:gd name="connsiteX4928" fmla="*/ 5222400 w 6858000"/>
              <a:gd name="connsiteY4928" fmla="*/ 1156689 h 6858000"/>
              <a:gd name="connsiteX4929" fmla="*/ 5222400 w 6858000"/>
              <a:gd name="connsiteY4929" fmla="*/ 1157134 h 6858000"/>
              <a:gd name="connsiteX4930" fmla="*/ 5222844 w 6858000"/>
              <a:gd name="connsiteY4930" fmla="*/ 1157134 h 6858000"/>
              <a:gd name="connsiteX4931" fmla="*/ 5222844 w 6858000"/>
              <a:gd name="connsiteY4931" fmla="*/ 1156689 h 6858000"/>
              <a:gd name="connsiteX4932" fmla="*/ 5099305 w 6858000"/>
              <a:gd name="connsiteY4932" fmla="*/ 1156689 h 6858000"/>
              <a:gd name="connsiteX4933" fmla="*/ 5099305 w 6858000"/>
              <a:gd name="connsiteY4933" fmla="*/ 1157134 h 6858000"/>
              <a:gd name="connsiteX4934" fmla="*/ 5099749 w 6858000"/>
              <a:gd name="connsiteY4934" fmla="*/ 1157134 h 6858000"/>
              <a:gd name="connsiteX4935" fmla="*/ 5099749 w 6858000"/>
              <a:gd name="connsiteY4935" fmla="*/ 1156689 h 6858000"/>
              <a:gd name="connsiteX4936" fmla="*/ 4976248 w 6858000"/>
              <a:gd name="connsiteY4936" fmla="*/ 1156689 h 6858000"/>
              <a:gd name="connsiteX4937" fmla="*/ 4976248 w 6858000"/>
              <a:gd name="connsiteY4937" fmla="*/ 1157134 h 6858000"/>
              <a:gd name="connsiteX4938" fmla="*/ 4976692 w 6858000"/>
              <a:gd name="connsiteY4938" fmla="*/ 1157134 h 6858000"/>
              <a:gd name="connsiteX4939" fmla="*/ 4976692 w 6858000"/>
              <a:gd name="connsiteY4939" fmla="*/ 1156689 h 6858000"/>
              <a:gd name="connsiteX4940" fmla="*/ 4853191 w 6858000"/>
              <a:gd name="connsiteY4940" fmla="*/ 1156689 h 6858000"/>
              <a:gd name="connsiteX4941" fmla="*/ 4853191 w 6858000"/>
              <a:gd name="connsiteY4941" fmla="*/ 1157134 h 6858000"/>
              <a:gd name="connsiteX4942" fmla="*/ 4853636 w 6858000"/>
              <a:gd name="connsiteY4942" fmla="*/ 1157134 h 6858000"/>
              <a:gd name="connsiteX4943" fmla="*/ 4853636 w 6858000"/>
              <a:gd name="connsiteY4943" fmla="*/ 1156689 h 6858000"/>
              <a:gd name="connsiteX4944" fmla="*/ 4730133 w 6858000"/>
              <a:gd name="connsiteY4944" fmla="*/ 1156689 h 6858000"/>
              <a:gd name="connsiteX4945" fmla="*/ 4730133 w 6858000"/>
              <a:gd name="connsiteY4945" fmla="*/ 1157134 h 6858000"/>
              <a:gd name="connsiteX4946" fmla="*/ 4730578 w 6858000"/>
              <a:gd name="connsiteY4946" fmla="*/ 1157134 h 6858000"/>
              <a:gd name="connsiteX4947" fmla="*/ 4730578 w 6858000"/>
              <a:gd name="connsiteY4947" fmla="*/ 1156689 h 6858000"/>
              <a:gd name="connsiteX4948" fmla="*/ 3991789 w 6858000"/>
              <a:gd name="connsiteY4948" fmla="*/ 1156689 h 6858000"/>
              <a:gd name="connsiteX4949" fmla="*/ 3991789 w 6858000"/>
              <a:gd name="connsiteY4949" fmla="*/ 1157134 h 6858000"/>
              <a:gd name="connsiteX4950" fmla="*/ 3992234 w 6858000"/>
              <a:gd name="connsiteY4950" fmla="*/ 1157134 h 6858000"/>
              <a:gd name="connsiteX4951" fmla="*/ 3992234 w 6858000"/>
              <a:gd name="connsiteY4951" fmla="*/ 1156689 h 6858000"/>
              <a:gd name="connsiteX4952" fmla="*/ 3868732 w 6858000"/>
              <a:gd name="connsiteY4952" fmla="*/ 1156689 h 6858000"/>
              <a:gd name="connsiteX4953" fmla="*/ 3868732 w 6858000"/>
              <a:gd name="connsiteY4953" fmla="*/ 1157134 h 6858000"/>
              <a:gd name="connsiteX4954" fmla="*/ 3869176 w 6858000"/>
              <a:gd name="connsiteY4954" fmla="*/ 1157134 h 6858000"/>
              <a:gd name="connsiteX4955" fmla="*/ 3869176 w 6858000"/>
              <a:gd name="connsiteY4955" fmla="*/ 1156689 h 6858000"/>
              <a:gd name="connsiteX4956" fmla="*/ 3745675 w 6858000"/>
              <a:gd name="connsiteY4956" fmla="*/ 1156689 h 6858000"/>
              <a:gd name="connsiteX4957" fmla="*/ 3745675 w 6858000"/>
              <a:gd name="connsiteY4957" fmla="*/ 1157134 h 6858000"/>
              <a:gd name="connsiteX4958" fmla="*/ 3746119 w 6858000"/>
              <a:gd name="connsiteY4958" fmla="*/ 1157134 h 6858000"/>
              <a:gd name="connsiteX4959" fmla="*/ 3746119 w 6858000"/>
              <a:gd name="connsiteY4959" fmla="*/ 1156689 h 6858000"/>
              <a:gd name="connsiteX4960" fmla="*/ 3622617 w 6858000"/>
              <a:gd name="connsiteY4960" fmla="*/ 1156689 h 6858000"/>
              <a:gd name="connsiteX4961" fmla="*/ 3622617 w 6858000"/>
              <a:gd name="connsiteY4961" fmla="*/ 1157134 h 6858000"/>
              <a:gd name="connsiteX4962" fmla="*/ 3623061 w 6858000"/>
              <a:gd name="connsiteY4962" fmla="*/ 1157134 h 6858000"/>
              <a:gd name="connsiteX4963" fmla="*/ 3623061 w 6858000"/>
              <a:gd name="connsiteY4963" fmla="*/ 1156689 h 6858000"/>
              <a:gd name="connsiteX4964" fmla="*/ 3499523 w 6858000"/>
              <a:gd name="connsiteY4964" fmla="*/ 1156689 h 6858000"/>
              <a:gd name="connsiteX4965" fmla="*/ 3499523 w 6858000"/>
              <a:gd name="connsiteY4965" fmla="*/ 1157134 h 6858000"/>
              <a:gd name="connsiteX4966" fmla="*/ 3499967 w 6858000"/>
              <a:gd name="connsiteY4966" fmla="*/ 1157134 h 6858000"/>
              <a:gd name="connsiteX4967" fmla="*/ 3499967 w 6858000"/>
              <a:gd name="connsiteY4967" fmla="*/ 1156689 h 6858000"/>
              <a:gd name="connsiteX4968" fmla="*/ 3376281 w 6858000"/>
              <a:gd name="connsiteY4968" fmla="*/ 1156505 h 6858000"/>
              <a:gd name="connsiteX4969" fmla="*/ 3376281 w 6858000"/>
              <a:gd name="connsiteY4969" fmla="*/ 1157358 h 6858000"/>
              <a:gd name="connsiteX4970" fmla="*/ 3377133 w 6858000"/>
              <a:gd name="connsiteY4970" fmla="*/ 1157358 h 6858000"/>
              <a:gd name="connsiteX4971" fmla="*/ 3377133 w 6858000"/>
              <a:gd name="connsiteY4971" fmla="*/ 1156505 h 6858000"/>
              <a:gd name="connsiteX4972" fmla="*/ 3253001 w 6858000"/>
              <a:gd name="connsiteY4972" fmla="*/ 1156283 h 6858000"/>
              <a:gd name="connsiteX4973" fmla="*/ 3253001 w 6858000"/>
              <a:gd name="connsiteY4973" fmla="*/ 1157579 h 6858000"/>
              <a:gd name="connsiteX4974" fmla="*/ 3254297 w 6858000"/>
              <a:gd name="connsiteY4974" fmla="*/ 1157579 h 6858000"/>
              <a:gd name="connsiteX4975" fmla="*/ 3254297 w 6858000"/>
              <a:gd name="connsiteY4975" fmla="*/ 1156283 h 6858000"/>
              <a:gd name="connsiteX4976" fmla="*/ 3129722 w 6858000"/>
              <a:gd name="connsiteY4976" fmla="*/ 1156061 h 6858000"/>
              <a:gd name="connsiteX4977" fmla="*/ 3129722 w 6858000"/>
              <a:gd name="connsiteY4977" fmla="*/ 1157802 h 6858000"/>
              <a:gd name="connsiteX4978" fmla="*/ 3131462 w 6858000"/>
              <a:gd name="connsiteY4978" fmla="*/ 1157802 h 6858000"/>
              <a:gd name="connsiteX4979" fmla="*/ 3131462 w 6858000"/>
              <a:gd name="connsiteY4979" fmla="*/ 1156061 h 6858000"/>
              <a:gd name="connsiteX4980" fmla="*/ 3005998 w 6858000"/>
              <a:gd name="connsiteY4980" fmla="*/ 1155395 h 6858000"/>
              <a:gd name="connsiteX4981" fmla="*/ 3005998 w 6858000"/>
              <a:gd name="connsiteY4981" fmla="*/ 1158431 h 6858000"/>
              <a:gd name="connsiteX4982" fmla="*/ 3009035 w 6858000"/>
              <a:gd name="connsiteY4982" fmla="*/ 1158431 h 6858000"/>
              <a:gd name="connsiteX4983" fmla="*/ 3009035 w 6858000"/>
              <a:gd name="connsiteY4983" fmla="*/ 1155395 h 6858000"/>
              <a:gd name="connsiteX4984" fmla="*/ 2882274 w 6858000"/>
              <a:gd name="connsiteY4984" fmla="*/ 1154764 h 6858000"/>
              <a:gd name="connsiteX4985" fmla="*/ 2882274 w 6858000"/>
              <a:gd name="connsiteY4985" fmla="*/ 1159098 h 6858000"/>
              <a:gd name="connsiteX4986" fmla="*/ 2886607 w 6858000"/>
              <a:gd name="connsiteY4986" fmla="*/ 1159098 h 6858000"/>
              <a:gd name="connsiteX4987" fmla="*/ 2886607 w 6858000"/>
              <a:gd name="connsiteY4987" fmla="*/ 1154764 h 6858000"/>
              <a:gd name="connsiteX4988" fmla="*/ 2758143 w 6858000"/>
              <a:gd name="connsiteY4988" fmla="*/ 1153653 h 6858000"/>
              <a:gd name="connsiteX4989" fmla="*/ 2758143 w 6858000"/>
              <a:gd name="connsiteY4989" fmla="*/ 1160171 h 6858000"/>
              <a:gd name="connsiteX4990" fmla="*/ 2764661 w 6858000"/>
              <a:gd name="connsiteY4990" fmla="*/ 1160171 h 6858000"/>
              <a:gd name="connsiteX4991" fmla="*/ 2764661 w 6858000"/>
              <a:gd name="connsiteY4991" fmla="*/ 1153653 h 6858000"/>
              <a:gd name="connsiteX4992" fmla="*/ 2633567 w 6858000"/>
              <a:gd name="connsiteY4992" fmla="*/ 1152135 h 6858000"/>
              <a:gd name="connsiteX4993" fmla="*/ 2633567 w 6858000"/>
              <a:gd name="connsiteY4993" fmla="*/ 1161689 h 6858000"/>
              <a:gd name="connsiteX4994" fmla="*/ 2643121 w 6858000"/>
              <a:gd name="connsiteY4994" fmla="*/ 1161689 h 6858000"/>
              <a:gd name="connsiteX4995" fmla="*/ 2643121 w 6858000"/>
              <a:gd name="connsiteY4995" fmla="*/ 1152135 h 6858000"/>
              <a:gd name="connsiteX4996" fmla="*/ 2508547 w 6858000"/>
              <a:gd name="connsiteY4996" fmla="*/ 1150172 h 6858000"/>
              <a:gd name="connsiteX4997" fmla="*/ 2508547 w 6858000"/>
              <a:gd name="connsiteY4997" fmla="*/ 1163652 h 6858000"/>
              <a:gd name="connsiteX4998" fmla="*/ 2522027 w 6858000"/>
              <a:gd name="connsiteY4998" fmla="*/ 1163652 h 6858000"/>
              <a:gd name="connsiteX4999" fmla="*/ 2522027 w 6858000"/>
              <a:gd name="connsiteY4999" fmla="*/ 1150172 h 6858000"/>
              <a:gd name="connsiteX5000" fmla="*/ 2382675 w 6858000"/>
              <a:gd name="connsiteY5000" fmla="*/ 1147361 h 6858000"/>
              <a:gd name="connsiteX5001" fmla="*/ 2382675 w 6858000"/>
              <a:gd name="connsiteY5001" fmla="*/ 1166467 h 6858000"/>
              <a:gd name="connsiteX5002" fmla="*/ 2401783 w 6858000"/>
              <a:gd name="connsiteY5002" fmla="*/ 1166467 h 6858000"/>
              <a:gd name="connsiteX5003" fmla="*/ 2401783 w 6858000"/>
              <a:gd name="connsiteY5003" fmla="*/ 1147361 h 6858000"/>
              <a:gd name="connsiteX5004" fmla="*/ 2256766 w 6858000"/>
              <a:gd name="connsiteY5004" fmla="*/ 1144543 h 6858000"/>
              <a:gd name="connsiteX5005" fmla="*/ 2256766 w 6858000"/>
              <a:gd name="connsiteY5005" fmla="*/ 1169317 h 6858000"/>
              <a:gd name="connsiteX5006" fmla="*/ 2281540 w 6858000"/>
              <a:gd name="connsiteY5006" fmla="*/ 1169317 h 6858000"/>
              <a:gd name="connsiteX5007" fmla="*/ 2281540 w 6858000"/>
              <a:gd name="connsiteY5007" fmla="*/ 1144543 h 6858000"/>
              <a:gd name="connsiteX5008" fmla="*/ 2130228 w 6858000"/>
              <a:gd name="connsiteY5008" fmla="*/ 1141063 h 6858000"/>
              <a:gd name="connsiteX5009" fmla="*/ 2130228 w 6858000"/>
              <a:gd name="connsiteY5009" fmla="*/ 1172761 h 6858000"/>
              <a:gd name="connsiteX5010" fmla="*/ 2161927 w 6858000"/>
              <a:gd name="connsiteY5010" fmla="*/ 1172761 h 6858000"/>
              <a:gd name="connsiteX5011" fmla="*/ 2161927 w 6858000"/>
              <a:gd name="connsiteY5011" fmla="*/ 1141063 h 6858000"/>
              <a:gd name="connsiteX5012" fmla="*/ 2003912 w 6858000"/>
              <a:gd name="connsiteY5012" fmla="*/ 1137804 h 6858000"/>
              <a:gd name="connsiteX5013" fmla="*/ 2003912 w 6858000"/>
              <a:gd name="connsiteY5013" fmla="*/ 1176021 h 6858000"/>
              <a:gd name="connsiteX5014" fmla="*/ 2042129 w 6858000"/>
              <a:gd name="connsiteY5014" fmla="*/ 1176021 h 6858000"/>
              <a:gd name="connsiteX5015" fmla="*/ 2042129 w 6858000"/>
              <a:gd name="connsiteY5015" fmla="*/ 1137804 h 6858000"/>
              <a:gd name="connsiteX5016" fmla="*/ 1876966 w 6858000"/>
              <a:gd name="connsiteY5016" fmla="*/ 1133915 h 6858000"/>
              <a:gd name="connsiteX5017" fmla="*/ 1876966 w 6858000"/>
              <a:gd name="connsiteY5017" fmla="*/ 1179946 h 6858000"/>
              <a:gd name="connsiteX5018" fmla="*/ 1922997 w 6858000"/>
              <a:gd name="connsiteY5018" fmla="*/ 1179946 h 6858000"/>
              <a:gd name="connsiteX5019" fmla="*/ 1922997 w 6858000"/>
              <a:gd name="connsiteY5019" fmla="*/ 1133915 h 6858000"/>
              <a:gd name="connsiteX5020" fmla="*/ 1750206 w 6858000"/>
              <a:gd name="connsiteY5020" fmla="*/ 1130212 h 6858000"/>
              <a:gd name="connsiteX5021" fmla="*/ 1750206 w 6858000"/>
              <a:gd name="connsiteY5021" fmla="*/ 1183649 h 6858000"/>
              <a:gd name="connsiteX5022" fmla="*/ 1803643 w 6858000"/>
              <a:gd name="connsiteY5022" fmla="*/ 1183649 h 6858000"/>
              <a:gd name="connsiteX5023" fmla="*/ 1803643 w 6858000"/>
              <a:gd name="connsiteY5023" fmla="*/ 1130212 h 6858000"/>
              <a:gd name="connsiteX5024" fmla="*/ 1623223 w 6858000"/>
              <a:gd name="connsiteY5024" fmla="*/ 1126287 h 6858000"/>
              <a:gd name="connsiteX5025" fmla="*/ 1623223 w 6858000"/>
              <a:gd name="connsiteY5025" fmla="*/ 1187538 h 6858000"/>
              <a:gd name="connsiteX5026" fmla="*/ 1684474 w 6858000"/>
              <a:gd name="connsiteY5026" fmla="*/ 1187538 h 6858000"/>
              <a:gd name="connsiteX5027" fmla="*/ 1684474 w 6858000"/>
              <a:gd name="connsiteY5027" fmla="*/ 1126287 h 6858000"/>
              <a:gd name="connsiteX5028" fmla="*/ 1496499 w 6858000"/>
              <a:gd name="connsiteY5028" fmla="*/ 1122622 h 6858000"/>
              <a:gd name="connsiteX5029" fmla="*/ 1496499 w 6858000"/>
              <a:gd name="connsiteY5029" fmla="*/ 1191241 h 6858000"/>
              <a:gd name="connsiteX5030" fmla="*/ 1565119 w 6858000"/>
              <a:gd name="connsiteY5030" fmla="*/ 1191241 h 6858000"/>
              <a:gd name="connsiteX5031" fmla="*/ 1565119 w 6858000"/>
              <a:gd name="connsiteY5031" fmla="*/ 1122622 h 6858000"/>
              <a:gd name="connsiteX5032" fmla="*/ 1369739 w 6858000"/>
              <a:gd name="connsiteY5032" fmla="*/ 1118955 h 6858000"/>
              <a:gd name="connsiteX5033" fmla="*/ 1369739 w 6858000"/>
              <a:gd name="connsiteY5033" fmla="*/ 1194944 h 6858000"/>
              <a:gd name="connsiteX5034" fmla="*/ 1445729 w 6858000"/>
              <a:gd name="connsiteY5034" fmla="*/ 1194944 h 6858000"/>
              <a:gd name="connsiteX5035" fmla="*/ 1445729 w 6858000"/>
              <a:gd name="connsiteY5035" fmla="*/ 1118955 h 6858000"/>
              <a:gd name="connsiteX5036" fmla="*/ 1242978 w 6858000"/>
              <a:gd name="connsiteY5036" fmla="*/ 1115214 h 6858000"/>
              <a:gd name="connsiteX5037" fmla="*/ 1242978 w 6858000"/>
              <a:gd name="connsiteY5037" fmla="*/ 1198610 h 6858000"/>
              <a:gd name="connsiteX5038" fmla="*/ 1326374 w 6858000"/>
              <a:gd name="connsiteY5038" fmla="*/ 1198610 h 6858000"/>
              <a:gd name="connsiteX5039" fmla="*/ 1326374 w 6858000"/>
              <a:gd name="connsiteY5039" fmla="*/ 1115214 h 6858000"/>
              <a:gd name="connsiteX5040" fmla="*/ 1116662 w 6858000"/>
              <a:gd name="connsiteY5040" fmla="*/ 1111955 h 6858000"/>
              <a:gd name="connsiteX5041" fmla="*/ 1116662 w 6858000"/>
              <a:gd name="connsiteY5041" fmla="*/ 1201870 h 6858000"/>
              <a:gd name="connsiteX5042" fmla="*/ 1206576 w 6858000"/>
              <a:gd name="connsiteY5042" fmla="*/ 1201870 h 6858000"/>
              <a:gd name="connsiteX5043" fmla="*/ 1206576 w 6858000"/>
              <a:gd name="connsiteY5043" fmla="*/ 1111955 h 6858000"/>
              <a:gd name="connsiteX5044" fmla="*/ 990568 w 6858000"/>
              <a:gd name="connsiteY5044" fmla="*/ 1108919 h 6858000"/>
              <a:gd name="connsiteX5045" fmla="*/ 990568 w 6858000"/>
              <a:gd name="connsiteY5045" fmla="*/ 1204907 h 6858000"/>
              <a:gd name="connsiteX5046" fmla="*/ 1086555 w 6858000"/>
              <a:gd name="connsiteY5046" fmla="*/ 1204907 h 6858000"/>
              <a:gd name="connsiteX5047" fmla="*/ 1086555 w 6858000"/>
              <a:gd name="connsiteY5047" fmla="*/ 1108919 h 6858000"/>
              <a:gd name="connsiteX5048" fmla="*/ 864697 w 6858000"/>
              <a:gd name="connsiteY5048" fmla="*/ 1106141 h 6858000"/>
              <a:gd name="connsiteX5049" fmla="*/ 864697 w 6858000"/>
              <a:gd name="connsiteY5049" fmla="*/ 1207757 h 6858000"/>
              <a:gd name="connsiteX5050" fmla="*/ 966313 w 6858000"/>
              <a:gd name="connsiteY5050" fmla="*/ 1207757 h 6858000"/>
              <a:gd name="connsiteX5051" fmla="*/ 966313 w 6858000"/>
              <a:gd name="connsiteY5051" fmla="*/ 1106141 h 6858000"/>
              <a:gd name="connsiteX5052" fmla="*/ 739677 w 6858000"/>
              <a:gd name="connsiteY5052" fmla="*/ 1104142 h 6858000"/>
              <a:gd name="connsiteX5053" fmla="*/ 739677 w 6858000"/>
              <a:gd name="connsiteY5053" fmla="*/ 1209683 h 6858000"/>
              <a:gd name="connsiteX5054" fmla="*/ 845218 w 6858000"/>
              <a:gd name="connsiteY5054" fmla="*/ 1209683 h 6858000"/>
              <a:gd name="connsiteX5055" fmla="*/ 845218 w 6858000"/>
              <a:gd name="connsiteY5055" fmla="*/ 1104142 h 6858000"/>
              <a:gd name="connsiteX5056" fmla="*/ 615101 w 6858000"/>
              <a:gd name="connsiteY5056" fmla="*/ 1102624 h 6858000"/>
              <a:gd name="connsiteX5057" fmla="*/ 615101 w 6858000"/>
              <a:gd name="connsiteY5057" fmla="*/ 1211201 h 6858000"/>
              <a:gd name="connsiteX5058" fmla="*/ 723679 w 6858000"/>
              <a:gd name="connsiteY5058" fmla="*/ 1211201 h 6858000"/>
              <a:gd name="connsiteX5059" fmla="*/ 723679 w 6858000"/>
              <a:gd name="connsiteY5059" fmla="*/ 1102624 h 6858000"/>
              <a:gd name="connsiteX5060" fmla="*/ 491377 w 6858000"/>
              <a:gd name="connsiteY5060" fmla="*/ 1101995 h 6858000"/>
              <a:gd name="connsiteX5061" fmla="*/ 491377 w 6858000"/>
              <a:gd name="connsiteY5061" fmla="*/ 1211868 h 6858000"/>
              <a:gd name="connsiteX5062" fmla="*/ 601251 w 6858000"/>
              <a:gd name="connsiteY5062" fmla="*/ 1211868 h 6858000"/>
              <a:gd name="connsiteX5063" fmla="*/ 601251 w 6858000"/>
              <a:gd name="connsiteY5063" fmla="*/ 1101995 h 6858000"/>
              <a:gd name="connsiteX5064" fmla="*/ 367875 w 6858000"/>
              <a:gd name="connsiteY5064" fmla="*/ 1101549 h 6858000"/>
              <a:gd name="connsiteX5065" fmla="*/ 367875 w 6858000"/>
              <a:gd name="connsiteY5065" fmla="*/ 1212311 h 6858000"/>
              <a:gd name="connsiteX5066" fmla="*/ 478638 w 6858000"/>
              <a:gd name="connsiteY5066" fmla="*/ 1212311 h 6858000"/>
              <a:gd name="connsiteX5067" fmla="*/ 478638 w 6858000"/>
              <a:gd name="connsiteY5067" fmla="*/ 1101549 h 6858000"/>
              <a:gd name="connsiteX5068" fmla="*/ 244818 w 6858000"/>
              <a:gd name="connsiteY5068" fmla="*/ 1101549 h 6858000"/>
              <a:gd name="connsiteX5069" fmla="*/ 244818 w 6858000"/>
              <a:gd name="connsiteY5069" fmla="*/ 1212311 h 6858000"/>
              <a:gd name="connsiteX5070" fmla="*/ 355581 w 6858000"/>
              <a:gd name="connsiteY5070" fmla="*/ 1212311 h 6858000"/>
              <a:gd name="connsiteX5071" fmla="*/ 355581 w 6858000"/>
              <a:gd name="connsiteY5071" fmla="*/ 1101549 h 6858000"/>
              <a:gd name="connsiteX5072" fmla="*/ 121761 w 6858000"/>
              <a:gd name="connsiteY5072" fmla="*/ 1101549 h 6858000"/>
              <a:gd name="connsiteX5073" fmla="*/ 121761 w 6858000"/>
              <a:gd name="connsiteY5073" fmla="*/ 1212311 h 6858000"/>
              <a:gd name="connsiteX5074" fmla="*/ 232524 w 6858000"/>
              <a:gd name="connsiteY5074" fmla="*/ 1212311 h 6858000"/>
              <a:gd name="connsiteX5075" fmla="*/ 232524 w 6858000"/>
              <a:gd name="connsiteY5075" fmla="*/ 1101549 h 6858000"/>
              <a:gd name="connsiteX5076" fmla="*/ 4114847 w 6858000"/>
              <a:gd name="connsiteY5076" fmla="*/ 1033628 h 6858000"/>
              <a:gd name="connsiteX5077" fmla="*/ 4114847 w 6858000"/>
              <a:gd name="connsiteY5077" fmla="*/ 1034072 h 6858000"/>
              <a:gd name="connsiteX5078" fmla="*/ 4115291 w 6858000"/>
              <a:gd name="connsiteY5078" fmla="*/ 1034072 h 6858000"/>
              <a:gd name="connsiteX5079" fmla="*/ 4115291 w 6858000"/>
              <a:gd name="connsiteY5079" fmla="*/ 1033628 h 6858000"/>
              <a:gd name="connsiteX5080" fmla="*/ 3991789 w 6858000"/>
              <a:gd name="connsiteY5080" fmla="*/ 1033628 h 6858000"/>
              <a:gd name="connsiteX5081" fmla="*/ 3991789 w 6858000"/>
              <a:gd name="connsiteY5081" fmla="*/ 1034072 h 6858000"/>
              <a:gd name="connsiteX5082" fmla="*/ 3992234 w 6858000"/>
              <a:gd name="connsiteY5082" fmla="*/ 1034072 h 6858000"/>
              <a:gd name="connsiteX5083" fmla="*/ 3992234 w 6858000"/>
              <a:gd name="connsiteY5083" fmla="*/ 1033628 h 6858000"/>
              <a:gd name="connsiteX5084" fmla="*/ 3868732 w 6858000"/>
              <a:gd name="connsiteY5084" fmla="*/ 1033628 h 6858000"/>
              <a:gd name="connsiteX5085" fmla="*/ 3868732 w 6858000"/>
              <a:gd name="connsiteY5085" fmla="*/ 1034072 h 6858000"/>
              <a:gd name="connsiteX5086" fmla="*/ 3869176 w 6858000"/>
              <a:gd name="connsiteY5086" fmla="*/ 1034072 h 6858000"/>
              <a:gd name="connsiteX5087" fmla="*/ 3869176 w 6858000"/>
              <a:gd name="connsiteY5087" fmla="*/ 1033628 h 6858000"/>
              <a:gd name="connsiteX5088" fmla="*/ 3745675 w 6858000"/>
              <a:gd name="connsiteY5088" fmla="*/ 1033628 h 6858000"/>
              <a:gd name="connsiteX5089" fmla="*/ 3745675 w 6858000"/>
              <a:gd name="connsiteY5089" fmla="*/ 1034072 h 6858000"/>
              <a:gd name="connsiteX5090" fmla="*/ 3746119 w 6858000"/>
              <a:gd name="connsiteY5090" fmla="*/ 1034072 h 6858000"/>
              <a:gd name="connsiteX5091" fmla="*/ 3746119 w 6858000"/>
              <a:gd name="connsiteY5091" fmla="*/ 1033628 h 6858000"/>
              <a:gd name="connsiteX5092" fmla="*/ 3622617 w 6858000"/>
              <a:gd name="connsiteY5092" fmla="*/ 1033628 h 6858000"/>
              <a:gd name="connsiteX5093" fmla="*/ 3622617 w 6858000"/>
              <a:gd name="connsiteY5093" fmla="*/ 1034072 h 6858000"/>
              <a:gd name="connsiteX5094" fmla="*/ 3623061 w 6858000"/>
              <a:gd name="connsiteY5094" fmla="*/ 1034072 h 6858000"/>
              <a:gd name="connsiteX5095" fmla="*/ 3623061 w 6858000"/>
              <a:gd name="connsiteY5095" fmla="*/ 1033628 h 6858000"/>
              <a:gd name="connsiteX5096" fmla="*/ 5714629 w 6858000"/>
              <a:gd name="connsiteY5096" fmla="*/ 1033627 h 6858000"/>
              <a:gd name="connsiteX5097" fmla="*/ 5714629 w 6858000"/>
              <a:gd name="connsiteY5097" fmla="*/ 1034071 h 6858000"/>
              <a:gd name="connsiteX5098" fmla="*/ 5715073 w 6858000"/>
              <a:gd name="connsiteY5098" fmla="*/ 1034071 h 6858000"/>
              <a:gd name="connsiteX5099" fmla="*/ 5715073 w 6858000"/>
              <a:gd name="connsiteY5099" fmla="*/ 1033627 h 6858000"/>
              <a:gd name="connsiteX5100" fmla="*/ 5591572 w 6858000"/>
              <a:gd name="connsiteY5100" fmla="*/ 1033627 h 6858000"/>
              <a:gd name="connsiteX5101" fmla="*/ 5591572 w 6858000"/>
              <a:gd name="connsiteY5101" fmla="*/ 1034071 h 6858000"/>
              <a:gd name="connsiteX5102" fmla="*/ 5592017 w 6858000"/>
              <a:gd name="connsiteY5102" fmla="*/ 1034071 h 6858000"/>
              <a:gd name="connsiteX5103" fmla="*/ 5592017 w 6858000"/>
              <a:gd name="connsiteY5103" fmla="*/ 1033627 h 6858000"/>
              <a:gd name="connsiteX5104" fmla="*/ 5468514 w 6858000"/>
              <a:gd name="connsiteY5104" fmla="*/ 1033627 h 6858000"/>
              <a:gd name="connsiteX5105" fmla="*/ 5468514 w 6858000"/>
              <a:gd name="connsiteY5105" fmla="*/ 1034071 h 6858000"/>
              <a:gd name="connsiteX5106" fmla="*/ 5468958 w 6858000"/>
              <a:gd name="connsiteY5106" fmla="*/ 1034071 h 6858000"/>
              <a:gd name="connsiteX5107" fmla="*/ 5468958 w 6858000"/>
              <a:gd name="connsiteY5107" fmla="*/ 1033627 h 6858000"/>
              <a:gd name="connsiteX5108" fmla="*/ 5345457 w 6858000"/>
              <a:gd name="connsiteY5108" fmla="*/ 1033627 h 6858000"/>
              <a:gd name="connsiteX5109" fmla="*/ 5345457 w 6858000"/>
              <a:gd name="connsiteY5109" fmla="*/ 1034071 h 6858000"/>
              <a:gd name="connsiteX5110" fmla="*/ 5345901 w 6858000"/>
              <a:gd name="connsiteY5110" fmla="*/ 1034071 h 6858000"/>
              <a:gd name="connsiteX5111" fmla="*/ 5345901 w 6858000"/>
              <a:gd name="connsiteY5111" fmla="*/ 1033627 h 6858000"/>
              <a:gd name="connsiteX5112" fmla="*/ 5222400 w 6858000"/>
              <a:gd name="connsiteY5112" fmla="*/ 1033627 h 6858000"/>
              <a:gd name="connsiteX5113" fmla="*/ 5222400 w 6858000"/>
              <a:gd name="connsiteY5113" fmla="*/ 1034071 h 6858000"/>
              <a:gd name="connsiteX5114" fmla="*/ 5222844 w 6858000"/>
              <a:gd name="connsiteY5114" fmla="*/ 1034071 h 6858000"/>
              <a:gd name="connsiteX5115" fmla="*/ 5222844 w 6858000"/>
              <a:gd name="connsiteY5115" fmla="*/ 1033627 h 6858000"/>
              <a:gd name="connsiteX5116" fmla="*/ 5099305 w 6858000"/>
              <a:gd name="connsiteY5116" fmla="*/ 1033627 h 6858000"/>
              <a:gd name="connsiteX5117" fmla="*/ 5099305 w 6858000"/>
              <a:gd name="connsiteY5117" fmla="*/ 1034071 h 6858000"/>
              <a:gd name="connsiteX5118" fmla="*/ 5099749 w 6858000"/>
              <a:gd name="connsiteY5118" fmla="*/ 1034071 h 6858000"/>
              <a:gd name="connsiteX5119" fmla="*/ 5099749 w 6858000"/>
              <a:gd name="connsiteY5119" fmla="*/ 1033627 h 6858000"/>
              <a:gd name="connsiteX5120" fmla="*/ 4976248 w 6858000"/>
              <a:gd name="connsiteY5120" fmla="*/ 1033627 h 6858000"/>
              <a:gd name="connsiteX5121" fmla="*/ 4976248 w 6858000"/>
              <a:gd name="connsiteY5121" fmla="*/ 1034071 h 6858000"/>
              <a:gd name="connsiteX5122" fmla="*/ 4976692 w 6858000"/>
              <a:gd name="connsiteY5122" fmla="*/ 1034071 h 6858000"/>
              <a:gd name="connsiteX5123" fmla="*/ 4976692 w 6858000"/>
              <a:gd name="connsiteY5123" fmla="*/ 1033627 h 6858000"/>
              <a:gd name="connsiteX5124" fmla="*/ 4853191 w 6858000"/>
              <a:gd name="connsiteY5124" fmla="*/ 1033627 h 6858000"/>
              <a:gd name="connsiteX5125" fmla="*/ 4853191 w 6858000"/>
              <a:gd name="connsiteY5125" fmla="*/ 1034071 h 6858000"/>
              <a:gd name="connsiteX5126" fmla="*/ 4853636 w 6858000"/>
              <a:gd name="connsiteY5126" fmla="*/ 1034071 h 6858000"/>
              <a:gd name="connsiteX5127" fmla="*/ 4853636 w 6858000"/>
              <a:gd name="connsiteY5127" fmla="*/ 1033627 h 6858000"/>
              <a:gd name="connsiteX5128" fmla="*/ 4730133 w 6858000"/>
              <a:gd name="connsiteY5128" fmla="*/ 1033627 h 6858000"/>
              <a:gd name="connsiteX5129" fmla="*/ 4730133 w 6858000"/>
              <a:gd name="connsiteY5129" fmla="*/ 1034071 h 6858000"/>
              <a:gd name="connsiteX5130" fmla="*/ 4730578 w 6858000"/>
              <a:gd name="connsiteY5130" fmla="*/ 1034071 h 6858000"/>
              <a:gd name="connsiteX5131" fmla="*/ 4730578 w 6858000"/>
              <a:gd name="connsiteY5131" fmla="*/ 1033627 h 6858000"/>
              <a:gd name="connsiteX5132" fmla="*/ 4607076 w 6858000"/>
              <a:gd name="connsiteY5132" fmla="*/ 1033627 h 6858000"/>
              <a:gd name="connsiteX5133" fmla="*/ 4607076 w 6858000"/>
              <a:gd name="connsiteY5133" fmla="*/ 1034072 h 6858000"/>
              <a:gd name="connsiteX5134" fmla="*/ 4607520 w 6858000"/>
              <a:gd name="connsiteY5134" fmla="*/ 1034072 h 6858000"/>
              <a:gd name="connsiteX5135" fmla="*/ 4607520 w 6858000"/>
              <a:gd name="connsiteY5135" fmla="*/ 1033627 h 6858000"/>
              <a:gd name="connsiteX5136" fmla="*/ 3499338 w 6858000"/>
              <a:gd name="connsiteY5136" fmla="*/ 1033442 h 6858000"/>
              <a:gd name="connsiteX5137" fmla="*/ 3499338 w 6858000"/>
              <a:gd name="connsiteY5137" fmla="*/ 1034294 h 6858000"/>
              <a:gd name="connsiteX5138" fmla="*/ 3500190 w 6858000"/>
              <a:gd name="connsiteY5138" fmla="*/ 1034294 h 6858000"/>
              <a:gd name="connsiteX5139" fmla="*/ 3500190 w 6858000"/>
              <a:gd name="connsiteY5139" fmla="*/ 1033442 h 6858000"/>
              <a:gd name="connsiteX5140" fmla="*/ 3376058 w 6858000"/>
              <a:gd name="connsiteY5140" fmla="*/ 1033221 h 6858000"/>
              <a:gd name="connsiteX5141" fmla="*/ 3376058 w 6858000"/>
              <a:gd name="connsiteY5141" fmla="*/ 1034517 h 6858000"/>
              <a:gd name="connsiteX5142" fmla="*/ 3377354 w 6858000"/>
              <a:gd name="connsiteY5142" fmla="*/ 1034517 h 6858000"/>
              <a:gd name="connsiteX5143" fmla="*/ 3377354 w 6858000"/>
              <a:gd name="connsiteY5143" fmla="*/ 1033221 h 6858000"/>
              <a:gd name="connsiteX5144" fmla="*/ 3252779 w 6858000"/>
              <a:gd name="connsiteY5144" fmla="*/ 1033000 h 6858000"/>
              <a:gd name="connsiteX5145" fmla="*/ 3252779 w 6858000"/>
              <a:gd name="connsiteY5145" fmla="*/ 1034739 h 6858000"/>
              <a:gd name="connsiteX5146" fmla="*/ 3254519 w 6858000"/>
              <a:gd name="connsiteY5146" fmla="*/ 1034739 h 6858000"/>
              <a:gd name="connsiteX5147" fmla="*/ 3254519 w 6858000"/>
              <a:gd name="connsiteY5147" fmla="*/ 1033000 h 6858000"/>
              <a:gd name="connsiteX5148" fmla="*/ 3129055 w 6858000"/>
              <a:gd name="connsiteY5148" fmla="*/ 1032331 h 6858000"/>
              <a:gd name="connsiteX5149" fmla="*/ 3129055 w 6858000"/>
              <a:gd name="connsiteY5149" fmla="*/ 1035368 h 6858000"/>
              <a:gd name="connsiteX5150" fmla="*/ 3132092 w 6858000"/>
              <a:gd name="connsiteY5150" fmla="*/ 1035368 h 6858000"/>
              <a:gd name="connsiteX5151" fmla="*/ 3132092 w 6858000"/>
              <a:gd name="connsiteY5151" fmla="*/ 1032331 h 6858000"/>
              <a:gd name="connsiteX5152" fmla="*/ 3005553 w 6858000"/>
              <a:gd name="connsiteY5152" fmla="*/ 1031887 h 6858000"/>
              <a:gd name="connsiteX5153" fmla="*/ 3005553 w 6858000"/>
              <a:gd name="connsiteY5153" fmla="*/ 1035813 h 6858000"/>
              <a:gd name="connsiteX5154" fmla="*/ 3009478 w 6858000"/>
              <a:gd name="connsiteY5154" fmla="*/ 1035813 h 6858000"/>
              <a:gd name="connsiteX5155" fmla="*/ 3009478 w 6858000"/>
              <a:gd name="connsiteY5155" fmla="*/ 1031887 h 6858000"/>
              <a:gd name="connsiteX5156" fmla="*/ 2881644 w 6858000"/>
              <a:gd name="connsiteY5156" fmla="*/ 1031035 h 6858000"/>
              <a:gd name="connsiteX5157" fmla="*/ 2881644 w 6858000"/>
              <a:gd name="connsiteY5157" fmla="*/ 1036664 h 6858000"/>
              <a:gd name="connsiteX5158" fmla="*/ 2887273 w 6858000"/>
              <a:gd name="connsiteY5158" fmla="*/ 1036664 h 6858000"/>
              <a:gd name="connsiteX5159" fmla="*/ 2887273 w 6858000"/>
              <a:gd name="connsiteY5159" fmla="*/ 1031035 h 6858000"/>
              <a:gd name="connsiteX5160" fmla="*/ 2757254 w 6858000"/>
              <a:gd name="connsiteY5160" fmla="*/ 1029741 h 6858000"/>
              <a:gd name="connsiteX5161" fmla="*/ 2757254 w 6858000"/>
              <a:gd name="connsiteY5161" fmla="*/ 1037998 h 6858000"/>
              <a:gd name="connsiteX5162" fmla="*/ 2765512 w 6858000"/>
              <a:gd name="connsiteY5162" fmla="*/ 1037998 h 6858000"/>
              <a:gd name="connsiteX5163" fmla="*/ 2765512 w 6858000"/>
              <a:gd name="connsiteY5163" fmla="*/ 1029741 h 6858000"/>
              <a:gd name="connsiteX5164" fmla="*/ 2632456 w 6858000"/>
              <a:gd name="connsiteY5164" fmla="*/ 1028000 h 6858000"/>
              <a:gd name="connsiteX5165" fmla="*/ 2632456 w 6858000"/>
              <a:gd name="connsiteY5165" fmla="*/ 1039739 h 6858000"/>
              <a:gd name="connsiteX5166" fmla="*/ 2644195 w 6858000"/>
              <a:gd name="connsiteY5166" fmla="*/ 1039739 h 6858000"/>
              <a:gd name="connsiteX5167" fmla="*/ 2644195 w 6858000"/>
              <a:gd name="connsiteY5167" fmla="*/ 1028000 h 6858000"/>
              <a:gd name="connsiteX5168" fmla="*/ 2507473 w 6858000"/>
              <a:gd name="connsiteY5168" fmla="*/ 1026037 h 6858000"/>
              <a:gd name="connsiteX5169" fmla="*/ 2507473 w 6858000"/>
              <a:gd name="connsiteY5169" fmla="*/ 1041665 h 6858000"/>
              <a:gd name="connsiteX5170" fmla="*/ 2523100 w 6858000"/>
              <a:gd name="connsiteY5170" fmla="*/ 1041665 h 6858000"/>
              <a:gd name="connsiteX5171" fmla="*/ 2523100 w 6858000"/>
              <a:gd name="connsiteY5171" fmla="*/ 1026037 h 6858000"/>
              <a:gd name="connsiteX5172" fmla="*/ 2381786 w 6858000"/>
              <a:gd name="connsiteY5172" fmla="*/ 1023445 h 6858000"/>
              <a:gd name="connsiteX5173" fmla="*/ 2381786 w 6858000"/>
              <a:gd name="connsiteY5173" fmla="*/ 1044293 h 6858000"/>
              <a:gd name="connsiteX5174" fmla="*/ 2402635 w 6858000"/>
              <a:gd name="connsiteY5174" fmla="*/ 1044293 h 6858000"/>
              <a:gd name="connsiteX5175" fmla="*/ 2402635 w 6858000"/>
              <a:gd name="connsiteY5175" fmla="*/ 1023445 h 6858000"/>
              <a:gd name="connsiteX5176" fmla="*/ 2255915 w 6858000"/>
              <a:gd name="connsiteY5176" fmla="*/ 1020630 h 6858000"/>
              <a:gd name="connsiteX5177" fmla="*/ 2255915 w 6858000"/>
              <a:gd name="connsiteY5177" fmla="*/ 1047108 h 6858000"/>
              <a:gd name="connsiteX5178" fmla="*/ 2282393 w 6858000"/>
              <a:gd name="connsiteY5178" fmla="*/ 1047108 h 6858000"/>
              <a:gd name="connsiteX5179" fmla="*/ 2282393 w 6858000"/>
              <a:gd name="connsiteY5179" fmla="*/ 1020630 h 6858000"/>
              <a:gd name="connsiteX5180" fmla="*/ 2129599 w 6858000"/>
              <a:gd name="connsiteY5180" fmla="*/ 1017371 h 6858000"/>
              <a:gd name="connsiteX5181" fmla="*/ 2129599 w 6858000"/>
              <a:gd name="connsiteY5181" fmla="*/ 1050367 h 6858000"/>
              <a:gd name="connsiteX5182" fmla="*/ 2162594 w 6858000"/>
              <a:gd name="connsiteY5182" fmla="*/ 1050367 h 6858000"/>
              <a:gd name="connsiteX5183" fmla="*/ 2162594 w 6858000"/>
              <a:gd name="connsiteY5183" fmla="*/ 1017371 h 6858000"/>
              <a:gd name="connsiteX5184" fmla="*/ 2003060 w 6858000"/>
              <a:gd name="connsiteY5184" fmla="*/ 1013890 h 6858000"/>
              <a:gd name="connsiteX5185" fmla="*/ 2003060 w 6858000"/>
              <a:gd name="connsiteY5185" fmla="*/ 1053848 h 6858000"/>
              <a:gd name="connsiteX5186" fmla="*/ 2043018 w 6858000"/>
              <a:gd name="connsiteY5186" fmla="*/ 1053848 h 6858000"/>
              <a:gd name="connsiteX5187" fmla="*/ 2043018 w 6858000"/>
              <a:gd name="connsiteY5187" fmla="*/ 1013890 h 6858000"/>
              <a:gd name="connsiteX5188" fmla="*/ 1876522 w 6858000"/>
              <a:gd name="connsiteY5188" fmla="*/ 1010408 h 6858000"/>
              <a:gd name="connsiteX5189" fmla="*/ 1876522 w 6858000"/>
              <a:gd name="connsiteY5189" fmla="*/ 1057329 h 6858000"/>
              <a:gd name="connsiteX5190" fmla="*/ 1923442 w 6858000"/>
              <a:gd name="connsiteY5190" fmla="*/ 1057329 h 6858000"/>
              <a:gd name="connsiteX5191" fmla="*/ 1923442 w 6858000"/>
              <a:gd name="connsiteY5191" fmla="*/ 1010408 h 6858000"/>
              <a:gd name="connsiteX5192" fmla="*/ 1749761 w 6858000"/>
              <a:gd name="connsiteY5192" fmla="*/ 1006705 h 6858000"/>
              <a:gd name="connsiteX5193" fmla="*/ 1749761 w 6858000"/>
              <a:gd name="connsiteY5193" fmla="*/ 1060995 h 6858000"/>
              <a:gd name="connsiteX5194" fmla="*/ 1804050 w 6858000"/>
              <a:gd name="connsiteY5194" fmla="*/ 1060995 h 6858000"/>
              <a:gd name="connsiteX5195" fmla="*/ 1804050 w 6858000"/>
              <a:gd name="connsiteY5195" fmla="*/ 1006705 h 6858000"/>
              <a:gd name="connsiteX5196" fmla="*/ 1622816 w 6858000"/>
              <a:gd name="connsiteY5196" fmla="*/ 1002818 h 6858000"/>
              <a:gd name="connsiteX5197" fmla="*/ 1622816 w 6858000"/>
              <a:gd name="connsiteY5197" fmla="*/ 1064922 h 6858000"/>
              <a:gd name="connsiteX5198" fmla="*/ 1684919 w 6858000"/>
              <a:gd name="connsiteY5198" fmla="*/ 1064922 h 6858000"/>
              <a:gd name="connsiteX5199" fmla="*/ 1684919 w 6858000"/>
              <a:gd name="connsiteY5199" fmla="*/ 1002818 h 6858000"/>
              <a:gd name="connsiteX5200" fmla="*/ 1496055 w 6858000"/>
              <a:gd name="connsiteY5200" fmla="*/ 999078 h 6858000"/>
              <a:gd name="connsiteX5201" fmla="*/ 1496055 w 6858000"/>
              <a:gd name="connsiteY5201" fmla="*/ 1068589 h 6858000"/>
              <a:gd name="connsiteX5202" fmla="*/ 1565564 w 6858000"/>
              <a:gd name="connsiteY5202" fmla="*/ 1068589 h 6858000"/>
              <a:gd name="connsiteX5203" fmla="*/ 1565564 w 6858000"/>
              <a:gd name="connsiteY5203" fmla="*/ 999078 h 6858000"/>
              <a:gd name="connsiteX5204" fmla="*/ 1369517 w 6858000"/>
              <a:gd name="connsiteY5204" fmla="*/ 995634 h 6858000"/>
              <a:gd name="connsiteX5205" fmla="*/ 1369517 w 6858000"/>
              <a:gd name="connsiteY5205" fmla="*/ 1072070 h 6858000"/>
              <a:gd name="connsiteX5206" fmla="*/ 1445951 w 6858000"/>
              <a:gd name="connsiteY5206" fmla="*/ 1072070 h 6858000"/>
              <a:gd name="connsiteX5207" fmla="*/ 1445951 w 6858000"/>
              <a:gd name="connsiteY5207" fmla="*/ 995634 h 6858000"/>
              <a:gd name="connsiteX5208" fmla="*/ 1242978 w 6858000"/>
              <a:gd name="connsiteY5208" fmla="*/ 992154 h 6858000"/>
              <a:gd name="connsiteX5209" fmla="*/ 1242978 w 6858000"/>
              <a:gd name="connsiteY5209" fmla="*/ 1075552 h 6858000"/>
              <a:gd name="connsiteX5210" fmla="*/ 1326374 w 6858000"/>
              <a:gd name="connsiteY5210" fmla="*/ 1075552 h 6858000"/>
              <a:gd name="connsiteX5211" fmla="*/ 1326374 w 6858000"/>
              <a:gd name="connsiteY5211" fmla="*/ 992154 h 6858000"/>
              <a:gd name="connsiteX5212" fmla="*/ 1116662 w 6858000"/>
              <a:gd name="connsiteY5212" fmla="*/ 988894 h 6858000"/>
              <a:gd name="connsiteX5213" fmla="*/ 1116662 w 6858000"/>
              <a:gd name="connsiteY5213" fmla="*/ 1078810 h 6858000"/>
              <a:gd name="connsiteX5214" fmla="*/ 1206576 w 6858000"/>
              <a:gd name="connsiteY5214" fmla="*/ 1078810 h 6858000"/>
              <a:gd name="connsiteX5215" fmla="*/ 1206576 w 6858000"/>
              <a:gd name="connsiteY5215" fmla="*/ 988894 h 6858000"/>
              <a:gd name="connsiteX5216" fmla="*/ 990568 w 6858000"/>
              <a:gd name="connsiteY5216" fmla="*/ 985857 h 6858000"/>
              <a:gd name="connsiteX5217" fmla="*/ 990568 w 6858000"/>
              <a:gd name="connsiteY5217" fmla="*/ 1081846 h 6858000"/>
              <a:gd name="connsiteX5218" fmla="*/ 1086555 w 6858000"/>
              <a:gd name="connsiteY5218" fmla="*/ 1081846 h 6858000"/>
              <a:gd name="connsiteX5219" fmla="*/ 1086555 w 6858000"/>
              <a:gd name="connsiteY5219" fmla="*/ 985857 h 6858000"/>
              <a:gd name="connsiteX5220" fmla="*/ 865104 w 6858000"/>
              <a:gd name="connsiteY5220" fmla="*/ 983489 h 6858000"/>
              <a:gd name="connsiteX5221" fmla="*/ 865104 w 6858000"/>
              <a:gd name="connsiteY5221" fmla="*/ 1084254 h 6858000"/>
              <a:gd name="connsiteX5222" fmla="*/ 965868 w 6858000"/>
              <a:gd name="connsiteY5222" fmla="*/ 1084254 h 6858000"/>
              <a:gd name="connsiteX5223" fmla="*/ 965868 w 6858000"/>
              <a:gd name="connsiteY5223" fmla="*/ 983489 h 6858000"/>
              <a:gd name="connsiteX5224" fmla="*/ 740306 w 6858000"/>
              <a:gd name="connsiteY5224" fmla="*/ 981747 h 6858000"/>
              <a:gd name="connsiteX5225" fmla="*/ 740306 w 6858000"/>
              <a:gd name="connsiteY5225" fmla="*/ 1085994 h 6858000"/>
              <a:gd name="connsiteX5226" fmla="*/ 844551 w 6858000"/>
              <a:gd name="connsiteY5226" fmla="*/ 1085994 h 6858000"/>
              <a:gd name="connsiteX5227" fmla="*/ 844551 w 6858000"/>
              <a:gd name="connsiteY5227" fmla="*/ 981747 h 6858000"/>
              <a:gd name="connsiteX5228" fmla="*/ 615508 w 6858000"/>
              <a:gd name="connsiteY5228" fmla="*/ 980007 h 6858000"/>
              <a:gd name="connsiteX5229" fmla="*/ 615508 w 6858000"/>
              <a:gd name="connsiteY5229" fmla="*/ 1087737 h 6858000"/>
              <a:gd name="connsiteX5230" fmla="*/ 723234 w 6858000"/>
              <a:gd name="connsiteY5230" fmla="*/ 1087737 h 6858000"/>
              <a:gd name="connsiteX5231" fmla="*/ 723234 w 6858000"/>
              <a:gd name="connsiteY5231" fmla="*/ 980007 h 6858000"/>
              <a:gd name="connsiteX5232" fmla="*/ 491821 w 6858000"/>
              <a:gd name="connsiteY5232" fmla="*/ 979342 h 6858000"/>
              <a:gd name="connsiteX5233" fmla="*/ 491821 w 6858000"/>
              <a:gd name="connsiteY5233" fmla="*/ 1088365 h 6858000"/>
              <a:gd name="connsiteX5234" fmla="*/ 600843 w 6858000"/>
              <a:gd name="connsiteY5234" fmla="*/ 1088365 h 6858000"/>
              <a:gd name="connsiteX5235" fmla="*/ 600843 w 6858000"/>
              <a:gd name="connsiteY5235" fmla="*/ 979342 h 6858000"/>
              <a:gd name="connsiteX5236" fmla="*/ 368098 w 6858000"/>
              <a:gd name="connsiteY5236" fmla="*/ 978711 h 6858000"/>
              <a:gd name="connsiteX5237" fmla="*/ 368098 w 6858000"/>
              <a:gd name="connsiteY5237" fmla="*/ 1089032 h 6858000"/>
              <a:gd name="connsiteX5238" fmla="*/ 478416 w 6858000"/>
              <a:gd name="connsiteY5238" fmla="*/ 1089032 h 6858000"/>
              <a:gd name="connsiteX5239" fmla="*/ 478416 w 6858000"/>
              <a:gd name="connsiteY5239" fmla="*/ 978711 h 6858000"/>
              <a:gd name="connsiteX5240" fmla="*/ 244818 w 6858000"/>
              <a:gd name="connsiteY5240" fmla="*/ 978489 h 6858000"/>
              <a:gd name="connsiteX5241" fmla="*/ 244818 w 6858000"/>
              <a:gd name="connsiteY5241" fmla="*/ 1089255 h 6858000"/>
              <a:gd name="connsiteX5242" fmla="*/ 355581 w 6858000"/>
              <a:gd name="connsiteY5242" fmla="*/ 1089255 h 6858000"/>
              <a:gd name="connsiteX5243" fmla="*/ 355581 w 6858000"/>
              <a:gd name="connsiteY5243" fmla="*/ 978489 h 6858000"/>
              <a:gd name="connsiteX5244" fmla="*/ 121761 w 6858000"/>
              <a:gd name="connsiteY5244" fmla="*/ 978489 h 6858000"/>
              <a:gd name="connsiteX5245" fmla="*/ 121761 w 6858000"/>
              <a:gd name="connsiteY5245" fmla="*/ 1089255 h 6858000"/>
              <a:gd name="connsiteX5246" fmla="*/ 232524 w 6858000"/>
              <a:gd name="connsiteY5246" fmla="*/ 1089255 h 6858000"/>
              <a:gd name="connsiteX5247" fmla="*/ 232524 w 6858000"/>
              <a:gd name="connsiteY5247" fmla="*/ 978489 h 6858000"/>
              <a:gd name="connsiteX5248" fmla="*/ 4976248 w 6858000"/>
              <a:gd name="connsiteY5248" fmla="*/ 910567 h 6858000"/>
              <a:gd name="connsiteX5249" fmla="*/ 4976248 w 6858000"/>
              <a:gd name="connsiteY5249" fmla="*/ 911010 h 6858000"/>
              <a:gd name="connsiteX5250" fmla="*/ 4976692 w 6858000"/>
              <a:gd name="connsiteY5250" fmla="*/ 911010 h 6858000"/>
              <a:gd name="connsiteX5251" fmla="*/ 4976692 w 6858000"/>
              <a:gd name="connsiteY5251" fmla="*/ 910567 h 6858000"/>
              <a:gd name="connsiteX5252" fmla="*/ 4853191 w 6858000"/>
              <a:gd name="connsiteY5252" fmla="*/ 910567 h 6858000"/>
              <a:gd name="connsiteX5253" fmla="*/ 4853191 w 6858000"/>
              <a:gd name="connsiteY5253" fmla="*/ 911010 h 6858000"/>
              <a:gd name="connsiteX5254" fmla="*/ 4853636 w 6858000"/>
              <a:gd name="connsiteY5254" fmla="*/ 911010 h 6858000"/>
              <a:gd name="connsiteX5255" fmla="*/ 4853636 w 6858000"/>
              <a:gd name="connsiteY5255" fmla="*/ 910567 h 6858000"/>
              <a:gd name="connsiteX5256" fmla="*/ 4730133 w 6858000"/>
              <a:gd name="connsiteY5256" fmla="*/ 910567 h 6858000"/>
              <a:gd name="connsiteX5257" fmla="*/ 4730133 w 6858000"/>
              <a:gd name="connsiteY5257" fmla="*/ 911011 h 6858000"/>
              <a:gd name="connsiteX5258" fmla="*/ 4730578 w 6858000"/>
              <a:gd name="connsiteY5258" fmla="*/ 911011 h 6858000"/>
              <a:gd name="connsiteX5259" fmla="*/ 4730578 w 6858000"/>
              <a:gd name="connsiteY5259" fmla="*/ 910567 h 6858000"/>
              <a:gd name="connsiteX5260" fmla="*/ 4607076 w 6858000"/>
              <a:gd name="connsiteY5260" fmla="*/ 910567 h 6858000"/>
              <a:gd name="connsiteX5261" fmla="*/ 4607076 w 6858000"/>
              <a:gd name="connsiteY5261" fmla="*/ 911011 h 6858000"/>
              <a:gd name="connsiteX5262" fmla="*/ 4607520 w 6858000"/>
              <a:gd name="connsiteY5262" fmla="*/ 911011 h 6858000"/>
              <a:gd name="connsiteX5263" fmla="*/ 4607520 w 6858000"/>
              <a:gd name="connsiteY5263" fmla="*/ 910567 h 6858000"/>
              <a:gd name="connsiteX5264" fmla="*/ 4237904 w 6858000"/>
              <a:gd name="connsiteY5264" fmla="*/ 910567 h 6858000"/>
              <a:gd name="connsiteX5265" fmla="*/ 4237904 w 6858000"/>
              <a:gd name="connsiteY5265" fmla="*/ 911011 h 6858000"/>
              <a:gd name="connsiteX5266" fmla="*/ 4238348 w 6858000"/>
              <a:gd name="connsiteY5266" fmla="*/ 911011 h 6858000"/>
              <a:gd name="connsiteX5267" fmla="*/ 4238348 w 6858000"/>
              <a:gd name="connsiteY5267" fmla="*/ 910567 h 6858000"/>
              <a:gd name="connsiteX5268" fmla="*/ 4114847 w 6858000"/>
              <a:gd name="connsiteY5268" fmla="*/ 910567 h 6858000"/>
              <a:gd name="connsiteX5269" fmla="*/ 4114847 w 6858000"/>
              <a:gd name="connsiteY5269" fmla="*/ 911011 h 6858000"/>
              <a:gd name="connsiteX5270" fmla="*/ 4115291 w 6858000"/>
              <a:gd name="connsiteY5270" fmla="*/ 911011 h 6858000"/>
              <a:gd name="connsiteX5271" fmla="*/ 4115291 w 6858000"/>
              <a:gd name="connsiteY5271" fmla="*/ 910567 h 6858000"/>
              <a:gd name="connsiteX5272" fmla="*/ 3991789 w 6858000"/>
              <a:gd name="connsiteY5272" fmla="*/ 910567 h 6858000"/>
              <a:gd name="connsiteX5273" fmla="*/ 3991789 w 6858000"/>
              <a:gd name="connsiteY5273" fmla="*/ 911011 h 6858000"/>
              <a:gd name="connsiteX5274" fmla="*/ 3992234 w 6858000"/>
              <a:gd name="connsiteY5274" fmla="*/ 911011 h 6858000"/>
              <a:gd name="connsiteX5275" fmla="*/ 3992234 w 6858000"/>
              <a:gd name="connsiteY5275" fmla="*/ 910567 h 6858000"/>
              <a:gd name="connsiteX5276" fmla="*/ 3868732 w 6858000"/>
              <a:gd name="connsiteY5276" fmla="*/ 910567 h 6858000"/>
              <a:gd name="connsiteX5277" fmla="*/ 3868732 w 6858000"/>
              <a:gd name="connsiteY5277" fmla="*/ 911011 h 6858000"/>
              <a:gd name="connsiteX5278" fmla="*/ 3869176 w 6858000"/>
              <a:gd name="connsiteY5278" fmla="*/ 911011 h 6858000"/>
              <a:gd name="connsiteX5279" fmla="*/ 3869176 w 6858000"/>
              <a:gd name="connsiteY5279" fmla="*/ 910567 h 6858000"/>
              <a:gd name="connsiteX5280" fmla="*/ 3745675 w 6858000"/>
              <a:gd name="connsiteY5280" fmla="*/ 910567 h 6858000"/>
              <a:gd name="connsiteX5281" fmla="*/ 3745675 w 6858000"/>
              <a:gd name="connsiteY5281" fmla="*/ 911011 h 6858000"/>
              <a:gd name="connsiteX5282" fmla="*/ 3746119 w 6858000"/>
              <a:gd name="connsiteY5282" fmla="*/ 911011 h 6858000"/>
              <a:gd name="connsiteX5283" fmla="*/ 3746119 w 6858000"/>
              <a:gd name="connsiteY5283" fmla="*/ 910567 h 6858000"/>
              <a:gd name="connsiteX5284" fmla="*/ 5714629 w 6858000"/>
              <a:gd name="connsiteY5284" fmla="*/ 910566 h 6858000"/>
              <a:gd name="connsiteX5285" fmla="*/ 5714629 w 6858000"/>
              <a:gd name="connsiteY5285" fmla="*/ 911010 h 6858000"/>
              <a:gd name="connsiteX5286" fmla="*/ 5715073 w 6858000"/>
              <a:gd name="connsiteY5286" fmla="*/ 911010 h 6858000"/>
              <a:gd name="connsiteX5287" fmla="*/ 5715073 w 6858000"/>
              <a:gd name="connsiteY5287" fmla="*/ 910566 h 6858000"/>
              <a:gd name="connsiteX5288" fmla="*/ 5591572 w 6858000"/>
              <a:gd name="connsiteY5288" fmla="*/ 910566 h 6858000"/>
              <a:gd name="connsiteX5289" fmla="*/ 5591572 w 6858000"/>
              <a:gd name="connsiteY5289" fmla="*/ 911010 h 6858000"/>
              <a:gd name="connsiteX5290" fmla="*/ 5592017 w 6858000"/>
              <a:gd name="connsiteY5290" fmla="*/ 911010 h 6858000"/>
              <a:gd name="connsiteX5291" fmla="*/ 5592017 w 6858000"/>
              <a:gd name="connsiteY5291" fmla="*/ 910566 h 6858000"/>
              <a:gd name="connsiteX5292" fmla="*/ 5468514 w 6858000"/>
              <a:gd name="connsiteY5292" fmla="*/ 910566 h 6858000"/>
              <a:gd name="connsiteX5293" fmla="*/ 5468514 w 6858000"/>
              <a:gd name="connsiteY5293" fmla="*/ 911010 h 6858000"/>
              <a:gd name="connsiteX5294" fmla="*/ 5468958 w 6858000"/>
              <a:gd name="connsiteY5294" fmla="*/ 911010 h 6858000"/>
              <a:gd name="connsiteX5295" fmla="*/ 5468958 w 6858000"/>
              <a:gd name="connsiteY5295" fmla="*/ 910566 h 6858000"/>
              <a:gd name="connsiteX5296" fmla="*/ 5345457 w 6858000"/>
              <a:gd name="connsiteY5296" fmla="*/ 910566 h 6858000"/>
              <a:gd name="connsiteX5297" fmla="*/ 5345457 w 6858000"/>
              <a:gd name="connsiteY5297" fmla="*/ 911010 h 6858000"/>
              <a:gd name="connsiteX5298" fmla="*/ 5345901 w 6858000"/>
              <a:gd name="connsiteY5298" fmla="*/ 911010 h 6858000"/>
              <a:gd name="connsiteX5299" fmla="*/ 5345901 w 6858000"/>
              <a:gd name="connsiteY5299" fmla="*/ 910566 h 6858000"/>
              <a:gd name="connsiteX5300" fmla="*/ 5222400 w 6858000"/>
              <a:gd name="connsiteY5300" fmla="*/ 910566 h 6858000"/>
              <a:gd name="connsiteX5301" fmla="*/ 5222400 w 6858000"/>
              <a:gd name="connsiteY5301" fmla="*/ 911010 h 6858000"/>
              <a:gd name="connsiteX5302" fmla="*/ 5222844 w 6858000"/>
              <a:gd name="connsiteY5302" fmla="*/ 911010 h 6858000"/>
              <a:gd name="connsiteX5303" fmla="*/ 5222844 w 6858000"/>
              <a:gd name="connsiteY5303" fmla="*/ 910566 h 6858000"/>
              <a:gd name="connsiteX5304" fmla="*/ 5099305 w 6858000"/>
              <a:gd name="connsiteY5304" fmla="*/ 910566 h 6858000"/>
              <a:gd name="connsiteX5305" fmla="*/ 5099305 w 6858000"/>
              <a:gd name="connsiteY5305" fmla="*/ 911010 h 6858000"/>
              <a:gd name="connsiteX5306" fmla="*/ 5099749 w 6858000"/>
              <a:gd name="connsiteY5306" fmla="*/ 911010 h 6858000"/>
              <a:gd name="connsiteX5307" fmla="*/ 5099749 w 6858000"/>
              <a:gd name="connsiteY5307" fmla="*/ 910566 h 6858000"/>
              <a:gd name="connsiteX5308" fmla="*/ 3622395 w 6858000"/>
              <a:gd name="connsiteY5308" fmla="*/ 910382 h 6858000"/>
              <a:gd name="connsiteX5309" fmla="*/ 3622395 w 6858000"/>
              <a:gd name="connsiteY5309" fmla="*/ 911233 h 6858000"/>
              <a:gd name="connsiteX5310" fmla="*/ 3623247 w 6858000"/>
              <a:gd name="connsiteY5310" fmla="*/ 911233 h 6858000"/>
              <a:gd name="connsiteX5311" fmla="*/ 3623247 w 6858000"/>
              <a:gd name="connsiteY5311" fmla="*/ 910382 h 6858000"/>
              <a:gd name="connsiteX5312" fmla="*/ 3499116 w 6858000"/>
              <a:gd name="connsiteY5312" fmla="*/ 910159 h 6858000"/>
              <a:gd name="connsiteX5313" fmla="*/ 3499116 w 6858000"/>
              <a:gd name="connsiteY5313" fmla="*/ 911455 h 6858000"/>
              <a:gd name="connsiteX5314" fmla="*/ 3500412 w 6858000"/>
              <a:gd name="connsiteY5314" fmla="*/ 911455 h 6858000"/>
              <a:gd name="connsiteX5315" fmla="*/ 3500412 w 6858000"/>
              <a:gd name="connsiteY5315" fmla="*/ 910159 h 6858000"/>
              <a:gd name="connsiteX5316" fmla="*/ 3375836 w 6858000"/>
              <a:gd name="connsiteY5316" fmla="*/ 909938 h 6858000"/>
              <a:gd name="connsiteX5317" fmla="*/ 3375836 w 6858000"/>
              <a:gd name="connsiteY5317" fmla="*/ 911677 h 6858000"/>
              <a:gd name="connsiteX5318" fmla="*/ 3377576 w 6858000"/>
              <a:gd name="connsiteY5318" fmla="*/ 911677 h 6858000"/>
              <a:gd name="connsiteX5319" fmla="*/ 3377576 w 6858000"/>
              <a:gd name="connsiteY5319" fmla="*/ 909938 h 6858000"/>
              <a:gd name="connsiteX5320" fmla="*/ 3252335 w 6858000"/>
              <a:gd name="connsiteY5320" fmla="*/ 909493 h 6858000"/>
              <a:gd name="connsiteX5321" fmla="*/ 3252335 w 6858000"/>
              <a:gd name="connsiteY5321" fmla="*/ 912085 h 6858000"/>
              <a:gd name="connsiteX5322" fmla="*/ 3254927 w 6858000"/>
              <a:gd name="connsiteY5322" fmla="*/ 912085 h 6858000"/>
              <a:gd name="connsiteX5323" fmla="*/ 3254927 w 6858000"/>
              <a:gd name="connsiteY5323" fmla="*/ 909493 h 6858000"/>
              <a:gd name="connsiteX5324" fmla="*/ 3128611 w 6858000"/>
              <a:gd name="connsiteY5324" fmla="*/ 908825 h 6858000"/>
              <a:gd name="connsiteX5325" fmla="*/ 3128611 w 6858000"/>
              <a:gd name="connsiteY5325" fmla="*/ 912751 h 6858000"/>
              <a:gd name="connsiteX5326" fmla="*/ 3132536 w 6858000"/>
              <a:gd name="connsiteY5326" fmla="*/ 912751 h 6858000"/>
              <a:gd name="connsiteX5327" fmla="*/ 3132536 w 6858000"/>
              <a:gd name="connsiteY5327" fmla="*/ 908825 h 6858000"/>
              <a:gd name="connsiteX5328" fmla="*/ 3004924 w 6858000"/>
              <a:gd name="connsiteY5328" fmla="*/ 908196 h 6858000"/>
              <a:gd name="connsiteX5329" fmla="*/ 3004924 w 6858000"/>
              <a:gd name="connsiteY5329" fmla="*/ 913419 h 6858000"/>
              <a:gd name="connsiteX5330" fmla="*/ 3010145 w 6858000"/>
              <a:gd name="connsiteY5330" fmla="*/ 913419 h 6858000"/>
              <a:gd name="connsiteX5331" fmla="*/ 3010145 w 6858000"/>
              <a:gd name="connsiteY5331" fmla="*/ 908196 h 6858000"/>
              <a:gd name="connsiteX5332" fmla="*/ 2880756 w 6858000"/>
              <a:gd name="connsiteY5332" fmla="*/ 907123 h 6858000"/>
              <a:gd name="connsiteX5333" fmla="*/ 2880756 w 6858000"/>
              <a:gd name="connsiteY5333" fmla="*/ 914492 h 6858000"/>
              <a:gd name="connsiteX5334" fmla="*/ 2888125 w 6858000"/>
              <a:gd name="connsiteY5334" fmla="*/ 914492 h 6858000"/>
              <a:gd name="connsiteX5335" fmla="*/ 2888125 w 6858000"/>
              <a:gd name="connsiteY5335" fmla="*/ 907123 h 6858000"/>
              <a:gd name="connsiteX5336" fmla="*/ 2756402 w 6858000"/>
              <a:gd name="connsiteY5336" fmla="*/ 905791 h 6858000"/>
              <a:gd name="connsiteX5337" fmla="*/ 2756402 w 6858000"/>
              <a:gd name="connsiteY5337" fmla="*/ 915788 h 6858000"/>
              <a:gd name="connsiteX5338" fmla="*/ 2766401 w 6858000"/>
              <a:gd name="connsiteY5338" fmla="*/ 915788 h 6858000"/>
              <a:gd name="connsiteX5339" fmla="*/ 2766401 w 6858000"/>
              <a:gd name="connsiteY5339" fmla="*/ 905791 h 6858000"/>
              <a:gd name="connsiteX5340" fmla="*/ 2631604 w 6858000"/>
              <a:gd name="connsiteY5340" fmla="*/ 904048 h 6858000"/>
              <a:gd name="connsiteX5341" fmla="*/ 2631604 w 6858000"/>
              <a:gd name="connsiteY5341" fmla="*/ 917528 h 6858000"/>
              <a:gd name="connsiteX5342" fmla="*/ 2645084 w 6858000"/>
              <a:gd name="connsiteY5342" fmla="*/ 917528 h 6858000"/>
              <a:gd name="connsiteX5343" fmla="*/ 2645084 w 6858000"/>
              <a:gd name="connsiteY5343" fmla="*/ 904048 h 6858000"/>
              <a:gd name="connsiteX5344" fmla="*/ 2506362 w 6858000"/>
              <a:gd name="connsiteY5344" fmla="*/ 901901 h 6858000"/>
              <a:gd name="connsiteX5345" fmla="*/ 2506362 w 6858000"/>
              <a:gd name="connsiteY5345" fmla="*/ 919714 h 6858000"/>
              <a:gd name="connsiteX5346" fmla="*/ 2524174 w 6858000"/>
              <a:gd name="connsiteY5346" fmla="*/ 919714 h 6858000"/>
              <a:gd name="connsiteX5347" fmla="*/ 2524174 w 6858000"/>
              <a:gd name="connsiteY5347" fmla="*/ 901901 h 6858000"/>
              <a:gd name="connsiteX5348" fmla="*/ 2380935 w 6858000"/>
              <a:gd name="connsiteY5348" fmla="*/ 899495 h 6858000"/>
              <a:gd name="connsiteX5349" fmla="*/ 2380935 w 6858000"/>
              <a:gd name="connsiteY5349" fmla="*/ 922084 h 6858000"/>
              <a:gd name="connsiteX5350" fmla="*/ 2403524 w 6858000"/>
              <a:gd name="connsiteY5350" fmla="*/ 922084 h 6858000"/>
              <a:gd name="connsiteX5351" fmla="*/ 2403524 w 6858000"/>
              <a:gd name="connsiteY5351" fmla="*/ 899495 h 6858000"/>
              <a:gd name="connsiteX5352" fmla="*/ 2255026 w 6858000"/>
              <a:gd name="connsiteY5352" fmla="*/ 896680 h 6858000"/>
              <a:gd name="connsiteX5353" fmla="*/ 2255026 w 6858000"/>
              <a:gd name="connsiteY5353" fmla="*/ 924898 h 6858000"/>
              <a:gd name="connsiteX5354" fmla="*/ 2283244 w 6858000"/>
              <a:gd name="connsiteY5354" fmla="*/ 924898 h 6858000"/>
              <a:gd name="connsiteX5355" fmla="*/ 2283244 w 6858000"/>
              <a:gd name="connsiteY5355" fmla="*/ 896680 h 6858000"/>
              <a:gd name="connsiteX5356" fmla="*/ 2128710 w 6858000"/>
              <a:gd name="connsiteY5356" fmla="*/ 893421 h 6858000"/>
              <a:gd name="connsiteX5357" fmla="*/ 2128710 w 6858000"/>
              <a:gd name="connsiteY5357" fmla="*/ 928158 h 6858000"/>
              <a:gd name="connsiteX5358" fmla="*/ 2163446 w 6858000"/>
              <a:gd name="connsiteY5358" fmla="*/ 928158 h 6858000"/>
              <a:gd name="connsiteX5359" fmla="*/ 2163446 w 6858000"/>
              <a:gd name="connsiteY5359" fmla="*/ 893421 h 6858000"/>
              <a:gd name="connsiteX5360" fmla="*/ 2002394 w 6858000"/>
              <a:gd name="connsiteY5360" fmla="*/ 890162 h 6858000"/>
              <a:gd name="connsiteX5361" fmla="*/ 2002394 w 6858000"/>
              <a:gd name="connsiteY5361" fmla="*/ 931415 h 6858000"/>
              <a:gd name="connsiteX5362" fmla="*/ 2043648 w 6858000"/>
              <a:gd name="connsiteY5362" fmla="*/ 931415 h 6858000"/>
              <a:gd name="connsiteX5363" fmla="*/ 2043648 w 6858000"/>
              <a:gd name="connsiteY5363" fmla="*/ 890162 h 6858000"/>
              <a:gd name="connsiteX5364" fmla="*/ 1875855 w 6858000"/>
              <a:gd name="connsiteY5364" fmla="*/ 886681 h 6858000"/>
              <a:gd name="connsiteX5365" fmla="*/ 1875855 w 6858000"/>
              <a:gd name="connsiteY5365" fmla="*/ 934897 h 6858000"/>
              <a:gd name="connsiteX5366" fmla="*/ 1924071 w 6858000"/>
              <a:gd name="connsiteY5366" fmla="*/ 934897 h 6858000"/>
              <a:gd name="connsiteX5367" fmla="*/ 1924071 w 6858000"/>
              <a:gd name="connsiteY5367" fmla="*/ 886681 h 6858000"/>
              <a:gd name="connsiteX5368" fmla="*/ 1749132 w 6858000"/>
              <a:gd name="connsiteY5368" fmla="*/ 883015 h 6858000"/>
              <a:gd name="connsiteX5369" fmla="*/ 1749132 w 6858000"/>
              <a:gd name="connsiteY5369" fmla="*/ 938601 h 6858000"/>
              <a:gd name="connsiteX5370" fmla="*/ 1804717 w 6858000"/>
              <a:gd name="connsiteY5370" fmla="*/ 938601 h 6858000"/>
              <a:gd name="connsiteX5371" fmla="*/ 1804717 w 6858000"/>
              <a:gd name="connsiteY5371" fmla="*/ 883015 h 6858000"/>
              <a:gd name="connsiteX5372" fmla="*/ 1622593 w 6858000"/>
              <a:gd name="connsiteY5372" fmla="*/ 879534 h 6858000"/>
              <a:gd name="connsiteX5373" fmla="*/ 1622593 w 6858000"/>
              <a:gd name="connsiteY5373" fmla="*/ 942082 h 6858000"/>
              <a:gd name="connsiteX5374" fmla="*/ 1685140 w 6858000"/>
              <a:gd name="connsiteY5374" fmla="*/ 942082 h 6858000"/>
              <a:gd name="connsiteX5375" fmla="*/ 1685140 w 6858000"/>
              <a:gd name="connsiteY5375" fmla="*/ 879534 h 6858000"/>
              <a:gd name="connsiteX5376" fmla="*/ 1495833 w 6858000"/>
              <a:gd name="connsiteY5376" fmla="*/ 875832 h 6858000"/>
              <a:gd name="connsiteX5377" fmla="*/ 1495833 w 6858000"/>
              <a:gd name="connsiteY5377" fmla="*/ 945749 h 6858000"/>
              <a:gd name="connsiteX5378" fmla="*/ 1565749 w 6858000"/>
              <a:gd name="connsiteY5378" fmla="*/ 945749 h 6858000"/>
              <a:gd name="connsiteX5379" fmla="*/ 1565749 w 6858000"/>
              <a:gd name="connsiteY5379" fmla="*/ 875832 h 6858000"/>
              <a:gd name="connsiteX5380" fmla="*/ 1369295 w 6858000"/>
              <a:gd name="connsiteY5380" fmla="*/ 872350 h 6858000"/>
              <a:gd name="connsiteX5381" fmla="*/ 1369295 w 6858000"/>
              <a:gd name="connsiteY5381" fmla="*/ 949229 h 6858000"/>
              <a:gd name="connsiteX5382" fmla="*/ 1446174 w 6858000"/>
              <a:gd name="connsiteY5382" fmla="*/ 949229 h 6858000"/>
              <a:gd name="connsiteX5383" fmla="*/ 1446174 w 6858000"/>
              <a:gd name="connsiteY5383" fmla="*/ 872350 h 6858000"/>
              <a:gd name="connsiteX5384" fmla="*/ 1242978 w 6858000"/>
              <a:gd name="connsiteY5384" fmla="*/ 869093 h 6858000"/>
              <a:gd name="connsiteX5385" fmla="*/ 1242978 w 6858000"/>
              <a:gd name="connsiteY5385" fmla="*/ 952488 h 6858000"/>
              <a:gd name="connsiteX5386" fmla="*/ 1326374 w 6858000"/>
              <a:gd name="connsiteY5386" fmla="*/ 952488 h 6858000"/>
              <a:gd name="connsiteX5387" fmla="*/ 1326374 w 6858000"/>
              <a:gd name="connsiteY5387" fmla="*/ 869093 h 6858000"/>
              <a:gd name="connsiteX5388" fmla="*/ 1116885 w 6858000"/>
              <a:gd name="connsiteY5388" fmla="*/ 866055 h 6858000"/>
              <a:gd name="connsiteX5389" fmla="*/ 1116885 w 6858000"/>
              <a:gd name="connsiteY5389" fmla="*/ 955525 h 6858000"/>
              <a:gd name="connsiteX5390" fmla="*/ 1206354 w 6858000"/>
              <a:gd name="connsiteY5390" fmla="*/ 955525 h 6858000"/>
              <a:gd name="connsiteX5391" fmla="*/ 1206354 w 6858000"/>
              <a:gd name="connsiteY5391" fmla="*/ 866055 h 6858000"/>
              <a:gd name="connsiteX5392" fmla="*/ 991013 w 6858000"/>
              <a:gd name="connsiteY5392" fmla="*/ 863205 h 6858000"/>
              <a:gd name="connsiteX5393" fmla="*/ 991013 w 6858000"/>
              <a:gd name="connsiteY5393" fmla="*/ 958340 h 6858000"/>
              <a:gd name="connsiteX5394" fmla="*/ 1086148 w 6858000"/>
              <a:gd name="connsiteY5394" fmla="*/ 958340 h 6858000"/>
              <a:gd name="connsiteX5395" fmla="*/ 1086148 w 6858000"/>
              <a:gd name="connsiteY5395" fmla="*/ 863205 h 6858000"/>
              <a:gd name="connsiteX5396" fmla="*/ 865548 w 6858000"/>
              <a:gd name="connsiteY5396" fmla="*/ 860835 h 6858000"/>
              <a:gd name="connsiteX5397" fmla="*/ 865548 w 6858000"/>
              <a:gd name="connsiteY5397" fmla="*/ 960746 h 6858000"/>
              <a:gd name="connsiteX5398" fmla="*/ 965460 w 6858000"/>
              <a:gd name="connsiteY5398" fmla="*/ 960746 h 6858000"/>
              <a:gd name="connsiteX5399" fmla="*/ 965460 w 6858000"/>
              <a:gd name="connsiteY5399" fmla="*/ 860835 h 6858000"/>
              <a:gd name="connsiteX5400" fmla="*/ 740528 w 6858000"/>
              <a:gd name="connsiteY5400" fmla="*/ 858907 h 6858000"/>
              <a:gd name="connsiteX5401" fmla="*/ 740528 w 6858000"/>
              <a:gd name="connsiteY5401" fmla="*/ 962709 h 6858000"/>
              <a:gd name="connsiteX5402" fmla="*/ 844329 w 6858000"/>
              <a:gd name="connsiteY5402" fmla="*/ 962709 h 6858000"/>
              <a:gd name="connsiteX5403" fmla="*/ 844329 w 6858000"/>
              <a:gd name="connsiteY5403" fmla="*/ 858907 h 6858000"/>
              <a:gd name="connsiteX5404" fmla="*/ 615953 w 6858000"/>
              <a:gd name="connsiteY5404" fmla="*/ 857391 h 6858000"/>
              <a:gd name="connsiteX5405" fmla="*/ 615953 w 6858000"/>
              <a:gd name="connsiteY5405" fmla="*/ 964228 h 6858000"/>
              <a:gd name="connsiteX5406" fmla="*/ 722790 w 6858000"/>
              <a:gd name="connsiteY5406" fmla="*/ 964228 h 6858000"/>
              <a:gd name="connsiteX5407" fmla="*/ 722790 w 6858000"/>
              <a:gd name="connsiteY5407" fmla="*/ 857391 h 6858000"/>
              <a:gd name="connsiteX5408" fmla="*/ 492007 w 6858000"/>
              <a:gd name="connsiteY5408" fmla="*/ 856501 h 6858000"/>
              <a:gd name="connsiteX5409" fmla="*/ 492007 w 6858000"/>
              <a:gd name="connsiteY5409" fmla="*/ 965080 h 6858000"/>
              <a:gd name="connsiteX5410" fmla="*/ 600585 w 6858000"/>
              <a:gd name="connsiteY5410" fmla="*/ 965080 h 6858000"/>
              <a:gd name="connsiteX5411" fmla="*/ 600585 w 6858000"/>
              <a:gd name="connsiteY5411" fmla="*/ 856501 h 6858000"/>
              <a:gd name="connsiteX5412" fmla="*/ 368320 w 6858000"/>
              <a:gd name="connsiteY5412" fmla="*/ 855872 h 6858000"/>
              <a:gd name="connsiteX5413" fmla="*/ 368320 w 6858000"/>
              <a:gd name="connsiteY5413" fmla="*/ 965746 h 6858000"/>
              <a:gd name="connsiteX5414" fmla="*/ 478194 w 6858000"/>
              <a:gd name="connsiteY5414" fmla="*/ 965746 h 6858000"/>
              <a:gd name="connsiteX5415" fmla="*/ 478194 w 6858000"/>
              <a:gd name="connsiteY5415" fmla="*/ 855872 h 6858000"/>
              <a:gd name="connsiteX5416" fmla="*/ 244818 w 6858000"/>
              <a:gd name="connsiteY5416" fmla="*/ 855427 h 6858000"/>
              <a:gd name="connsiteX5417" fmla="*/ 244818 w 6858000"/>
              <a:gd name="connsiteY5417" fmla="*/ 966190 h 6858000"/>
              <a:gd name="connsiteX5418" fmla="*/ 355581 w 6858000"/>
              <a:gd name="connsiteY5418" fmla="*/ 966190 h 6858000"/>
              <a:gd name="connsiteX5419" fmla="*/ 355581 w 6858000"/>
              <a:gd name="connsiteY5419" fmla="*/ 855427 h 6858000"/>
              <a:gd name="connsiteX5420" fmla="*/ 121761 w 6858000"/>
              <a:gd name="connsiteY5420" fmla="*/ 855427 h 6858000"/>
              <a:gd name="connsiteX5421" fmla="*/ 121761 w 6858000"/>
              <a:gd name="connsiteY5421" fmla="*/ 966190 h 6858000"/>
              <a:gd name="connsiteX5422" fmla="*/ 232524 w 6858000"/>
              <a:gd name="connsiteY5422" fmla="*/ 966190 h 6858000"/>
              <a:gd name="connsiteX5423" fmla="*/ 232524 w 6858000"/>
              <a:gd name="connsiteY5423" fmla="*/ 855427 h 6858000"/>
              <a:gd name="connsiteX5424" fmla="*/ 3868732 w 6858000"/>
              <a:gd name="connsiteY5424" fmla="*/ 787506 h 6858000"/>
              <a:gd name="connsiteX5425" fmla="*/ 3868732 w 6858000"/>
              <a:gd name="connsiteY5425" fmla="*/ 787949 h 6858000"/>
              <a:gd name="connsiteX5426" fmla="*/ 3869176 w 6858000"/>
              <a:gd name="connsiteY5426" fmla="*/ 787949 h 6858000"/>
              <a:gd name="connsiteX5427" fmla="*/ 3869176 w 6858000"/>
              <a:gd name="connsiteY5427" fmla="*/ 787506 h 6858000"/>
              <a:gd name="connsiteX5428" fmla="*/ 3745675 w 6858000"/>
              <a:gd name="connsiteY5428" fmla="*/ 787506 h 6858000"/>
              <a:gd name="connsiteX5429" fmla="*/ 3745675 w 6858000"/>
              <a:gd name="connsiteY5429" fmla="*/ 787949 h 6858000"/>
              <a:gd name="connsiteX5430" fmla="*/ 3746119 w 6858000"/>
              <a:gd name="connsiteY5430" fmla="*/ 787949 h 6858000"/>
              <a:gd name="connsiteX5431" fmla="*/ 3746119 w 6858000"/>
              <a:gd name="connsiteY5431" fmla="*/ 787506 h 6858000"/>
              <a:gd name="connsiteX5432" fmla="*/ 5714629 w 6858000"/>
              <a:gd name="connsiteY5432" fmla="*/ 787505 h 6858000"/>
              <a:gd name="connsiteX5433" fmla="*/ 5714629 w 6858000"/>
              <a:gd name="connsiteY5433" fmla="*/ 787948 h 6858000"/>
              <a:gd name="connsiteX5434" fmla="*/ 5715073 w 6858000"/>
              <a:gd name="connsiteY5434" fmla="*/ 787948 h 6858000"/>
              <a:gd name="connsiteX5435" fmla="*/ 5715073 w 6858000"/>
              <a:gd name="connsiteY5435" fmla="*/ 787505 h 6858000"/>
              <a:gd name="connsiteX5436" fmla="*/ 5591572 w 6858000"/>
              <a:gd name="connsiteY5436" fmla="*/ 787505 h 6858000"/>
              <a:gd name="connsiteX5437" fmla="*/ 5591572 w 6858000"/>
              <a:gd name="connsiteY5437" fmla="*/ 787948 h 6858000"/>
              <a:gd name="connsiteX5438" fmla="*/ 5592017 w 6858000"/>
              <a:gd name="connsiteY5438" fmla="*/ 787948 h 6858000"/>
              <a:gd name="connsiteX5439" fmla="*/ 5592017 w 6858000"/>
              <a:gd name="connsiteY5439" fmla="*/ 787505 h 6858000"/>
              <a:gd name="connsiteX5440" fmla="*/ 5468514 w 6858000"/>
              <a:gd name="connsiteY5440" fmla="*/ 787505 h 6858000"/>
              <a:gd name="connsiteX5441" fmla="*/ 5468514 w 6858000"/>
              <a:gd name="connsiteY5441" fmla="*/ 787948 h 6858000"/>
              <a:gd name="connsiteX5442" fmla="*/ 5468958 w 6858000"/>
              <a:gd name="connsiteY5442" fmla="*/ 787948 h 6858000"/>
              <a:gd name="connsiteX5443" fmla="*/ 5468958 w 6858000"/>
              <a:gd name="connsiteY5443" fmla="*/ 787505 h 6858000"/>
              <a:gd name="connsiteX5444" fmla="*/ 5345457 w 6858000"/>
              <a:gd name="connsiteY5444" fmla="*/ 787505 h 6858000"/>
              <a:gd name="connsiteX5445" fmla="*/ 5345457 w 6858000"/>
              <a:gd name="connsiteY5445" fmla="*/ 787949 h 6858000"/>
              <a:gd name="connsiteX5446" fmla="*/ 5345901 w 6858000"/>
              <a:gd name="connsiteY5446" fmla="*/ 787949 h 6858000"/>
              <a:gd name="connsiteX5447" fmla="*/ 5345901 w 6858000"/>
              <a:gd name="connsiteY5447" fmla="*/ 787505 h 6858000"/>
              <a:gd name="connsiteX5448" fmla="*/ 5222400 w 6858000"/>
              <a:gd name="connsiteY5448" fmla="*/ 787505 h 6858000"/>
              <a:gd name="connsiteX5449" fmla="*/ 5222400 w 6858000"/>
              <a:gd name="connsiteY5449" fmla="*/ 787949 h 6858000"/>
              <a:gd name="connsiteX5450" fmla="*/ 5222844 w 6858000"/>
              <a:gd name="connsiteY5450" fmla="*/ 787949 h 6858000"/>
              <a:gd name="connsiteX5451" fmla="*/ 5222844 w 6858000"/>
              <a:gd name="connsiteY5451" fmla="*/ 787505 h 6858000"/>
              <a:gd name="connsiteX5452" fmla="*/ 5099305 w 6858000"/>
              <a:gd name="connsiteY5452" fmla="*/ 787505 h 6858000"/>
              <a:gd name="connsiteX5453" fmla="*/ 5099305 w 6858000"/>
              <a:gd name="connsiteY5453" fmla="*/ 787949 h 6858000"/>
              <a:gd name="connsiteX5454" fmla="*/ 5099749 w 6858000"/>
              <a:gd name="connsiteY5454" fmla="*/ 787949 h 6858000"/>
              <a:gd name="connsiteX5455" fmla="*/ 5099749 w 6858000"/>
              <a:gd name="connsiteY5455" fmla="*/ 787505 h 6858000"/>
              <a:gd name="connsiteX5456" fmla="*/ 4976248 w 6858000"/>
              <a:gd name="connsiteY5456" fmla="*/ 787505 h 6858000"/>
              <a:gd name="connsiteX5457" fmla="*/ 4976248 w 6858000"/>
              <a:gd name="connsiteY5457" fmla="*/ 787949 h 6858000"/>
              <a:gd name="connsiteX5458" fmla="*/ 4976692 w 6858000"/>
              <a:gd name="connsiteY5458" fmla="*/ 787949 h 6858000"/>
              <a:gd name="connsiteX5459" fmla="*/ 4976692 w 6858000"/>
              <a:gd name="connsiteY5459" fmla="*/ 787505 h 6858000"/>
              <a:gd name="connsiteX5460" fmla="*/ 4853191 w 6858000"/>
              <a:gd name="connsiteY5460" fmla="*/ 787505 h 6858000"/>
              <a:gd name="connsiteX5461" fmla="*/ 4853191 w 6858000"/>
              <a:gd name="connsiteY5461" fmla="*/ 787949 h 6858000"/>
              <a:gd name="connsiteX5462" fmla="*/ 4853636 w 6858000"/>
              <a:gd name="connsiteY5462" fmla="*/ 787949 h 6858000"/>
              <a:gd name="connsiteX5463" fmla="*/ 4853636 w 6858000"/>
              <a:gd name="connsiteY5463" fmla="*/ 787505 h 6858000"/>
              <a:gd name="connsiteX5464" fmla="*/ 4730133 w 6858000"/>
              <a:gd name="connsiteY5464" fmla="*/ 787505 h 6858000"/>
              <a:gd name="connsiteX5465" fmla="*/ 4730133 w 6858000"/>
              <a:gd name="connsiteY5465" fmla="*/ 787949 h 6858000"/>
              <a:gd name="connsiteX5466" fmla="*/ 4730578 w 6858000"/>
              <a:gd name="connsiteY5466" fmla="*/ 787949 h 6858000"/>
              <a:gd name="connsiteX5467" fmla="*/ 4730578 w 6858000"/>
              <a:gd name="connsiteY5467" fmla="*/ 787505 h 6858000"/>
              <a:gd name="connsiteX5468" fmla="*/ 4360961 w 6858000"/>
              <a:gd name="connsiteY5468" fmla="*/ 787505 h 6858000"/>
              <a:gd name="connsiteX5469" fmla="*/ 4360961 w 6858000"/>
              <a:gd name="connsiteY5469" fmla="*/ 787949 h 6858000"/>
              <a:gd name="connsiteX5470" fmla="*/ 4361405 w 6858000"/>
              <a:gd name="connsiteY5470" fmla="*/ 787949 h 6858000"/>
              <a:gd name="connsiteX5471" fmla="*/ 4361405 w 6858000"/>
              <a:gd name="connsiteY5471" fmla="*/ 787505 h 6858000"/>
              <a:gd name="connsiteX5472" fmla="*/ 4237904 w 6858000"/>
              <a:gd name="connsiteY5472" fmla="*/ 787505 h 6858000"/>
              <a:gd name="connsiteX5473" fmla="*/ 4237904 w 6858000"/>
              <a:gd name="connsiteY5473" fmla="*/ 787949 h 6858000"/>
              <a:gd name="connsiteX5474" fmla="*/ 4238348 w 6858000"/>
              <a:gd name="connsiteY5474" fmla="*/ 787949 h 6858000"/>
              <a:gd name="connsiteX5475" fmla="*/ 4238348 w 6858000"/>
              <a:gd name="connsiteY5475" fmla="*/ 787505 h 6858000"/>
              <a:gd name="connsiteX5476" fmla="*/ 4114847 w 6858000"/>
              <a:gd name="connsiteY5476" fmla="*/ 787505 h 6858000"/>
              <a:gd name="connsiteX5477" fmla="*/ 4114847 w 6858000"/>
              <a:gd name="connsiteY5477" fmla="*/ 787949 h 6858000"/>
              <a:gd name="connsiteX5478" fmla="*/ 4115291 w 6858000"/>
              <a:gd name="connsiteY5478" fmla="*/ 787949 h 6858000"/>
              <a:gd name="connsiteX5479" fmla="*/ 4115291 w 6858000"/>
              <a:gd name="connsiteY5479" fmla="*/ 787505 h 6858000"/>
              <a:gd name="connsiteX5480" fmla="*/ 3991789 w 6858000"/>
              <a:gd name="connsiteY5480" fmla="*/ 787505 h 6858000"/>
              <a:gd name="connsiteX5481" fmla="*/ 3991789 w 6858000"/>
              <a:gd name="connsiteY5481" fmla="*/ 787949 h 6858000"/>
              <a:gd name="connsiteX5482" fmla="*/ 3992234 w 6858000"/>
              <a:gd name="connsiteY5482" fmla="*/ 787949 h 6858000"/>
              <a:gd name="connsiteX5483" fmla="*/ 3992234 w 6858000"/>
              <a:gd name="connsiteY5483" fmla="*/ 787505 h 6858000"/>
              <a:gd name="connsiteX5484" fmla="*/ 3622173 w 6858000"/>
              <a:gd name="connsiteY5484" fmla="*/ 787098 h 6858000"/>
              <a:gd name="connsiteX5485" fmla="*/ 3622173 w 6858000"/>
              <a:gd name="connsiteY5485" fmla="*/ 788395 h 6858000"/>
              <a:gd name="connsiteX5486" fmla="*/ 3623469 w 6858000"/>
              <a:gd name="connsiteY5486" fmla="*/ 788395 h 6858000"/>
              <a:gd name="connsiteX5487" fmla="*/ 3623469 w 6858000"/>
              <a:gd name="connsiteY5487" fmla="*/ 787098 h 6858000"/>
              <a:gd name="connsiteX5488" fmla="*/ 3498894 w 6858000"/>
              <a:gd name="connsiteY5488" fmla="*/ 786876 h 6858000"/>
              <a:gd name="connsiteX5489" fmla="*/ 3498894 w 6858000"/>
              <a:gd name="connsiteY5489" fmla="*/ 788617 h 6858000"/>
              <a:gd name="connsiteX5490" fmla="*/ 3500634 w 6858000"/>
              <a:gd name="connsiteY5490" fmla="*/ 788617 h 6858000"/>
              <a:gd name="connsiteX5491" fmla="*/ 3500634 w 6858000"/>
              <a:gd name="connsiteY5491" fmla="*/ 786876 h 6858000"/>
              <a:gd name="connsiteX5492" fmla="*/ 3375614 w 6858000"/>
              <a:gd name="connsiteY5492" fmla="*/ 786617 h 6858000"/>
              <a:gd name="connsiteX5493" fmla="*/ 3375614 w 6858000"/>
              <a:gd name="connsiteY5493" fmla="*/ 788802 h 6858000"/>
              <a:gd name="connsiteX5494" fmla="*/ 3377799 w 6858000"/>
              <a:gd name="connsiteY5494" fmla="*/ 788802 h 6858000"/>
              <a:gd name="connsiteX5495" fmla="*/ 3377799 w 6858000"/>
              <a:gd name="connsiteY5495" fmla="*/ 786617 h 6858000"/>
              <a:gd name="connsiteX5496" fmla="*/ 3251890 w 6858000"/>
              <a:gd name="connsiteY5496" fmla="*/ 785988 h 6858000"/>
              <a:gd name="connsiteX5497" fmla="*/ 3251890 w 6858000"/>
              <a:gd name="connsiteY5497" fmla="*/ 789469 h 6858000"/>
              <a:gd name="connsiteX5498" fmla="*/ 3255371 w 6858000"/>
              <a:gd name="connsiteY5498" fmla="*/ 789469 h 6858000"/>
              <a:gd name="connsiteX5499" fmla="*/ 3255371 w 6858000"/>
              <a:gd name="connsiteY5499" fmla="*/ 785988 h 6858000"/>
              <a:gd name="connsiteX5500" fmla="*/ 3128203 w 6858000"/>
              <a:gd name="connsiteY5500" fmla="*/ 785358 h 6858000"/>
              <a:gd name="connsiteX5501" fmla="*/ 3128203 w 6858000"/>
              <a:gd name="connsiteY5501" fmla="*/ 790135 h 6858000"/>
              <a:gd name="connsiteX5502" fmla="*/ 3132980 w 6858000"/>
              <a:gd name="connsiteY5502" fmla="*/ 790135 h 6858000"/>
              <a:gd name="connsiteX5503" fmla="*/ 3132980 w 6858000"/>
              <a:gd name="connsiteY5503" fmla="*/ 785358 h 6858000"/>
              <a:gd name="connsiteX5504" fmla="*/ 3004257 w 6858000"/>
              <a:gd name="connsiteY5504" fmla="*/ 784469 h 6858000"/>
              <a:gd name="connsiteX5505" fmla="*/ 3004257 w 6858000"/>
              <a:gd name="connsiteY5505" fmla="*/ 790987 h 6858000"/>
              <a:gd name="connsiteX5506" fmla="*/ 3010775 w 6858000"/>
              <a:gd name="connsiteY5506" fmla="*/ 790987 h 6858000"/>
              <a:gd name="connsiteX5507" fmla="*/ 3010775 w 6858000"/>
              <a:gd name="connsiteY5507" fmla="*/ 784469 h 6858000"/>
              <a:gd name="connsiteX5508" fmla="*/ 2880126 w 6858000"/>
              <a:gd name="connsiteY5508" fmla="*/ 783359 h 6858000"/>
              <a:gd name="connsiteX5509" fmla="*/ 2880126 w 6858000"/>
              <a:gd name="connsiteY5509" fmla="*/ 792061 h 6858000"/>
              <a:gd name="connsiteX5510" fmla="*/ 2888828 w 6858000"/>
              <a:gd name="connsiteY5510" fmla="*/ 792061 h 6858000"/>
              <a:gd name="connsiteX5511" fmla="*/ 2888828 w 6858000"/>
              <a:gd name="connsiteY5511" fmla="*/ 783359 h 6858000"/>
              <a:gd name="connsiteX5512" fmla="*/ 2755550 w 6858000"/>
              <a:gd name="connsiteY5512" fmla="*/ 781840 h 6858000"/>
              <a:gd name="connsiteX5513" fmla="*/ 2755550 w 6858000"/>
              <a:gd name="connsiteY5513" fmla="*/ 793579 h 6858000"/>
              <a:gd name="connsiteX5514" fmla="*/ 2767289 w 6858000"/>
              <a:gd name="connsiteY5514" fmla="*/ 793579 h 6858000"/>
              <a:gd name="connsiteX5515" fmla="*/ 2767289 w 6858000"/>
              <a:gd name="connsiteY5515" fmla="*/ 781840 h 6858000"/>
              <a:gd name="connsiteX5516" fmla="*/ 2630753 w 6858000"/>
              <a:gd name="connsiteY5516" fmla="*/ 780138 h 6858000"/>
              <a:gd name="connsiteX5517" fmla="*/ 2630753 w 6858000"/>
              <a:gd name="connsiteY5517" fmla="*/ 795321 h 6858000"/>
              <a:gd name="connsiteX5518" fmla="*/ 2645936 w 6858000"/>
              <a:gd name="connsiteY5518" fmla="*/ 795321 h 6858000"/>
              <a:gd name="connsiteX5519" fmla="*/ 2645936 w 6858000"/>
              <a:gd name="connsiteY5519" fmla="*/ 780138 h 6858000"/>
              <a:gd name="connsiteX5520" fmla="*/ 2505510 w 6858000"/>
              <a:gd name="connsiteY5520" fmla="*/ 777952 h 6858000"/>
              <a:gd name="connsiteX5521" fmla="*/ 2505510 w 6858000"/>
              <a:gd name="connsiteY5521" fmla="*/ 797505 h 6858000"/>
              <a:gd name="connsiteX5522" fmla="*/ 2525063 w 6858000"/>
              <a:gd name="connsiteY5522" fmla="*/ 797505 h 6858000"/>
              <a:gd name="connsiteX5523" fmla="*/ 2525063 w 6858000"/>
              <a:gd name="connsiteY5523" fmla="*/ 777952 h 6858000"/>
              <a:gd name="connsiteX5524" fmla="*/ 2380046 w 6858000"/>
              <a:gd name="connsiteY5524" fmla="*/ 775546 h 6858000"/>
              <a:gd name="connsiteX5525" fmla="*/ 2380046 w 6858000"/>
              <a:gd name="connsiteY5525" fmla="*/ 799875 h 6858000"/>
              <a:gd name="connsiteX5526" fmla="*/ 2404376 w 6858000"/>
              <a:gd name="connsiteY5526" fmla="*/ 799875 h 6858000"/>
              <a:gd name="connsiteX5527" fmla="*/ 2404376 w 6858000"/>
              <a:gd name="connsiteY5527" fmla="*/ 775546 h 6858000"/>
              <a:gd name="connsiteX5528" fmla="*/ 2254174 w 6858000"/>
              <a:gd name="connsiteY5528" fmla="*/ 772767 h 6858000"/>
              <a:gd name="connsiteX5529" fmla="*/ 2254174 w 6858000"/>
              <a:gd name="connsiteY5529" fmla="*/ 802727 h 6858000"/>
              <a:gd name="connsiteX5530" fmla="*/ 2284133 w 6858000"/>
              <a:gd name="connsiteY5530" fmla="*/ 802727 h 6858000"/>
              <a:gd name="connsiteX5531" fmla="*/ 2284133 w 6858000"/>
              <a:gd name="connsiteY5531" fmla="*/ 772767 h 6858000"/>
              <a:gd name="connsiteX5532" fmla="*/ 2128080 w 6858000"/>
              <a:gd name="connsiteY5532" fmla="*/ 769731 h 6858000"/>
              <a:gd name="connsiteX5533" fmla="*/ 2128080 w 6858000"/>
              <a:gd name="connsiteY5533" fmla="*/ 805764 h 6858000"/>
              <a:gd name="connsiteX5534" fmla="*/ 2164112 w 6858000"/>
              <a:gd name="connsiteY5534" fmla="*/ 805764 h 6858000"/>
              <a:gd name="connsiteX5535" fmla="*/ 2164112 w 6858000"/>
              <a:gd name="connsiteY5535" fmla="*/ 769731 h 6858000"/>
              <a:gd name="connsiteX5536" fmla="*/ 2001764 w 6858000"/>
              <a:gd name="connsiteY5536" fmla="*/ 766472 h 6858000"/>
              <a:gd name="connsiteX5537" fmla="*/ 2001764 w 6858000"/>
              <a:gd name="connsiteY5537" fmla="*/ 809022 h 6858000"/>
              <a:gd name="connsiteX5538" fmla="*/ 2044314 w 6858000"/>
              <a:gd name="connsiteY5538" fmla="*/ 809022 h 6858000"/>
              <a:gd name="connsiteX5539" fmla="*/ 2044314 w 6858000"/>
              <a:gd name="connsiteY5539" fmla="*/ 766472 h 6858000"/>
              <a:gd name="connsiteX5540" fmla="*/ 1875448 w 6858000"/>
              <a:gd name="connsiteY5540" fmla="*/ 763213 h 6858000"/>
              <a:gd name="connsiteX5541" fmla="*/ 1875448 w 6858000"/>
              <a:gd name="connsiteY5541" fmla="*/ 812281 h 6858000"/>
              <a:gd name="connsiteX5542" fmla="*/ 1924515 w 6858000"/>
              <a:gd name="connsiteY5542" fmla="*/ 812281 h 6858000"/>
              <a:gd name="connsiteX5543" fmla="*/ 1924515 w 6858000"/>
              <a:gd name="connsiteY5543" fmla="*/ 763213 h 6858000"/>
              <a:gd name="connsiteX5544" fmla="*/ 1748910 w 6858000"/>
              <a:gd name="connsiteY5544" fmla="*/ 759733 h 6858000"/>
              <a:gd name="connsiteX5545" fmla="*/ 1748910 w 6858000"/>
              <a:gd name="connsiteY5545" fmla="*/ 815762 h 6858000"/>
              <a:gd name="connsiteX5546" fmla="*/ 1804939 w 6858000"/>
              <a:gd name="connsiteY5546" fmla="*/ 815762 h 6858000"/>
              <a:gd name="connsiteX5547" fmla="*/ 1804939 w 6858000"/>
              <a:gd name="connsiteY5547" fmla="*/ 759733 h 6858000"/>
              <a:gd name="connsiteX5548" fmla="*/ 1622371 w 6858000"/>
              <a:gd name="connsiteY5548" fmla="*/ 756214 h 6858000"/>
              <a:gd name="connsiteX5549" fmla="*/ 1622371 w 6858000"/>
              <a:gd name="connsiteY5549" fmla="*/ 819206 h 6858000"/>
              <a:gd name="connsiteX5550" fmla="*/ 1685362 w 6858000"/>
              <a:gd name="connsiteY5550" fmla="*/ 819206 h 6858000"/>
              <a:gd name="connsiteX5551" fmla="*/ 1685362 w 6858000"/>
              <a:gd name="connsiteY5551" fmla="*/ 756214 h 6858000"/>
              <a:gd name="connsiteX5552" fmla="*/ 1495833 w 6858000"/>
              <a:gd name="connsiteY5552" fmla="*/ 752771 h 6858000"/>
              <a:gd name="connsiteX5553" fmla="*/ 1495833 w 6858000"/>
              <a:gd name="connsiteY5553" fmla="*/ 822687 h 6858000"/>
              <a:gd name="connsiteX5554" fmla="*/ 1565749 w 6858000"/>
              <a:gd name="connsiteY5554" fmla="*/ 822687 h 6858000"/>
              <a:gd name="connsiteX5555" fmla="*/ 1565749 w 6858000"/>
              <a:gd name="connsiteY5555" fmla="*/ 752771 h 6858000"/>
              <a:gd name="connsiteX5556" fmla="*/ 1369295 w 6858000"/>
              <a:gd name="connsiteY5556" fmla="*/ 749289 h 6858000"/>
              <a:gd name="connsiteX5557" fmla="*/ 1369295 w 6858000"/>
              <a:gd name="connsiteY5557" fmla="*/ 826168 h 6858000"/>
              <a:gd name="connsiteX5558" fmla="*/ 1446174 w 6858000"/>
              <a:gd name="connsiteY5558" fmla="*/ 826168 h 6858000"/>
              <a:gd name="connsiteX5559" fmla="*/ 1446174 w 6858000"/>
              <a:gd name="connsiteY5559" fmla="*/ 749289 h 6858000"/>
              <a:gd name="connsiteX5560" fmla="*/ 1242978 w 6858000"/>
              <a:gd name="connsiteY5560" fmla="*/ 746031 h 6858000"/>
              <a:gd name="connsiteX5561" fmla="*/ 1242978 w 6858000"/>
              <a:gd name="connsiteY5561" fmla="*/ 829427 h 6858000"/>
              <a:gd name="connsiteX5562" fmla="*/ 1326374 w 6858000"/>
              <a:gd name="connsiteY5562" fmla="*/ 829427 h 6858000"/>
              <a:gd name="connsiteX5563" fmla="*/ 1326374 w 6858000"/>
              <a:gd name="connsiteY5563" fmla="*/ 746031 h 6858000"/>
              <a:gd name="connsiteX5564" fmla="*/ 1117107 w 6858000"/>
              <a:gd name="connsiteY5564" fmla="*/ 743217 h 6858000"/>
              <a:gd name="connsiteX5565" fmla="*/ 1117107 w 6858000"/>
              <a:gd name="connsiteY5565" fmla="*/ 832242 h 6858000"/>
              <a:gd name="connsiteX5566" fmla="*/ 1206132 w 6858000"/>
              <a:gd name="connsiteY5566" fmla="*/ 832242 h 6858000"/>
              <a:gd name="connsiteX5567" fmla="*/ 1206132 w 6858000"/>
              <a:gd name="connsiteY5567" fmla="*/ 743217 h 6858000"/>
              <a:gd name="connsiteX5568" fmla="*/ 991198 w 6858000"/>
              <a:gd name="connsiteY5568" fmla="*/ 740365 h 6858000"/>
              <a:gd name="connsiteX5569" fmla="*/ 991198 w 6858000"/>
              <a:gd name="connsiteY5569" fmla="*/ 835057 h 6858000"/>
              <a:gd name="connsiteX5570" fmla="*/ 1085889 w 6858000"/>
              <a:gd name="connsiteY5570" fmla="*/ 835057 h 6858000"/>
              <a:gd name="connsiteX5571" fmla="*/ 1085889 w 6858000"/>
              <a:gd name="connsiteY5571" fmla="*/ 740365 h 6858000"/>
              <a:gd name="connsiteX5572" fmla="*/ 865993 w 6858000"/>
              <a:gd name="connsiteY5572" fmla="*/ 738217 h 6858000"/>
              <a:gd name="connsiteX5573" fmla="*/ 865993 w 6858000"/>
              <a:gd name="connsiteY5573" fmla="*/ 837242 h 6858000"/>
              <a:gd name="connsiteX5574" fmla="*/ 965017 w 6858000"/>
              <a:gd name="connsiteY5574" fmla="*/ 837242 h 6858000"/>
              <a:gd name="connsiteX5575" fmla="*/ 965017 w 6858000"/>
              <a:gd name="connsiteY5575" fmla="*/ 738217 h 6858000"/>
              <a:gd name="connsiteX5576" fmla="*/ 740973 w 6858000"/>
              <a:gd name="connsiteY5576" fmla="*/ 736255 h 6858000"/>
              <a:gd name="connsiteX5577" fmla="*/ 740973 w 6858000"/>
              <a:gd name="connsiteY5577" fmla="*/ 839205 h 6858000"/>
              <a:gd name="connsiteX5578" fmla="*/ 843922 w 6858000"/>
              <a:gd name="connsiteY5578" fmla="*/ 839205 h 6858000"/>
              <a:gd name="connsiteX5579" fmla="*/ 843922 w 6858000"/>
              <a:gd name="connsiteY5579" fmla="*/ 736255 h 6858000"/>
              <a:gd name="connsiteX5580" fmla="*/ 616397 w 6858000"/>
              <a:gd name="connsiteY5580" fmla="*/ 734737 h 6858000"/>
              <a:gd name="connsiteX5581" fmla="*/ 616397 w 6858000"/>
              <a:gd name="connsiteY5581" fmla="*/ 840722 h 6858000"/>
              <a:gd name="connsiteX5582" fmla="*/ 722383 w 6858000"/>
              <a:gd name="connsiteY5582" fmla="*/ 840722 h 6858000"/>
              <a:gd name="connsiteX5583" fmla="*/ 722383 w 6858000"/>
              <a:gd name="connsiteY5583" fmla="*/ 734737 h 6858000"/>
              <a:gd name="connsiteX5584" fmla="*/ 492229 w 6858000"/>
              <a:gd name="connsiteY5584" fmla="*/ 733663 h 6858000"/>
              <a:gd name="connsiteX5585" fmla="*/ 492229 w 6858000"/>
              <a:gd name="connsiteY5585" fmla="*/ 841796 h 6858000"/>
              <a:gd name="connsiteX5586" fmla="*/ 600362 w 6858000"/>
              <a:gd name="connsiteY5586" fmla="*/ 841796 h 6858000"/>
              <a:gd name="connsiteX5587" fmla="*/ 600362 w 6858000"/>
              <a:gd name="connsiteY5587" fmla="*/ 733663 h 6858000"/>
              <a:gd name="connsiteX5588" fmla="*/ 368542 w 6858000"/>
              <a:gd name="connsiteY5588" fmla="*/ 732996 h 6858000"/>
              <a:gd name="connsiteX5589" fmla="*/ 368542 w 6858000"/>
              <a:gd name="connsiteY5589" fmla="*/ 842463 h 6858000"/>
              <a:gd name="connsiteX5590" fmla="*/ 478009 w 6858000"/>
              <a:gd name="connsiteY5590" fmla="*/ 842463 h 6858000"/>
              <a:gd name="connsiteX5591" fmla="*/ 478009 w 6858000"/>
              <a:gd name="connsiteY5591" fmla="*/ 732996 h 6858000"/>
              <a:gd name="connsiteX5592" fmla="*/ 245040 w 6858000"/>
              <a:gd name="connsiteY5592" fmla="*/ 732588 h 6858000"/>
              <a:gd name="connsiteX5593" fmla="*/ 245040 w 6858000"/>
              <a:gd name="connsiteY5593" fmla="*/ 842907 h 6858000"/>
              <a:gd name="connsiteX5594" fmla="*/ 355358 w 6858000"/>
              <a:gd name="connsiteY5594" fmla="*/ 842907 h 6858000"/>
              <a:gd name="connsiteX5595" fmla="*/ 355358 w 6858000"/>
              <a:gd name="connsiteY5595" fmla="*/ 732588 h 6858000"/>
              <a:gd name="connsiteX5596" fmla="*/ 121761 w 6858000"/>
              <a:gd name="connsiteY5596" fmla="*/ 732330 h 6858000"/>
              <a:gd name="connsiteX5597" fmla="*/ 121761 w 6858000"/>
              <a:gd name="connsiteY5597" fmla="*/ 843093 h 6858000"/>
              <a:gd name="connsiteX5598" fmla="*/ 232524 w 6858000"/>
              <a:gd name="connsiteY5598" fmla="*/ 843093 h 6858000"/>
              <a:gd name="connsiteX5599" fmla="*/ 232524 w 6858000"/>
              <a:gd name="connsiteY5599" fmla="*/ 732330 h 6858000"/>
              <a:gd name="connsiteX5600" fmla="*/ 3991789 w 6858000"/>
              <a:gd name="connsiteY5600" fmla="*/ 664446 h 6858000"/>
              <a:gd name="connsiteX5601" fmla="*/ 3991789 w 6858000"/>
              <a:gd name="connsiteY5601" fmla="*/ 664890 h 6858000"/>
              <a:gd name="connsiteX5602" fmla="*/ 3992234 w 6858000"/>
              <a:gd name="connsiteY5602" fmla="*/ 664890 h 6858000"/>
              <a:gd name="connsiteX5603" fmla="*/ 3992234 w 6858000"/>
              <a:gd name="connsiteY5603" fmla="*/ 664446 h 6858000"/>
              <a:gd name="connsiteX5604" fmla="*/ 3868732 w 6858000"/>
              <a:gd name="connsiteY5604" fmla="*/ 664446 h 6858000"/>
              <a:gd name="connsiteX5605" fmla="*/ 3868732 w 6858000"/>
              <a:gd name="connsiteY5605" fmla="*/ 664890 h 6858000"/>
              <a:gd name="connsiteX5606" fmla="*/ 3869176 w 6858000"/>
              <a:gd name="connsiteY5606" fmla="*/ 664890 h 6858000"/>
              <a:gd name="connsiteX5607" fmla="*/ 3869176 w 6858000"/>
              <a:gd name="connsiteY5607" fmla="*/ 664446 h 6858000"/>
              <a:gd name="connsiteX5608" fmla="*/ 5714629 w 6858000"/>
              <a:gd name="connsiteY5608" fmla="*/ 664445 h 6858000"/>
              <a:gd name="connsiteX5609" fmla="*/ 5714629 w 6858000"/>
              <a:gd name="connsiteY5609" fmla="*/ 664889 h 6858000"/>
              <a:gd name="connsiteX5610" fmla="*/ 5715073 w 6858000"/>
              <a:gd name="connsiteY5610" fmla="*/ 664889 h 6858000"/>
              <a:gd name="connsiteX5611" fmla="*/ 5715073 w 6858000"/>
              <a:gd name="connsiteY5611" fmla="*/ 664445 h 6858000"/>
              <a:gd name="connsiteX5612" fmla="*/ 5591572 w 6858000"/>
              <a:gd name="connsiteY5612" fmla="*/ 664445 h 6858000"/>
              <a:gd name="connsiteX5613" fmla="*/ 5591572 w 6858000"/>
              <a:gd name="connsiteY5613" fmla="*/ 664889 h 6858000"/>
              <a:gd name="connsiteX5614" fmla="*/ 5592017 w 6858000"/>
              <a:gd name="connsiteY5614" fmla="*/ 664889 h 6858000"/>
              <a:gd name="connsiteX5615" fmla="*/ 5592017 w 6858000"/>
              <a:gd name="connsiteY5615" fmla="*/ 664445 h 6858000"/>
              <a:gd name="connsiteX5616" fmla="*/ 5468514 w 6858000"/>
              <a:gd name="connsiteY5616" fmla="*/ 664445 h 6858000"/>
              <a:gd name="connsiteX5617" fmla="*/ 5468514 w 6858000"/>
              <a:gd name="connsiteY5617" fmla="*/ 664889 h 6858000"/>
              <a:gd name="connsiteX5618" fmla="*/ 5468958 w 6858000"/>
              <a:gd name="connsiteY5618" fmla="*/ 664889 h 6858000"/>
              <a:gd name="connsiteX5619" fmla="*/ 5468958 w 6858000"/>
              <a:gd name="connsiteY5619" fmla="*/ 664445 h 6858000"/>
              <a:gd name="connsiteX5620" fmla="*/ 5345457 w 6858000"/>
              <a:gd name="connsiteY5620" fmla="*/ 664445 h 6858000"/>
              <a:gd name="connsiteX5621" fmla="*/ 5345457 w 6858000"/>
              <a:gd name="connsiteY5621" fmla="*/ 664889 h 6858000"/>
              <a:gd name="connsiteX5622" fmla="*/ 5345901 w 6858000"/>
              <a:gd name="connsiteY5622" fmla="*/ 664889 h 6858000"/>
              <a:gd name="connsiteX5623" fmla="*/ 5345901 w 6858000"/>
              <a:gd name="connsiteY5623" fmla="*/ 664445 h 6858000"/>
              <a:gd name="connsiteX5624" fmla="*/ 5222400 w 6858000"/>
              <a:gd name="connsiteY5624" fmla="*/ 664445 h 6858000"/>
              <a:gd name="connsiteX5625" fmla="*/ 5222400 w 6858000"/>
              <a:gd name="connsiteY5625" fmla="*/ 664889 h 6858000"/>
              <a:gd name="connsiteX5626" fmla="*/ 5222844 w 6858000"/>
              <a:gd name="connsiteY5626" fmla="*/ 664889 h 6858000"/>
              <a:gd name="connsiteX5627" fmla="*/ 5222844 w 6858000"/>
              <a:gd name="connsiteY5627" fmla="*/ 664445 h 6858000"/>
              <a:gd name="connsiteX5628" fmla="*/ 5099305 w 6858000"/>
              <a:gd name="connsiteY5628" fmla="*/ 664445 h 6858000"/>
              <a:gd name="connsiteX5629" fmla="*/ 5099305 w 6858000"/>
              <a:gd name="connsiteY5629" fmla="*/ 664889 h 6858000"/>
              <a:gd name="connsiteX5630" fmla="*/ 5099749 w 6858000"/>
              <a:gd name="connsiteY5630" fmla="*/ 664889 h 6858000"/>
              <a:gd name="connsiteX5631" fmla="*/ 5099749 w 6858000"/>
              <a:gd name="connsiteY5631" fmla="*/ 664445 h 6858000"/>
              <a:gd name="connsiteX5632" fmla="*/ 4976248 w 6858000"/>
              <a:gd name="connsiteY5632" fmla="*/ 664445 h 6858000"/>
              <a:gd name="connsiteX5633" fmla="*/ 4976248 w 6858000"/>
              <a:gd name="connsiteY5633" fmla="*/ 664889 h 6858000"/>
              <a:gd name="connsiteX5634" fmla="*/ 4976692 w 6858000"/>
              <a:gd name="connsiteY5634" fmla="*/ 664889 h 6858000"/>
              <a:gd name="connsiteX5635" fmla="*/ 4976692 w 6858000"/>
              <a:gd name="connsiteY5635" fmla="*/ 664445 h 6858000"/>
              <a:gd name="connsiteX5636" fmla="*/ 4853191 w 6858000"/>
              <a:gd name="connsiteY5636" fmla="*/ 664445 h 6858000"/>
              <a:gd name="connsiteX5637" fmla="*/ 4853191 w 6858000"/>
              <a:gd name="connsiteY5637" fmla="*/ 664889 h 6858000"/>
              <a:gd name="connsiteX5638" fmla="*/ 4853636 w 6858000"/>
              <a:gd name="connsiteY5638" fmla="*/ 664889 h 6858000"/>
              <a:gd name="connsiteX5639" fmla="*/ 4853636 w 6858000"/>
              <a:gd name="connsiteY5639" fmla="*/ 664445 h 6858000"/>
              <a:gd name="connsiteX5640" fmla="*/ 4730133 w 6858000"/>
              <a:gd name="connsiteY5640" fmla="*/ 664445 h 6858000"/>
              <a:gd name="connsiteX5641" fmla="*/ 4730133 w 6858000"/>
              <a:gd name="connsiteY5641" fmla="*/ 664889 h 6858000"/>
              <a:gd name="connsiteX5642" fmla="*/ 4730578 w 6858000"/>
              <a:gd name="connsiteY5642" fmla="*/ 664889 h 6858000"/>
              <a:gd name="connsiteX5643" fmla="*/ 4730578 w 6858000"/>
              <a:gd name="connsiteY5643" fmla="*/ 664445 h 6858000"/>
              <a:gd name="connsiteX5644" fmla="*/ 4360961 w 6858000"/>
              <a:gd name="connsiteY5644" fmla="*/ 664445 h 6858000"/>
              <a:gd name="connsiteX5645" fmla="*/ 4360961 w 6858000"/>
              <a:gd name="connsiteY5645" fmla="*/ 664889 h 6858000"/>
              <a:gd name="connsiteX5646" fmla="*/ 4361405 w 6858000"/>
              <a:gd name="connsiteY5646" fmla="*/ 664889 h 6858000"/>
              <a:gd name="connsiteX5647" fmla="*/ 4361405 w 6858000"/>
              <a:gd name="connsiteY5647" fmla="*/ 664445 h 6858000"/>
              <a:gd name="connsiteX5648" fmla="*/ 4237904 w 6858000"/>
              <a:gd name="connsiteY5648" fmla="*/ 664445 h 6858000"/>
              <a:gd name="connsiteX5649" fmla="*/ 4237904 w 6858000"/>
              <a:gd name="connsiteY5649" fmla="*/ 664890 h 6858000"/>
              <a:gd name="connsiteX5650" fmla="*/ 4238348 w 6858000"/>
              <a:gd name="connsiteY5650" fmla="*/ 664890 h 6858000"/>
              <a:gd name="connsiteX5651" fmla="*/ 4238348 w 6858000"/>
              <a:gd name="connsiteY5651" fmla="*/ 664445 h 6858000"/>
              <a:gd name="connsiteX5652" fmla="*/ 4114847 w 6858000"/>
              <a:gd name="connsiteY5652" fmla="*/ 664445 h 6858000"/>
              <a:gd name="connsiteX5653" fmla="*/ 4114847 w 6858000"/>
              <a:gd name="connsiteY5653" fmla="*/ 664890 h 6858000"/>
              <a:gd name="connsiteX5654" fmla="*/ 4115291 w 6858000"/>
              <a:gd name="connsiteY5654" fmla="*/ 664890 h 6858000"/>
              <a:gd name="connsiteX5655" fmla="*/ 4115291 w 6858000"/>
              <a:gd name="connsiteY5655" fmla="*/ 664445 h 6858000"/>
              <a:gd name="connsiteX5656" fmla="*/ 3745453 w 6858000"/>
              <a:gd name="connsiteY5656" fmla="*/ 664260 h 6858000"/>
              <a:gd name="connsiteX5657" fmla="*/ 3745453 w 6858000"/>
              <a:gd name="connsiteY5657" fmla="*/ 665112 h 6858000"/>
              <a:gd name="connsiteX5658" fmla="*/ 3746305 w 6858000"/>
              <a:gd name="connsiteY5658" fmla="*/ 665112 h 6858000"/>
              <a:gd name="connsiteX5659" fmla="*/ 3746305 w 6858000"/>
              <a:gd name="connsiteY5659" fmla="*/ 664260 h 6858000"/>
              <a:gd name="connsiteX5660" fmla="*/ 3622173 w 6858000"/>
              <a:gd name="connsiteY5660" fmla="*/ 664038 h 6858000"/>
              <a:gd name="connsiteX5661" fmla="*/ 3622173 w 6858000"/>
              <a:gd name="connsiteY5661" fmla="*/ 665334 h 6858000"/>
              <a:gd name="connsiteX5662" fmla="*/ 3623469 w 6858000"/>
              <a:gd name="connsiteY5662" fmla="*/ 665334 h 6858000"/>
              <a:gd name="connsiteX5663" fmla="*/ 3623469 w 6858000"/>
              <a:gd name="connsiteY5663" fmla="*/ 664038 h 6858000"/>
              <a:gd name="connsiteX5664" fmla="*/ 3498894 w 6858000"/>
              <a:gd name="connsiteY5664" fmla="*/ 663779 h 6858000"/>
              <a:gd name="connsiteX5665" fmla="*/ 3498894 w 6858000"/>
              <a:gd name="connsiteY5665" fmla="*/ 665520 h 6858000"/>
              <a:gd name="connsiteX5666" fmla="*/ 3500634 w 6858000"/>
              <a:gd name="connsiteY5666" fmla="*/ 665520 h 6858000"/>
              <a:gd name="connsiteX5667" fmla="*/ 3500634 w 6858000"/>
              <a:gd name="connsiteY5667" fmla="*/ 663779 h 6858000"/>
              <a:gd name="connsiteX5668" fmla="*/ 3375392 w 6858000"/>
              <a:gd name="connsiteY5668" fmla="*/ 663372 h 6858000"/>
              <a:gd name="connsiteX5669" fmla="*/ 3375392 w 6858000"/>
              <a:gd name="connsiteY5669" fmla="*/ 665964 h 6858000"/>
              <a:gd name="connsiteX5670" fmla="*/ 3377984 w 6858000"/>
              <a:gd name="connsiteY5670" fmla="*/ 665964 h 6858000"/>
              <a:gd name="connsiteX5671" fmla="*/ 3377984 w 6858000"/>
              <a:gd name="connsiteY5671" fmla="*/ 663372 h 6858000"/>
              <a:gd name="connsiteX5672" fmla="*/ 3251668 w 6858000"/>
              <a:gd name="connsiteY5672" fmla="*/ 662705 h 6858000"/>
              <a:gd name="connsiteX5673" fmla="*/ 3251668 w 6858000"/>
              <a:gd name="connsiteY5673" fmla="*/ 666631 h 6858000"/>
              <a:gd name="connsiteX5674" fmla="*/ 3255593 w 6858000"/>
              <a:gd name="connsiteY5674" fmla="*/ 666631 h 6858000"/>
              <a:gd name="connsiteX5675" fmla="*/ 3255593 w 6858000"/>
              <a:gd name="connsiteY5675" fmla="*/ 662705 h 6858000"/>
              <a:gd name="connsiteX5676" fmla="*/ 3127759 w 6858000"/>
              <a:gd name="connsiteY5676" fmla="*/ 661853 h 6858000"/>
              <a:gd name="connsiteX5677" fmla="*/ 3127759 w 6858000"/>
              <a:gd name="connsiteY5677" fmla="*/ 667482 h 6858000"/>
              <a:gd name="connsiteX5678" fmla="*/ 3133388 w 6858000"/>
              <a:gd name="connsiteY5678" fmla="*/ 667482 h 6858000"/>
              <a:gd name="connsiteX5679" fmla="*/ 3133388 w 6858000"/>
              <a:gd name="connsiteY5679" fmla="*/ 661853 h 6858000"/>
              <a:gd name="connsiteX5680" fmla="*/ 3003813 w 6858000"/>
              <a:gd name="connsiteY5680" fmla="*/ 661002 h 6858000"/>
              <a:gd name="connsiteX5681" fmla="*/ 3003813 w 6858000"/>
              <a:gd name="connsiteY5681" fmla="*/ 668371 h 6858000"/>
              <a:gd name="connsiteX5682" fmla="*/ 3011182 w 6858000"/>
              <a:gd name="connsiteY5682" fmla="*/ 668371 h 6858000"/>
              <a:gd name="connsiteX5683" fmla="*/ 3011182 w 6858000"/>
              <a:gd name="connsiteY5683" fmla="*/ 661002 h 6858000"/>
              <a:gd name="connsiteX5684" fmla="*/ 2879459 w 6858000"/>
              <a:gd name="connsiteY5684" fmla="*/ 659668 h 6858000"/>
              <a:gd name="connsiteX5685" fmla="*/ 2879459 w 6858000"/>
              <a:gd name="connsiteY5685" fmla="*/ 669667 h 6858000"/>
              <a:gd name="connsiteX5686" fmla="*/ 2889458 w 6858000"/>
              <a:gd name="connsiteY5686" fmla="*/ 669667 h 6858000"/>
              <a:gd name="connsiteX5687" fmla="*/ 2889458 w 6858000"/>
              <a:gd name="connsiteY5687" fmla="*/ 659668 h 6858000"/>
              <a:gd name="connsiteX5688" fmla="*/ 2754884 w 6858000"/>
              <a:gd name="connsiteY5688" fmla="*/ 658151 h 6858000"/>
              <a:gd name="connsiteX5689" fmla="*/ 2754884 w 6858000"/>
              <a:gd name="connsiteY5689" fmla="*/ 671186 h 6858000"/>
              <a:gd name="connsiteX5690" fmla="*/ 2767919 w 6858000"/>
              <a:gd name="connsiteY5690" fmla="*/ 671186 h 6858000"/>
              <a:gd name="connsiteX5691" fmla="*/ 2767919 w 6858000"/>
              <a:gd name="connsiteY5691" fmla="*/ 658151 h 6858000"/>
              <a:gd name="connsiteX5692" fmla="*/ 2630086 w 6858000"/>
              <a:gd name="connsiteY5692" fmla="*/ 656410 h 6858000"/>
              <a:gd name="connsiteX5693" fmla="*/ 2630086 w 6858000"/>
              <a:gd name="connsiteY5693" fmla="*/ 672926 h 6858000"/>
              <a:gd name="connsiteX5694" fmla="*/ 2646602 w 6858000"/>
              <a:gd name="connsiteY5694" fmla="*/ 672926 h 6858000"/>
              <a:gd name="connsiteX5695" fmla="*/ 2646602 w 6858000"/>
              <a:gd name="connsiteY5695" fmla="*/ 656410 h 6858000"/>
              <a:gd name="connsiteX5696" fmla="*/ 2504844 w 6858000"/>
              <a:gd name="connsiteY5696" fmla="*/ 654225 h 6858000"/>
              <a:gd name="connsiteX5697" fmla="*/ 2504844 w 6858000"/>
              <a:gd name="connsiteY5697" fmla="*/ 675074 h 6858000"/>
              <a:gd name="connsiteX5698" fmla="*/ 2525693 w 6858000"/>
              <a:gd name="connsiteY5698" fmla="*/ 675074 h 6858000"/>
              <a:gd name="connsiteX5699" fmla="*/ 2525693 w 6858000"/>
              <a:gd name="connsiteY5699" fmla="*/ 654225 h 6858000"/>
              <a:gd name="connsiteX5700" fmla="*/ 2379416 w 6858000"/>
              <a:gd name="connsiteY5700" fmla="*/ 651854 h 6858000"/>
              <a:gd name="connsiteX5701" fmla="*/ 2379416 w 6858000"/>
              <a:gd name="connsiteY5701" fmla="*/ 677481 h 6858000"/>
              <a:gd name="connsiteX5702" fmla="*/ 2405042 w 6858000"/>
              <a:gd name="connsiteY5702" fmla="*/ 677481 h 6858000"/>
              <a:gd name="connsiteX5703" fmla="*/ 2405042 w 6858000"/>
              <a:gd name="connsiteY5703" fmla="*/ 651854 h 6858000"/>
              <a:gd name="connsiteX5704" fmla="*/ 2253508 w 6858000"/>
              <a:gd name="connsiteY5704" fmla="*/ 649041 h 6858000"/>
              <a:gd name="connsiteX5705" fmla="*/ 2253508 w 6858000"/>
              <a:gd name="connsiteY5705" fmla="*/ 680296 h 6858000"/>
              <a:gd name="connsiteX5706" fmla="*/ 2284763 w 6858000"/>
              <a:gd name="connsiteY5706" fmla="*/ 680296 h 6858000"/>
              <a:gd name="connsiteX5707" fmla="*/ 2284763 w 6858000"/>
              <a:gd name="connsiteY5707" fmla="*/ 649041 h 6858000"/>
              <a:gd name="connsiteX5708" fmla="*/ 2127414 w 6858000"/>
              <a:gd name="connsiteY5708" fmla="*/ 645967 h 6858000"/>
              <a:gd name="connsiteX5709" fmla="*/ 2127414 w 6858000"/>
              <a:gd name="connsiteY5709" fmla="*/ 683332 h 6858000"/>
              <a:gd name="connsiteX5710" fmla="*/ 2164779 w 6858000"/>
              <a:gd name="connsiteY5710" fmla="*/ 683332 h 6858000"/>
              <a:gd name="connsiteX5711" fmla="*/ 2164779 w 6858000"/>
              <a:gd name="connsiteY5711" fmla="*/ 645967 h 6858000"/>
              <a:gd name="connsiteX5712" fmla="*/ 2001320 w 6858000"/>
              <a:gd name="connsiteY5712" fmla="*/ 642931 h 6858000"/>
              <a:gd name="connsiteX5713" fmla="*/ 2001320 w 6858000"/>
              <a:gd name="connsiteY5713" fmla="*/ 686369 h 6858000"/>
              <a:gd name="connsiteX5714" fmla="*/ 2044758 w 6858000"/>
              <a:gd name="connsiteY5714" fmla="*/ 686369 h 6858000"/>
              <a:gd name="connsiteX5715" fmla="*/ 2044758 w 6858000"/>
              <a:gd name="connsiteY5715" fmla="*/ 642931 h 6858000"/>
              <a:gd name="connsiteX5716" fmla="*/ 1875004 w 6858000"/>
              <a:gd name="connsiteY5716" fmla="*/ 639672 h 6858000"/>
              <a:gd name="connsiteX5717" fmla="*/ 1875004 w 6858000"/>
              <a:gd name="connsiteY5717" fmla="*/ 689628 h 6858000"/>
              <a:gd name="connsiteX5718" fmla="*/ 1924960 w 6858000"/>
              <a:gd name="connsiteY5718" fmla="*/ 689628 h 6858000"/>
              <a:gd name="connsiteX5719" fmla="*/ 1924960 w 6858000"/>
              <a:gd name="connsiteY5719" fmla="*/ 639672 h 6858000"/>
              <a:gd name="connsiteX5720" fmla="*/ 1748465 w 6858000"/>
              <a:gd name="connsiteY5720" fmla="*/ 636228 h 6858000"/>
              <a:gd name="connsiteX5721" fmla="*/ 1748465 w 6858000"/>
              <a:gd name="connsiteY5721" fmla="*/ 693109 h 6858000"/>
              <a:gd name="connsiteX5722" fmla="*/ 1805346 w 6858000"/>
              <a:gd name="connsiteY5722" fmla="*/ 693109 h 6858000"/>
              <a:gd name="connsiteX5723" fmla="*/ 1805346 w 6858000"/>
              <a:gd name="connsiteY5723" fmla="*/ 636228 h 6858000"/>
              <a:gd name="connsiteX5724" fmla="*/ 1622149 w 6858000"/>
              <a:gd name="connsiteY5724" fmla="*/ 632969 h 6858000"/>
              <a:gd name="connsiteX5725" fmla="*/ 1622149 w 6858000"/>
              <a:gd name="connsiteY5725" fmla="*/ 696368 h 6858000"/>
              <a:gd name="connsiteX5726" fmla="*/ 1685548 w 6858000"/>
              <a:gd name="connsiteY5726" fmla="*/ 696368 h 6858000"/>
              <a:gd name="connsiteX5727" fmla="*/ 1685548 w 6858000"/>
              <a:gd name="connsiteY5727" fmla="*/ 632969 h 6858000"/>
              <a:gd name="connsiteX5728" fmla="*/ 1495611 w 6858000"/>
              <a:gd name="connsiteY5728" fmla="*/ 629488 h 6858000"/>
              <a:gd name="connsiteX5729" fmla="*/ 1495611 w 6858000"/>
              <a:gd name="connsiteY5729" fmla="*/ 699849 h 6858000"/>
              <a:gd name="connsiteX5730" fmla="*/ 1565972 w 6858000"/>
              <a:gd name="connsiteY5730" fmla="*/ 699849 h 6858000"/>
              <a:gd name="connsiteX5731" fmla="*/ 1565972 w 6858000"/>
              <a:gd name="connsiteY5731" fmla="*/ 629488 h 6858000"/>
              <a:gd name="connsiteX5732" fmla="*/ 1369295 w 6858000"/>
              <a:gd name="connsiteY5732" fmla="*/ 626229 h 6858000"/>
              <a:gd name="connsiteX5733" fmla="*/ 1369295 w 6858000"/>
              <a:gd name="connsiteY5733" fmla="*/ 703108 h 6858000"/>
              <a:gd name="connsiteX5734" fmla="*/ 1446174 w 6858000"/>
              <a:gd name="connsiteY5734" fmla="*/ 703108 h 6858000"/>
              <a:gd name="connsiteX5735" fmla="*/ 1446174 w 6858000"/>
              <a:gd name="connsiteY5735" fmla="*/ 626229 h 6858000"/>
              <a:gd name="connsiteX5736" fmla="*/ 1243201 w 6858000"/>
              <a:gd name="connsiteY5736" fmla="*/ 623193 h 6858000"/>
              <a:gd name="connsiteX5737" fmla="*/ 1243201 w 6858000"/>
              <a:gd name="connsiteY5737" fmla="*/ 706145 h 6858000"/>
              <a:gd name="connsiteX5738" fmla="*/ 1326153 w 6858000"/>
              <a:gd name="connsiteY5738" fmla="*/ 706145 h 6858000"/>
              <a:gd name="connsiteX5739" fmla="*/ 1326153 w 6858000"/>
              <a:gd name="connsiteY5739" fmla="*/ 623193 h 6858000"/>
              <a:gd name="connsiteX5740" fmla="*/ 1117329 w 6858000"/>
              <a:gd name="connsiteY5740" fmla="*/ 620341 h 6858000"/>
              <a:gd name="connsiteX5741" fmla="*/ 1117329 w 6858000"/>
              <a:gd name="connsiteY5741" fmla="*/ 708959 h 6858000"/>
              <a:gd name="connsiteX5742" fmla="*/ 1205947 w 6858000"/>
              <a:gd name="connsiteY5742" fmla="*/ 708959 h 6858000"/>
              <a:gd name="connsiteX5743" fmla="*/ 1205947 w 6858000"/>
              <a:gd name="connsiteY5743" fmla="*/ 620341 h 6858000"/>
              <a:gd name="connsiteX5744" fmla="*/ 991642 w 6858000"/>
              <a:gd name="connsiteY5744" fmla="*/ 617786 h 6858000"/>
              <a:gd name="connsiteX5745" fmla="*/ 991642 w 6858000"/>
              <a:gd name="connsiteY5745" fmla="*/ 711588 h 6858000"/>
              <a:gd name="connsiteX5746" fmla="*/ 1085444 w 6858000"/>
              <a:gd name="connsiteY5746" fmla="*/ 711588 h 6858000"/>
              <a:gd name="connsiteX5747" fmla="*/ 1085444 w 6858000"/>
              <a:gd name="connsiteY5747" fmla="*/ 617786 h 6858000"/>
              <a:gd name="connsiteX5748" fmla="*/ 866215 w 6858000"/>
              <a:gd name="connsiteY5748" fmla="*/ 615380 h 6858000"/>
              <a:gd name="connsiteX5749" fmla="*/ 866215 w 6858000"/>
              <a:gd name="connsiteY5749" fmla="*/ 713959 h 6858000"/>
              <a:gd name="connsiteX5750" fmla="*/ 964794 w 6858000"/>
              <a:gd name="connsiteY5750" fmla="*/ 713959 h 6858000"/>
              <a:gd name="connsiteX5751" fmla="*/ 964794 w 6858000"/>
              <a:gd name="connsiteY5751" fmla="*/ 615380 h 6858000"/>
              <a:gd name="connsiteX5752" fmla="*/ 741417 w 6858000"/>
              <a:gd name="connsiteY5752" fmla="*/ 613639 h 6858000"/>
              <a:gd name="connsiteX5753" fmla="*/ 741417 w 6858000"/>
              <a:gd name="connsiteY5753" fmla="*/ 715699 h 6858000"/>
              <a:gd name="connsiteX5754" fmla="*/ 843477 w 6858000"/>
              <a:gd name="connsiteY5754" fmla="*/ 715699 h 6858000"/>
              <a:gd name="connsiteX5755" fmla="*/ 843477 w 6858000"/>
              <a:gd name="connsiteY5755" fmla="*/ 613639 h 6858000"/>
              <a:gd name="connsiteX5756" fmla="*/ 616804 w 6858000"/>
              <a:gd name="connsiteY5756" fmla="*/ 612121 h 6858000"/>
              <a:gd name="connsiteX5757" fmla="*/ 616804 w 6858000"/>
              <a:gd name="connsiteY5757" fmla="*/ 717217 h 6858000"/>
              <a:gd name="connsiteX5758" fmla="*/ 721901 w 6858000"/>
              <a:gd name="connsiteY5758" fmla="*/ 717217 h 6858000"/>
              <a:gd name="connsiteX5759" fmla="*/ 721901 w 6858000"/>
              <a:gd name="connsiteY5759" fmla="*/ 612121 h 6858000"/>
              <a:gd name="connsiteX5760" fmla="*/ 492673 w 6858000"/>
              <a:gd name="connsiteY5760" fmla="*/ 611010 h 6858000"/>
              <a:gd name="connsiteX5761" fmla="*/ 492673 w 6858000"/>
              <a:gd name="connsiteY5761" fmla="*/ 718291 h 6858000"/>
              <a:gd name="connsiteX5762" fmla="*/ 599955 w 6858000"/>
              <a:gd name="connsiteY5762" fmla="*/ 718291 h 6858000"/>
              <a:gd name="connsiteX5763" fmla="*/ 599955 w 6858000"/>
              <a:gd name="connsiteY5763" fmla="*/ 611010 h 6858000"/>
              <a:gd name="connsiteX5764" fmla="*/ 368764 w 6858000"/>
              <a:gd name="connsiteY5764" fmla="*/ 610159 h 6858000"/>
              <a:gd name="connsiteX5765" fmla="*/ 368764 w 6858000"/>
              <a:gd name="connsiteY5765" fmla="*/ 719180 h 6858000"/>
              <a:gd name="connsiteX5766" fmla="*/ 477786 w 6858000"/>
              <a:gd name="connsiteY5766" fmla="*/ 719180 h 6858000"/>
              <a:gd name="connsiteX5767" fmla="*/ 477786 w 6858000"/>
              <a:gd name="connsiteY5767" fmla="*/ 610159 h 6858000"/>
              <a:gd name="connsiteX5768" fmla="*/ 245262 w 6858000"/>
              <a:gd name="connsiteY5768" fmla="*/ 609751 h 6858000"/>
              <a:gd name="connsiteX5769" fmla="*/ 245262 w 6858000"/>
              <a:gd name="connsiteY5769" fmla="*/ 719624 h 6858000"/>
              <a:gd name="connsiteX5770" fmla="*/ 355136 w 6858000"/>
              <a:gd name="connsiteY5770" fmla="*/ 719624 h 6858000"/>
              <a:gd name="connsiteX5771" fmla="*/ 355136 w 6858000"/>
              <a:gd name="connsiteY5771" fmla="*/ 609751 h 6858000"/>
              <a:gd name="connsiteX5772" fmla="*/ 121761 w 6858000"/>
              <a:gd name="connsiteY5772" fmla="*/ 609270 h 6858000"/>
              <a:gd name="connsiteX5773" fmla="*/ 121761 w 6858000"/>
              <a:gd name="connsiteY5773" fmla="*/ 720032 h 6858000"/>
              <a:gd name="connsiteX5774" fmla="*/ 232524 w 6858000"/>
              <a:gd name="connsiteY5774" fmla="*/ 720032 h 6858000"/>
              <a:gd name="connsiteX5775" fmla="*/ 232524 w 6858000"/>
              <a:gd name="connsiteY5775" fmla="*/ 609270 h 6858000"/>
              <a:gd name="connsiteX5776" fmla="*/ 4114847 w 6858000"/>
              <a:gd name="connsiteY5776" fmla="*/ 541386 h 6858000"/>
              <a:gd name="connsiteX5777" fmla="*/ 4114847 w 6858000"/>
              <a:gd name="connsiteY5777" fmla="*/ 541829 h 6858000"/>
              <a:gd name="connsiteX5778" fmla="*/ 4115291 w 6858000"/>
              <a:gd name="connsiteY5778" fmla="*/ 541829 h 6858000"/>
              <a:gd name="connsiteX5779" fmla="*/ 4115291 w 6858000"/>
              <a:gd name="connsiteY5779" fmla="*/ 541386 h 6858000"/>
              <a:gd name="connsiteX5780" fmla="*/ 3991789 w 6858000"/>
              <a:gd name="connsiteY5780" fmla="*/ 541386 h 6858000"/>
              <a:gd name="connsiteX5781" fmla="*/ 3991789 w 6858000"/>
              <a:gd name="connsiteY5781" fmla="*/ 541830 h 6858000"/>
              <a:gd name="connsiteX5782" fmla="*/ 3992234 w 6858000"/>
              <a:gd name="connsiteY5782" fmla="*/ 541830 h 6858000"/>
              <a:gd name="connsiteX5783" fmla="*/ 3992234 w 6858000"/>
              <a:gd name="connsiteY5783" fmla="*/ 541386 h 6858000"/>
              <a:gd name="connsiteX5784" fmla="*/ 5714629 w 6858000"/>
              <a:gd name="connsiteY5784" fmla="*/ 541385 h 6858000"/>
              <a:gd name="connsiteX5785" fmla="*/ 5714629 w 6858000"/>
              <a:gd name="connsiteY5785" fmla="*/ 541829 h 6858000"/>
              <a:gd name="connsiteX5786" fmla="*/ 5715073 w 6858000"/>
              <a:gd name="connsiteY5786" fmla="*/ 541829 h 6858000"/>
              <a:gd name="connsiteX5787" fmla="*/ 5715073 w 6858000"/>
              <a:gd name="connsiteY5787" fmla="*/ 541385 h 6858000"/>
              <a:gd name="connsiteX5788" fmla="*/ 5591572 w 6858000"/>
              <a:gd name="connsiteY5788" fmla="*/ 541385 h 6858000"/>
              <a:gd name="connsiteX5789" fmla="*/ 5591572 w 6858000"/>
              <a:gd name="connsiteY5789" fmla="*/ 541829 h 6858000"/>
              <a:gd name="connsiteX5790" fmla="*/ 5592017 w 6858000"/>
              <a:gd name="connsiteY5790" fmla="*/ 541829 h 6858000"/>
              <a:gd name="connsiteX5791" fmla="*/ 5592017 w 6858000"/>
              <a:gd name="connsiteY5791" fmla="*/ 541385 h 6858000"/>
              <a:gd name="connsiteX5792" fmla="*/ 5468514 w 6858000"/>
              <a:gd name="connsiteY5792" fmla="*/ 541385 h 6858000"/>
              <a:gd name="connsiteX5793" fmla="*/ 5468514 w 6858000"/>
              <a:gd name="connsiteY5793" fmla="*/ 541829 h 6858000"/>
              <a:gd name="connsiteX5794" fmla="*/ 5468958 w 6858000"/>
              <a:gd name="connsiteY5794" fmla="*/ 541829 h 6858000"/>
              <a:gd name="connsiteX5795" fmla="*/ 5468958 w 6858000"/>
              <a:gd name="connsiteY5795" fmla="*/ 541385 h 6858000"/>
              <a:gd name="connsiteX5796" fmla="*/ 5345457 w 6858000"/>
              <a:gd name="connsiteY5796" fmla="*/ 541385 h 6858000"/>
              <a:gd name="connsiteX5797" fmla="*/ 5345457 w 6858000"/>
              <a:gd name="connsiteY5797" fmla="*/ 541829 h 6858000"/>
              <a:gd name="connsiteX5798" fmla="*/ 5345901 w 6858000"/>
              <a:gd name="connsiteY5798" fmla="*/ 541829 h 6858000"/>
              <a:gd name="connsiteX5799" fmla="*/ 5345901 w 6858000"/>
              <a:gd name="connsiteY5799" fmla="*/ 541385 h 6858000"/>
              <a:gd name="connsiteX5800" fmla="*/ 5222400 w 6858000"/>
              <a:gd name="connsiteY5800" fmla="*/ 541385 h 6858000"/>
              <a:gd name="connsiteX5801" fmla="*/ 5222400 w 6858000"/>
              <a:gd name="connsiteY5801" fmla="*/ 541829 h 6858000"/>
              <a:gd name="connsiteX5802" fmla="*/ 5222844 w 6858000"/>
              <a:gd name="connsiteY5802" fmla="*/ 541829 h 6858000"/>
              <a:gd name="connsiteX5803" fmla="*/ 5222844 w 6858000"/>
              <a:gd name="connsiteY5803" fmla="*/ 541385 h 6858000"/>
              <a:gd name="connsiteX5804" fmla="*/ 5099305 w 6858000"/>
              <a:gd name="connsiteY5804" fmla="*/ 541385 h 6858000"/>
              <a:gd name="connsiteX5805" fmla="*/ 5099305 w 6858000"/>
              <a:gd name="connsiteY5805" fmla="*/ 541829 h 6858000"/>
              <a:gd name="connsiteX5806" fmla="*/ 5099749 w 6858000"/>
              <a:gd name="connsiteY5806" fmla="*/ 541829 h 6858000"/>
              <a:gd name="connsiteX5807" fmla="*/ 5099749 w 6858000"/>
              <a:gd name="connsiteY5807" fmla="*/ 541385 h 6858000"/>
              <a:gd name="connsiteX5808" fmla="*/ 4976248 w 6858000"/>
              <a:gd name="connsiteY5808" fmla="*/ 541385 h 6858000"/>
              <a:gd name="connsiteX5809" fmla="*/ 4976248 w 6858000"/>
              <a:gd name="connsiteY5809" fmla="*/ 541829 h 6858000"/>
              <a:gd name="connsiteX5810" fmla="*/ 4976692 w 6858000"/>
              <a:gd name="connsiteY5810" fmla="*/ 541829 h 6858000"/>
              <a:gd name="connsiteX5811" fmla="*/ 4976692 w 6858000"/>
              <a:gd name="connsiteY5811" fmla="*/ 541385 h 6858000"/>
              <a:gd name="connsiteX5812" fmla="*/ 4853191 w 6858000"/>
              <a:gd name="connsiteY5812" fmla="*/ 541385 h 6858000"/>
              <a:gd name="connsiteX5813" fmla="*/ 4853191 w 6858000"/>
              <a:gd name="connsiteY5813" fmla="*/ 541829 h 6858000"/>
              <a:gd name="connsiteX5814" fmla="*/ 4853636 w 6858000"/>
              <a:gd name="connsiteY5814" fmla="*/ 541829 h 6858000"/>
              <a:gd name="connsiteX5815" fmla="*/ 4853636 w 6858000"/>
              <a:gd name="connsiteY5815" fmla="*/ 541385 h 6858000"/>
              <a:gd name="connsiteX5816" fmla="*/ 4730133 w 6858000"/>
              <a:gd name="connsiteY5816" fmla="*/ 541385 h 6858000"/>
              <a:gd name="connsiteX5817" fmla="*/ 4730133 w 6858000"/>
              <a:gd name="connsiteY5817" fmla="*/ 541829 h 6858000"/>
              <a:gd name="connsiteX5818" fmla="*/ 4730578 w 6858000"/>
              <a:gd name="connsiteY5818" fmla="*/ 541829 h 6858000"/>
              <a:gd name="connsiteX5819" fmla="*/ 4730578 w 6858000"/>
              <a:gd name="connsiteY5819" fmla="*/ 541385 h 6858000"/>
              <a:gd name="connsiteX5820" fmla="*/ 4360961 w 6858000"/>
              <a:gd name="connsiteY5820" fmla="*/ 541385 h 6858000"/>
              <a:gd name="connsiteX5821" fmla="*/ 4360961 w 6858000"/>
              <a:gd name="connsiteY5821" fmla="*/ 541829 h 6858000"/>
              <a:gd name="connsiteX5822" fmla="*/ 4361405 w 6858000"/>
              <a:gd name="connsiteY5822" fmla="*/ 541829 h 6858000"/>
              <a:gd name="connsiteX5823" fmla="*/ 4361405 w 6858000"/>
              <a:gd name="connsiteY5823" fmla="*/ 541385 h 6858000"/>
              <a:gd name="connsiteX5824" fmla="*/ 4237904 w 6858000"/>
              <a:gd name="connsiteY5824" fmla="*/ 541385 h 6858000"/>
              <a:gd name="connsiteX5825" fmla="*/ 4237904 w 6858000"/>
              <a:gd name="connsiteY5825" fmla="*/ 541829 h 6858000"/>
              <a:gd name="connsiteX5826" fmla="*/ 4238348 w 6858000"/>
              <a:gd name="connsiteY5826" fmla="*/ 541829 h 6858000"/>
              <a:gd name="connsiteX5827" fmla="*/ 4238348 w 6858000"/>
              <a:gd name="connsiteY5827" fmla="*/ 541385 h 6858000"/>
              <a:gd name="connsiteX5828" fmla="*/ 3868510 w 6858000"/>
              <a:gd name="connsiteY5828" fmla="*/ 541200 h 6858000"/>
              <a:gd name="connsiteX5829" fmla="*/ 3868510 w 6858000"/>
              <a:gd name="connsiteY5829" fmla="*/ 542052 h 6858000"/>
              <a:gd name="connsiteX5830" fmla="*/ 3869362 w 6858000"/>
              <a:gd name="connsiteY5830" fmla="*/ 542052 h 6858000"/>
              <a:gd name="connsiteX5831" fmla="*/ 3869362 w 6858000"/>
              <a:gd name="connsiteY5831" fmla="*/ 541200 h 6858000"/>
              <a:gd name="connsiteX5832" fmla="*/ 3745230 w 6858000"/>
              <a:gd name="connsiteY5832" fmla="*/ 540941 h 6858000"/>
              <a:gd name="connsiteX5833" fmla="*/ 3745230 w 6858000"/>
              <a:gd name="connsiteY5833" fmla="*/ 542237 h 6858000"/>
              <a:gd name="connsiteX5834" fmla="*/ 3746526 w 6858000"/>
              <a:gd name="connsiteY5834" fmla="*/ 542237 h 6858000"/>
              <a:gd name="connsiteX5835" fmla="*/ 3746526 w 6858000"/>
              <a:gd name="connsiteY5835" fmla="*/ 540941 h 6858000"/>
              <a:gd name="connsiteX5836" fmla="*/ 3621951 w 6858000"/>
              <a:gd name="connsiteY5836" fmla="*/ 540719 h 6858000"/>
              <a:gd name="connsiteX5837" fmla="*/ 3621951 w 6858000"/>
              <a:gd name="connsiteY5837" fmla="*/ 542459 h 6858000"/>
              <a:gd name="connsiteX5838" fmla="*/ 3623691 w 6858000"/>
              <a:gd name="connsiteY5838" fmla="*/ 542459 h 6858000"/>
              <a:gd name="connsiteX5839" fmla="*/ 3623691 w 6858000"/>
              <a:gd name="connsiteY5839" fmla="*/ 540719 h 6858000"/>
              <a:gd name="connsiteX5840" fmla="*/ 3498671 w 6858000"/>
              <a:gd name="connsiteY5840" fmla="*/ 540496 h 6858000"/>
              <a:gd name="connsiteX5841" fmla="*/ 3498671 w 6858000"/>
              <a:gd name="connsiteY5841" fmla="*/ 542681 h 6858000"/>
              <a:gd name="connsiteX5842" fmla="*/ 3500856 w 6858000"/>
              <a:gd name="connsiteY5842" fmla="*/ 542681 h 6858000"/>
              <a:gd name="connsiteX5843" fmla="*/ 3500856 w 6858000"/>
              <a:gd name="connsiteY5843" fmla="*/ 540496 h 6858000"/>
              <a:gd name="connsiteX5844" fmla="*/ 3374947 w 6858000"/>
              <a:gd name="connsiteY5844" fmla="*/ 539867 h 6858000"/>
              <a:gd name="connsiteX5845" fmla="*/ 3374947 w 6858000"/>
              <a:gd name="connsiteY5845" fmla="*/ 543348 h 6858000"/>
              <a:gd name="connsiteX5846" fmla="*/ 3378428 w 6858000"/>
              <a:gd name="connsiteY5846" fmla="*/ 543348 h 6858000"/>
              <a:gd name="connsiteX5847" fmla="*/ 3378428 w 6858000"/>
              <a:gd name="connsiteY5847" fmla="*/ 539867 h 6858000"/>
              <a:gd name="connsiteX5848" fmla="*/ 3251261 w 6858000"/>
              <a:gd name="connsiteY5848" fmla="*/ 539201 h 6858000"/>
              <a:gd name="connsiteX5849" fmla="*/ 3251261 w 6858000"/>
              <a:gd name="connsiteY5849" fmla="*/ 543978 h 6858000"/>
              <a:gd name="connsiteX5850" fmla="*/ 3256038 w 6858000"/>
              <a:gd name="connsiteY5850" fmla="*/ 543978 h 6858000"/>
              <a:gd name="connsiteX5851" fmla="*/ 3256038 w 6858000"/>
              <a:gd name="connsiteY5851" fmla="*/ 539201 h 6858000"/>
              <a:gd name="connsiteX5852" fmla="*/ 3127315 w 6858000"/>
              <a:gd name="connsiteY5852" fmla="*/ 538348 h 6858000"/>
              <a:gd name="connsiteX5853" fmla="*/ 3127315 w 6858000"/>
              <a:gd name="connsiteY5853" fmla="*/ 544866 h 6858000"/>
              <a:gd name="connsiteX5854" fmla="*/ 3133833 w 6858000"/>
              <a:gd name="connsiteY5854" fmla="*/ 544866 h 6858000"/>
              <a:gd name="connsiteX5855" fmla="*/ 3133833 w 6858000"/>
              <a:gd name="connsiteY5855" fmla="*/ 538348 h 6858000"/>
              <a:gd name="connsiteX5856" fmla="*/ 3003405 w 6858000"/>
              <a:gd name="connsiteY5856" fmla="*/ 537460 h 6858000"/>
              <a:gd name="connsiteX5857" fmla="*/ 3003405 w 6858000"/>
              <a:gd name="connsiteY5857" fmla="*/ 545718 h 6858000"/>
              <a:gd name="connsiteX5858" fmla="*/ 3011663 w 6858000"/>
              <a:gd name="connsiteY5858" fmla="*/ 545718 h 6858000"/>
              <a:gd name="connsiteX5859" fmla="*/ 3011663 w 6858000"/>
              <a:gd name="connsiteY5859" fmla="*/ 537460 h 6858000"/>
              <a:gd name="connsiteX5860" fmla="*/ 2879015 w 6858000"/>
              <a:gd name="connsiteY5860" fmla="*/ 536200 h 6858000"/>
              <a:gd name="connsiteX5861" fmla="*/ 2879015 w 6858000"/>
              <a:gd name="connsiteY5861" fmla="*/ 547051 h 6858000"/>
              <a:gd name="connsiteX5862" fmla="*/ 2889865 w 6858000"/>
              <a:gd name="connsiteY5862" fmla="*/ 547051 h 6858000"/>
              <a:gd name="connsiteX5863" fmla="*/ 2889865 w 6858000"/>
              <a:gd name="connsiteY5863" fmla="*/ 536200 h 6858000"/>
              <a:gd name="connsiteX5864" fmla="*/ 2754217 w 6858000"/>
              <a:gd name="connsiteY5864" fmla="*/ 534424 h 6858000"/>
              <a:gd name="connsiteX5865" fmla="*/ 2754217 w 6858000"/>
              <a:gd name="connsiteY5865" fmla="*/ 548755 h 6858000"/>
              <a:gd name="connsiteX5866" fmla="*/ 2768548 w 6858000"/>
              <a:gd name="connsiteY5866" fmla="*/ 548755 h 6858000"/>
              <a:gd name="connsiteX5867" fmla="*/ 2768548 w 6858000"/>
              <a:gd name="connsiteY5867" fmla="*/ 534424 h 6858000"/>
              <a:gd name="connsiteX5868" fmla="*/ 2629419 w 6858000"/>
              <a:gd name="connsiteY5868" fmla="*/ 532682 h 6858000"/>
              <a:gd name="connsiteX5869" fmla="*/ 2629419 w 6858000"/>
              <a:gd name="connsiteY5869" fmla="*/ 550495 h 6858000"/>
              <a:gd name="connsiteX5870" fmla="*/ 2647231 w 6858000"/>
              <a:gd name="connsiteY5870" fmla="*/ 550495 h 6858000"/>
              <a:gd name="connsiteX5871" fmla="*/ 2647231 w 6858000"/>
              <a:gd name="connsiteY5871" fmla="*/ 532682 h 6858000"/>
              <a:gd name="connsiteX5872" fmla="*/ 2504214 w 6858000"/>
              <a:gd name="connsiteY5872" fmla="*/ 530535 h 6858000"/>
              <a:gd name="connsiteX5873" fmla="*/ 2504214 w 6858000"/>
              <a:gd name="connsiteY5873" fmla="*/ 552680 h 6858000"/>
              <a:gd name="connsiteX5874" fmla="*/ 2526359 w 6858000"/>
              <a:gd name="connsiteY5874" fmla="*/ 552680 h 6858000"/>
              <a:gd name="connsiteX5875" fmla="*/ 2526359 w 6858000"/>
              <a:gd name="connsiteY5875" fmla="*/ 530535 h 6858000"/>
              <a:gd name="connsiteX5876" fmla="*/ 2378750 w 6858000"/>
              <a:gd name="connsiteY5876" fmla="*/ 528129 h 6858000"/>
              <a:gd name="connsiteX5877" fmla="*/ 2378750 w 6858000"/>
              <a:gd name="connsiteY5877" fmla="*/ 555051 h 6858000"/>
              <a:gd name="connsiteX5878" fmla="*/ 2405672 w 6858000"/>
              <a:gd name="connsiteY5878" fmla="*/ 555051 h 6858000"/>
              <a:gd name="connsiteX5879" fmla="*/ 2405672 w 6858000"/>
              <a:gd name="connsiteY5879" fmla="*/ 528129 h 6858000"/>
              <a:gd name="connsiteX5880" fmla="*/ 2252878 w 6858000"/>
              <a:gd name="connsiteY5880" fmla="*/ 525315 h 6858000"/>
              <a:gd name="connsiteX5881" fmla="*/ 2252878 w 6858000"/>
              <a:gd name="connsiteY5881" fmla="*/ 557903 h 6858000"/>
              <a:gd name="connsiteX5882" fmla="*/ 2285466 w 6858000"/>
              <a:gd name="connsiteY5882" fmla="*/ 557903 h 6858000"/>
              <a:gd name="connsiteX5883" fmla="*/ 2285466 w 6858000"/>
              <a:gd name="connsiteY5883" fmla="*/ 525315 h 6858000"/>
              <a:gd name="connsiteX5884" fmla="*/ 2126969 w 6858000"/>
              <a:gd name="connsiteY5884" fmla="*/ 522499 h 6858000"/>
              <a:gd name="connsiteX5885" fmla="*/ 2126969 w 6858000"/>
              <a:gd name="connsiteY5885" fmla="*/ 560717 h 6858000"/>
              <a:gd name="connsiteX5886" fmla="*/ 2165186 w 6858000"/>
              <a:gd name="connsiteY5886" fmla="*/ 560717 h 6858000"/>
              <a:gd name="connsiteX5887" fmla="*/ 2165186 w 6858000"/>
              <a:gd name="connsiteY5887" fmla="*/ 522499 h 6858000"/>
              <a:gd name="connsiteX5888" fmla="*/ 2000875 w 6858000"/>
              <a:gd name="connsiteY5888" fmla="*/ 519464 h 6858000"/>
              <a:gd name="connsiteX5889" fmla="*/ 2000875 w 6858000"/>
              <a:gd name="connsiteY5889" fmla="*/ 563754 h 6858000"/>
              <a:gd name="connsiteX5890" fmla="*/ 2045165 w 6858000"/>
              <a:gd name="connsiteY5890" fmla="*/ 563754 h 6858000"/>
              <a:gd name="connsiteX5891" fmla="*/ 2045165 w 6858000"/>
              <a:gd name="connsiteY5891" fmla="*/ 519464 h 6858000"/>
              <a:gd name="connsiteX5892" fmla="*/ 1874559 w 6858000"/>
              <a:gd name="connsiteY5892" fmla="*/ 516205 h 6858000"/>
              <a:gd name="connsiteX5893" fmla="*/ 1874559 w 6858000"/>
              <a:gd name="connsiteY5893" fmla="*/ 567013 h 6858000"/>
              <a:gd name="connsiteX5894" fmla="*/ 1925367 w 6858000"/>
              <a:gd name="connsiteY5894" fmla="*/ 567013 h 6858000"/>
              <a:gd name="connsiteX5895" fmla="*/ 1925367 w 6858000"/>
              <a:gd name="connsiteY5895" fmla="*/ 516205 h 6858000"/>
              <a:gd name="connsiteX5896" fmla="*/ 1748243 w 6858000"/>
              <a:gd name="connsiteY5896" fmla="*/ 512945 h 6858000"/>
              <a:gd name="connsiteX5897" fmla="*/ 1748243 w 6858000"/>
              <a:gd name="connsiteY5897" fmla="*/ 570271 h 6858000"/>
              <a:gd name="connsiteX5898" fmla="*/ 1805569 w 6858000"/>
              <a:gd name="connsiteY5898" fmla="*/ 570271 h 6858000"/>
              <a:gd name="connsiteX5899" fmla="*/ 1805569 w 6858000"/>
              <a:gd name="connsiteY5899" fmla="*/ 512945 h 6858000"/>
              <a:gd name="connsiteX5900" fmla="*/ 1621927 w 6858000"/>
              <a:gd name="connsiteY5900" fmla="*/ 509687 h 6858000"/>
              <a:gd name="connsiteX5901" fmla="*/ 1621927 w 6858000"/>
              <a:gd name="connsiteY5901" fmla="*/ 573530 h 6858000"/>
              <a:gd name="connsiteX5902" fmla="*/ 1685770 w 6858000"/>
              <a:gd name="connsiteY5902" fmla="*/ 573530 h 6858000"/>
              <a:gd name="connsiteX5903" fmla="*/ 1685770 w 6858000"/>
              <a:gd name="connsiteY5903" fmla="*/ 509687 h 6858000"/>
              <a:gd name="connsiteX5904" fmla="*/ 1495611 w 6858000"/>
              <a:gd name="connsiteY5904" fmla="*/ 506428 h 6858000"/>
              <a:gd name="connsiteX5905" fmla="*/ 1495611 w 6858000"/>
              <a:gd name="connsiteY5905" fmla="*/ 576789 h 6858000"/>
              <a:gd name="connsiteX5906" fmla="*/ 1565972 w 6858000"/>
              <a:gd name="connsiteY5906" fmla="*/ 576789 h 6858000"/>
              <a:gd name="connsiteX5907" fmla="*/ 1565972 w 6858000"/>
              <a:gd name="connsiteY5907" fmla="*/ 506428 h 6858000"/>
              <a:gd name="connsiteX5908" fmla="*/ 1369295 w 6858000"/>
              <a:gd name="connsiteY5908" fmla="*/ 503170 h 6858000"/>
              <a:gd name="connsiteX5909" fmla="*/ 1369295 w 6858000"/>
              <a:gd name="connsiteY5909" fmla="*/ 580048 h 6858000"/>
              <a:gd name="connsiteX5910" fmla="*/ 1446174 w 6858000"/>
              <a:gd name="connsiteY5910" fmla="*/ 580048 h 6858000"/>
              <a:gd name="connsiteX5911" fmla="*/ 1446174 w 6858000"/>
              <a:gd name="connsiteY5911" fmla="*/ 503170 h 6858000"/>
              <a:gd name="connsiteX5912" fmla="*/ 1243423 w 6858000"/>
              <a:gd name="connsiteY5912" fmla="*/ 500355 h 6858000"/>
              <a:gd name="connsiteX5913" fmla="*/ 1243423 w 6858000"/>
              <a:gd name="connsiteY5913" fmla="*/ 582862 h 6858000"/>
              <a:gd name="connsiteX5914" fmla="*/ 1325930 w 6858000"/>
              <a:gd name="connsiteY5914" fmla="*/ 582862 h 6858000"/>
              <a:gd name="connsiteX5915" fmla="*/ 1325930 w 6858000"/>
              <a:gd name="connsiteY5915" fmla="*/ 500355 h 6858000"/>
              <a:gd name="connsiteX5916" fmla="*/ 1117514 w 6858000"/>
              <a:gd name="connsiteY5916" fmla="*/ 497504 h 6858000"/>
              <a:gd name="connsiteX5917" fmla="*/ 1117514 w 6858000"/>
              <a:gd name="connsiteY5917" fmla="*/ 585677 h 6858000"/>
              <a:gd name="connsiteX5918" fmla="*/ 1205687 w 6858000"/>
              <a:gd name="connsiteY5918" fmla="*/ 585677 h 6858000"/>
              <a:gd name="connsiteX5919" fmla="*/ 1205687 w 6858000"/>
              <a:gd name="connsiteY5919" fmla="*/ 497504 h 6858000"/>
              <a:gd name="connsiteX5920" fmla="*/ 991864 w 6858000"/>
              <a:gd name="connsiteY5920" fmla="*/ 494911 h 6858000"/>
              <a:gd name="connsiteX5921" fmla="*/ 991864 w 6858000"/>
              <a:gd name="connsiteY5921" fmla="*/ 588306 h 6858000"/>
              <a:gd name="connsiteX5922" fmla="*/ 1085259 w 6858000"/>
              <a:gd name="connsiteY5922" fmla="*/ 588306 h 6858000"/>
              <a:gd name="connsiteX5923" fmla="*/ 1085259 w 6858000"/>
              <a:gd name="connsiteY5923" fmla="*/ 494911 h 6858000"/>
              <a:gd name="connsiteX5924" fmla="*/ 866622 w 6858000"/>
              <a:gd name="connsiteY5924" fmla="*/ 492726 h 6858000"/>
              <a:gd name="connsiteX5925" fmla="*/ 866622 w 6858000"/>
              <a:gd name="connsiteY5925" fmla="*/ 590454 h 6858000"/>
              <a:gd name="connsiteX5926" fmla="*/ 964349 w 6858000"/>
              <a:gd name="connsiteY5926" fmla="*/ 590454 h 6858000"/>
              <a:gd name="connsiteX5927" fmla="*/ 964349 w 6858000"/>
              <a:gd name="connsiteY5927" fmla="*/ 492726 h 6858000"/>
              <a:gd name="connsiteX5928" fmla="*/ 741602 w 6858000"/>
              <a:gd name="connsiteY5928" fmla="*/ 490801 h 6858000"/>
              <a:gd name="connsiteX5929" fmla="*/ 741602 w 6858000"/>
              <a:gd name="connsiteY5929" fmla="*/ 592416 h 6858000"/>
              <a:gd name="connsiteX5930" fmla="*/ 843218 w 6858000"/>
              <a:gd name="connsiteY5930" fmla="*/ 592416 h 6858000"/>
              <a:gd name="connsiteX5931" fmla="*/ 843218 w 6858000"/>
              <a:gd name="connsiteY5931" fmla="*/ 490801 h 6858000"/>
              <a:gd name="connsiteX5932" fmla="*/ 617249 w 6858000"/>
              <a:gd name="connsiteY5932" fmla="*/ 489469 h 6858000"/>
              <a:gd name="connsiteX5933" fmla="*/ 617249 w 6858000"/>
              <a:gd name="connsiteY5933" fmla="*/ 593713 h 6858000"/>
              <a:gd name="connsiteX5934" fmla="*/ 721494 w 6858000"/>
              <a:gd name="connsiteY5934" fmla="*/ 593713 h 6858000"/>
              <a:gd name="connsiteX5935" fmla="*/ 721494 w 6858000"/>
              <a:gd name="connsiteY5935" fmla="*/ 489469 h 6858000"/>
              <a:gd name="connsiteX5936" fmla="*/ 492895 w 6858000"/>
              <a:gd name="connsiteY5936" fmla="*/ 488210 h 6858000"/>
              <a:gd name="connsiteX5937" fmla="*/ 492895 w 6858000"/>
              <a:gd name="connsiteY5937" fmla="*/ 595047 h 6858000"/>
              <a:gd name="connsiteX5938" fmla="*/ 599732 w 6858000"/>
              <a:gd name="connsiteY5938" fmla="*/ 595047 h 6858000"/>
              <a:gd name="connsiteX5939" fmla="*/ 599732 w 6858000"/>
              <a:gd name="connsiteY5939" fmla="*/ 488210 h 6858000"/>
              <a:gd name="connsiteX5940" fmla="*/ 368949 w 6858000"/>
              <a:gd name="connsiteY5940" fmla="*/ 487320 h 6858000"/>
              <a:gd name="connsiteX5941" fmla="*/ 368949 w 6858000"/>
              <a:gd name="connsiteY5941" fmla="*/ 595897 h 6858000"/>
              <a:gd name="connsiteX5942" fmla="*/ 477527 w 6858000"/>
              <a:gd name="connsiteY5942" fmla="*/ 595897 h 6858000"/>
              <a:gd name="connsiteX5943" fmla="*/ 477527 w 6858000"/>
              <a:gd name="connsiteY5943" fmla="*/ 487320 h 6858000"/>
              <a:gd name="connsiteX5944" fmla="*/ 245262 w 6858000"/>
              <a:gd name="connsiteY5944" fmla="*/ 486691 h 6858000"/>
              <a:gd name="connsiteX5945" fmla="*/ 245262 w 6858000"/>
              <a:gd name="connsiteY5945" fmla="*/ 596565 h 6858000"/>
              <a:gd name="connsiteX5946" fmla="*/ 355136 w 6858000"/>
              <a:gd name="connsiteY5946" fmla="*/ 596565 h 6858000"/>
              <a:gd name="connsiteX5947" fmla="*/ 355136 w 6858000"/>
              <a:gd name="connsiteY5947" fmla="*/ 486691 h 6858000"/>
              <a:gd name="connsiteX5948" fmla="*/ 121761 w 6858000"/>
              <a:gd name="connsiteY5948" fmla="*/ 486209 h 6858000"/>
              <a:gd name="connsiteX5949" fmla="*/ 121761 w 6858000"/>
              <a:gd name="connsiteY5949" fmla="*/ 596972 h 6858000"/>
              <a:gd name="connsiteX5950" fmla="*/ 232524 w 6858000"/>
              <a:gd name="connsiteY5950" fmla="*/ 596972 h 6858000"/>
              <a:gd name="connsiteX5951" fmla="*/ 232524 w 6858000"/>
              <a:gd name="connsiteY5951" fmla="*/ 486209 h 6858000"/>
              <a:gd name="connsiteX5952" fmla="*/ 4237904 w 6858000"/>
              <a:gd name="connsiteY5952" fmla="*/ 418324 h 6858000"/>
              <a:gd name="connsiteX5953" fmla="*/ 4237904 w 6858000"/>
              <a:gd name="connsiteY5953" fmla="*/ 418768 h 6858000"/>
              <a:gd name="connsiteX5954" fmla="*/ 4238348 w 6858000"/>
              <a:gd name="connsiteY5954" fmla="*/ 418768 h 6858000"/>
              <a:gd name="connsiteX5955" fmla="*/ 4238348 w 6858000"/>
              <a:gd name="connsiteY5955" fmla="*/ 418324 h 6858000"/>
              <a:gd name="connsiteX5956" fmla="*/ 4114847 w 6858000"/>
              <a:gd name="connsiteY5956" fmla="*/ 418324 h 6858000"/>
              <a:gd name="connsiteX5957" fmla="*/ 4114847 w 6858000"/>
              <a:gd name="connsiteY5957" fmla="*/ 418769 h 6858000"/>
              <a:gd name="connsiteX5958" fmla="*/ 4115291 w 6858000"/>
              <a:gd name="connsiteY5958" fmla="*/ 418769 h 6858000"/>
              <a:gd name="connsiteX5959" fmla="*/ 4115291 w 6858000"/>
              <a:gd name="connsiteY5959" fmla="*/ 418324 h 6858000"/>
              <a:gd name="connsiteX5960" fmla="*/ 3991789 w 6858000"/>
              <a:gd name="connsiteY5960" fmla="*/ 418324 h 6858000"/>
              <a:gd name="connsiteX5961" fmla="*/ 3991789 w 6858000"/>
              <a:gd name="connsiteY5961" fmla="*/ 418769 h 6858000"/>
              <a:gd name="connsiteX5962" fmla="*/ 3992234 w 6858000"/>
              <a:gd name="connsiteY5962" fmla="*/ 418769 h 6858000"/>
              <a:gd name="connsiteX5963" fmla="*/ 3992234 w 6858000"/>
              <a:gd name="connsiteY5963" fmla="*/ 418324 h 6858000"/>
              <a:gd name="connsiteX5964" fmla="*/ 5714629 w 6858000"/>
              <a:gd name="connsiteY5964" fmla="*/ 418323 h 6858000"/>
              <a:gd name="connsiteX5965" fmla="*/ 5714629 w 6858000"/>
              <a:gd name="connsiteY5965" fmla="*/ 418768 h 6858000"/>
              <a:gd name="connsiteX5966" fmla="*/ 5715073 w 6858000"/>
              <a:gd name="connsiteY5966" fmla="*/ 418768 h 6858000"/>
              <a:gd name="connsiteX5967" fmla="*/ 5715073 w 6858000"/>
              <a:gd name="connsiteY5967" fmla="*/ 418323 h 6858000"/>
              <a:gd name="connsiteX5968" fmla="*/ 5591572 w 6858000"/>
              <a:gd name="connsiteY5968" fmla="*/ 418323 h 6858000"/>
              <a:gd name="connsiteX5969" fmla="*/ 5591572 w 6858000"/>
              <a:gd name="connsiteY5969" fmla="*/ 418768 h 6858000"/>
              <a:gd name="connsiteX5970" fmla="*/ 5592017 w 6858000"/>
              <a:gd name="connsiteY5970" fmla="*/ 418768 h 6858000"/>
              <a:gd name="connsiteX5971" fmla="*/ 5592017 w 6858000"/>
              <a:gd name="connsiteY5971" fmla="*/ 418323 h 6858000"/>
              <a:gd name="connsiteX5972" fmla="*/ 5468514 w 6858000"/>
              <a:gd name="connsiteY5972" fmla="*/ 418323 h 6858000"/>
              <a:gd name="connsiteX5973" fmla="*/ 5468514 w 6858000"/>
              <a:gd name="connsiteY5973" fmla="*/ 418768 h 6858000"/>
              <a:gd name="connsiteX5974" fmla="*/ 5468958 w 6858000"/>
              <a:gd name="connsiteY5974" fmla="*/ 418768 h 6858000"/>
              <a:gd name="connsiteX5975" fmla="*/ 5468958 w 6858000"/>
              <a:gd name="connsiteY5975" fmla="*/ 418323 h 6858000"/>
              <a:gd name="connsiteX5976" fmla="*/ 5345457 w 6858000"/>
              <a:gd name="connsiteY5976" fmla="*/ 418323 h 6858000"/>
              <a:gd name="connsiteX5977" fmla="*/ 5345457 w 6858000"/>
              <a:gd name="connsiteY5977" fmla="*/ 418768 h 6858000"/>
              <a:gd name="connsiteX5978" fmla="*/ 5345901 w 6858000"/>
              <a:gd name="connsiteY5978" fmla="*/ 418768 h 6858000"/>
              <a:gd name="connsiteX5979" fmla="*/ 5345901 w 6858000"/>
              <a:gd name="connsiteY5979" fmla="*/ 418323 h 6858000"/>
              <a:gd name="connsiteX5980" fmla="*/ 5222400 w 6858000"/>
              <a:gd name="connsiteY5980" fmla="*/ 418323 h 6858000"/>
              <a:gd name="connsiteX5981" fmla="*/ 5222400 w 6858000"/>
              <a:gd name="connsiteY5981" fmla="*/ 418768 h 6858000"/>
              <a:gd name="connsiteX5982" fmla="*/ 5222844 w 6858000"/>
              <a:gd name="connsiteY5982" fmla="*/ 418768 h 6858000"/>
              <a:gd name="connsiteX5983" fmla="*/ 5222844 w 6858000"/>
              <a:gd name="connsiteY5983" fmla="*/ 418323 h 6858000"/>
              <a:gd name="connsiteX5984" fmla="*/ 5099305 w 6858000"/>
              <a:gd name="connsiteY5984" fmla="*/ 418323 h 6858000"/>
              <a:gd name="connsiteX5985" fmla="*/ 5099305 w 6858000"/>
              <a:gd name="connsiteY5985" fmla="*/ 418768 h 6858000"/>
              <a:gd name="connsiteX5986" fmla="*/ 5099749 w 6858000"/>
              <a:gd name="connsiteY5986" fmla="*/ 418768 h 6858000"/>
              <a:gd name="connsiteX5987" fmla="*/ 5099749 w 6858000"/>
              <a:gd name="connsiteY5987" fmla="*/ 418323 h 6858000"/>
              <a:gd name="connsiteX5988" fmla="*/ 4976248 w 6858000"/>
              <a:gd name="connsiteY5988" fmla="*/ 418323 h 6858000"/>
              <a:gd name="connsiteX5989" fmla="*/ 4976248 w 6858000"/>
              <a:gd name="connsiteY5989" fmla="*/ 418768 h 6858000"/>
              <a:gd name="connsiteX5990" fmla="*/ 4976692 w 6858000"/>
              <a:gd name="connsiteY5990" fmla="*/ 418768 h 6858000"/>
              <a:gd name="connsiteX5991" fmla="*/ 4976692 w 6858000"/>
              <a:gd name="connsiteY5991" fmla="*/ 418323 h 6858000"/>
              <a:gd name="connsiteX5992" fmla="*/ 4853191 w 6858000"/>
              <a:gd name="connsiteY5992" fmla="*/ 418323 h 6858000"/>
              <a:gd name="connsiteX5993" fmla="*/ 4853191 w 6858000"/>
              <a:gd name="connsiteY5993" fmla="*/ 418768 h 6858000"/>
              <a:gd name="connsiteX5994" fmla="*/ 4853636 w 6858000"/>
              <a:gd name="connsiteY5994" fmla="*/ 418768 h 6858000"/>
              <a:gd name="connsiteX5995" fmla="*/ 4853636 w 6858000"/>
              <a:gd name="connsiteY5995" fmla="*/ 418323 h 6858000"/>
              <a:gd name="connsiteX5996" fmla="*/ 4730133 w 6858000"/>
              <a:gd name="connsiteY5996" fmla="*/ 418323 h 6858000"/>
              <a:gd name="connsiteX5997" fmla="*/ 4730133 w 6858000"/>
              <a:gd name="connsiteY5997" fmla="*/ 418768 h 6858000"/>
              <a:gd name="connsiteX5998" fmla="*/ 4730578 w 6858000"/>
              <a:gd name="connsiteY5998" fmla="*/ 418768 h 6858000"/>
              <a:gd name="connsiteX5999" fmla="*/ 4730578 w 6858000"/>
              <a:gd name="connsiteY5999" fmla="*/ 418323 h 6858000"/>
              <a:gd name="connsiteX6000" fmla="*/ 4360961 w 6858000"/>
              <a:gd name="connsiteY6000" fmla="*/ 418323 h 6858000"/>
              <a:gd name="connsiteX6001" fmla="*/ 4360961 w 6858000"/>
              <a:gd name="connsiteY6001" fmla="*/ 418768 h 6858000"/>
              <a:gd name="connsiteX6002" fmla="*/ 4361405 w 6858000"/>
              <a:gd name="connsiteY6002" fmla="*/ 418768 h 6858000"/>
              <a:gd name="connsiteX6003" fmla="*/ 4361405 w 6858000"/>
              <a:gd name="connsiteY6003" fmla="*/ 418323 h 6858000"/>
              <a:gd name="connsiteX6004" fmla="*/ 3868510 w 6858000"/>
              <a:gd name="connsiteY6004" fmla="*/ 418140 h 6858000"/>
              <a:gd name="connsiteX6005" fmla="*/ 3868510 w 6858000"/>
              <a:gd name="connsiteY6005" fmla="*/ 418992 h 6858000"/>
              <a:gd name="connsiteX6006" fmla="*/ 3869362 w 6858000"/>
              <a:gd name="connsiteY6006" fmla="*/ 418992 h 6858000"/>
              <a:gd name="connsiteX6007" fmla="*/ 3869362 w 6858000"/>
              <a:gd name="connsiteY6007" fmla="*/ 418140 h 6858000"/>
              <a:gd name="connsiteX6008" fmla="*/ 3745230 w 6858000"/>
              <a:gd name="connsiteY6008" fmla="*/ 417881 h 6858000"/>
              <a:gd name="connsiteX6009" fmla="*/ 3745230 w 6858000"/>
              <a:gd name="connsiteY6009" fmla="*/ 419177 h 6858000"/>
              <a:gd name="connsiteX6010" fmla="*/ 3746526 w 6858000"/>
              <a:gd name="connsiteY6010" fmla="*/ 419177 h 6858000"/>
              <a:gd name="connsiteX6011" fmla="*/ 3746526 w 6858000"/>
              <a:gd name="connsiteY6011" fmla="*/ 417881 h 6858000"/>
              <a:gd name="connsiteX6012" fmla="*/ 3621951 w 6858000"/>
              <a:gd name="connsiteY6012" fmla="*/ 417659 h 6858000"/>
              <a:gd name="connsiteX6013" fmla="*/ 3621951 w 6858000"/>
              <a:gd name="connsiteY6013" fmla="*/ 419399 h 6858000"/>
              <a:gd name="connsiteX6014" fmla="*/ 3623691 w 6858000"/>
              <a:gd name="connsiteY6014" fmla="*/ 419399 h 6858000"/>
              <a:gd name="connsiteX6015" fmla="*/ 3623691 w 6858000"/>
              <a:gd name="connsiteY6015" fmla="*/ 417659 h 6858000"/>
              <a:gd name="connsiteX6016" fmla="*/ 3498449 w 6858000"/>
              <a:gd name="connsiteY6016" fmla="*/ 417251 h 6858000"/>
              <a:gd name="connsiteX6017" fmla="*/ 3498449 w 6858000"/>
              <a:gd name="connsiteY6017" fmla="*/ 419843 h 6858000"/>
              <a:gd name="connsiteX6018" fmla="*/ 3501041 w 6858000"/>
              <a:gd name="connsiteY6018" fmla="*/ 419843 h 6858000"/>
              <a:gd name="connsiteX6019" fmla="*/ 3501041 w 6858000"/>
              <a:gd name="connsiteY6019" fmla="*/ 417251 h 6858000"/>
              <a:gd name="connsiteX6020" fmla="*/ 3374725 w 6858000"/>
              <a:gd name="connsiteY6020" fmla="*/ 416585 h 6858000"/>
              <a:gd name="connsiteX6021" fmla="*/ 3374725 w 6858000"/>
              <a:gd name="connsiteY6021" fmla="*/ 420510 h 6858000"/>
              <a:gd name="connsiteX6022" fmla="*/ 3378650 w 6858000"/>
              <a:gd name="connsiteY6022" fmla="*/ 420510 h 6858000"/>
              <a:gd name="connsiteX6023" fmla="*/ 3378650 w 6858000"/>
              <a:gd name="connsiteY6023" fmla="*/ 416585 h 6858000"/>
              <a:gd name="connsiteX6024" fmla="*/ 3251038 w 6858000"/>
              <a:gd name="connsiteY6024" fmla="*/ 415917 h 6858000"/>
              <a:gd name="connsiteX6025" fmla="*/ 3251038 w 6858000"/>
              <a:gd name="connsiteY6025" fmla="*/ 421139 h 6858000"/>
              <a:gd name="connsiteX6026" fmla="*/ 3256260 w 6858000"/>
              <a:gd name="connsiteY6026" fmla="*/ 421139 h 6858000"/>
              <a:gd name="connsiteX6027" fmla="*/ 3256260 w 6858000"/>
              <a:gd name="connsiteY6027" fmla="*/ 415917 h 6858000"/>
              <a:gd name="connsiteX6028" fmla="*/ 3127092 w 6858000"/>
              <a:gd name="connsiteY6028" fmla="*/ 415066 h 6858000"/>
              <a:gd name="connsiteX6029" fmla="*/ 3127092 w 6858000"/>
              <a:gd name="connsiteY6029" fmla="*/ 422028 h 6858000"/>
              <a:gd name="connsiteX6030" fmla="*/ 3134054 w 6858000"/>
              <a:gd name="connsiteY6030" fmla="*/ 422028 h 6858000"/>
              <a:gd name="connsiteX6031" fmla="*/ 3134054 w 6858000"/>
              <a:gd name="connsiteY6031" fmla="*/ 415066 h 6858000"/>
              <a:gd name="connsiteX6032" fmla="*/ 3002961 w 6858000"/>
              <a:gd name="connsiteY6032" fmla="*/ 413992 h 6858000"/>
              <a:gd name="connsiteX6033" fmla="*/ 3002961 w 6858000"/>
              <a:gd name="connsiteY6033" fmla="*/ 423102 h 6858000"/>
              <a:gd name="connsiteX6034" fmla="*/ 3012071 w 6858000"/>
              <a:gd name="connsiteY6034" fmla="*/ 423102 h 6858000"/>
              <a:gd name="connsiteX6035" fmla="*/ 3012071 w 6858000"/>
              <a:gd name="connsiteY6035" fmla="*/ 413992 h 6858000"/>
              <a:gd name="connsiteX6036" fmla="*/ 2878385 w 6858000"/>
              <a:gd name="connsiteY6036" fmla="*/ 412474 h 6858000"/>
              <a:gd name="connsiteX6037" fmla="*/ 2878385 w 6858000"/>
              <a:gd name="connsiteY6037" fmla="*/ 424620 h 6858000"/>
              <a:gd name="connsiteX6038" fmla="*/ 2890532 w 6858000"/>
              <a:gd name="connsiteY6038" fmla="*/ 424620 h 6858000"/>
              <a:gd name="connsiteX6039" fmla="*/ 2890532 w 6858000"/>
              <a:gd name="connsiteY6039" fmla="*/ 412474 h 6858000"/>
              <a:gd name="connsiteX6040" fmla="*/ 2753810 w 6858000"/>
              <a:gd name="connsiteY6040" fmla="*/ 410956 h 6858000"/>
              <a:gd name="connsiteX6041" fmla="*/ 2753810 w 6858000"/>
              <a:gd name="connsiteY6041" fmla="*/ 426139 h 6858000"/>
              <a:gd name="connsiteX6042" fmla="*/ 2768993 w 6858000"/>
              <a:gd name="connsiteY6042" fmla="*/ 426139 h 6858000"/>
              <a:gd name="connsiteX6043" fmla="*/ 2768993 w 6858000"/>
              <a:gd name="connsiteY6043" fmla="*/ 410956 h 6858000"/>
              <a:gd name="connsiteX6044" fmla="*/ 2629012 w 6858000"/>
              <a:gd name="connsiteY6044" fmla="*/ 409215 h 6858000"/>
              <a:gd name="connsiteX6045" fmla="*/ 2629012 w 6858000"/>
              <a:gd name="connsiteY6045" fmla="*/ 427879 h 6858000"/>
              <a:gd name="connsiteX6046" fmla="*/ 2647676 w 6858000"/>
              <a:gd name="connsiteY6046" fmla="*/ 427879 h 6858000"/>
              <a:gd name="connsiteX6047" fmla="*/ 2647676 w 6858000"/>
              <a:gd name="connsiteY6047" fmla="*/ 409215 h 6858000"/>
              <a:gd name="connsiteX6048" fmla="*/ 2503548 w 6858000"/>
              <a:gd name="connsiteY6048" fmla="*/ 406808 h 6858000"/>
              <a:gd name="connsiteX6049" fmla="*/ 2503548 w 6858000"/>
              <a:gd name="connsiteY6049" fmla="*/ 430249 h 6858000"/>
              <a:gd name="connsiteX6050" fmla="*/ 2526989 w 6858000"/>
              <a:gd name="connsiteY6050" fmla="*/ 430249 h 6858000"/>
              <a:gd name="connsiteX6051" fmla="*/ 2526989 w 6858000"/>
              <a:gd name="connsiteY6051" fmla="*/ 406808 h 6858000"/>
              <a:gd name="connsiteX6052" fmla="*/ 2378083 w 6858000"/>
              <a:gd name="connsiteY6052" fmla="*/ 404438 h 6858000"/>
              <a:gd name="connsiteX6053" fmla="*/ 2378083 w 6858000"/>
              <a:gd name="connsiteY6053" fmla="*/ 432657 h 6858000"/>
              <a:gd name="connsiteX6054" fmla="*/ 2406301 w 6858000"/>
              <a:gd name="connsiteY6054" fmla="*/ 432657 h 6858000"/>
              <a:gd name="connsiteX6055" fmla="*/ 2406301 w 6858000"/>
              <a:gd name="connsiteY6055" fmla="*/ 404438 h 6858000"/>
              <a:gd name="connsiteX6056" fmla="*/ 2252434 w 6858000"/>
              <a:gd name="connsiteY6056" fmla="*/ 401810 h 6858000"/>
              <a:gd name="connsiteX6057" fmla="*/ 2252434 w 6858000"/>
              <a:gd name="connsiteY6057" fmla="*/ 435249 h 6858000"/>
              <a:gd name="connsiteX6058" fmla="*/ 2285874 w 6858000"/>
              <a:gd name="connsiteY6058" fmla="*/ 435249 h 6858000"/>
              <a:gd name="connsiteX6059" fmla="*/ 2285874 w 6858000"/>
              <a:gd name="connsiteY6059" fmla="*/ 401810 h 6858000"/>
              <a:gd name="connsiteX6060" fmla="*/ 2126562 w 6858000"/>
              <a:gd name="connsiteY6060" fmla="*/ 398995 h 6858000"/>
              <a:gd name="connsiteX6061" fmla="*/ 2126562 w 6858000"/>
              <a:gd name="connsiteY6061" fmla="*/ 438101 h 6858000"/>
              <a:gd name="connsiteX6062" fmla="*/ 2165668 w 6858000"/>
              <a:gd name="connsiteY6062" fmla="*/ 438101 h 6858000"/>
              <a:gd name="connsiteX6063" fmla="*/ 2165668 w 6858000"/>
              <a:gd name="connsiteY6063" fmla="*/ 398995 h 6858000"/>
              <a:gd name="connsiteX6064" fmla="*/ 2000468 w 6858000"/>
              <a:gd name="connsiteY6064" fmla="*/ 395959 h 6858000"/>
              <a:gd name="connsiteX6065" fmla="*/ 2000468 w 6858000"/>
              <a:gd name="connsiteY6065" fmla="*/ 441138 h 6858000"/>
              <a:gd name="connsiteX6066" fmla="*/ 2045647 w 6858000"/>
              <a:gd name="connsiteY6066" fmla="*/ 441138 h 6858000"/>
              <a:gd name="connsiteX6067" fmla="*/ 2045647 w 6858000"/>
              <a:gd name="connsiteY6067" fmla="*/ 395959 h 6858000"/>
              <a:gd name="connsiteX6068" fmla="*/ 1874337 w 6858000"/>
              <a:gd name="connsiteY6068" fmla="*/ 392922 h 6858000"/>
              <a:gd name="connsiteX6069" fmla="*/ 1874337 w 6858000"/>
              <a:gd name="connsiteY6069" fmla="*/ 444174 h 6858000"/>
              <a:gd name="connsiteX6070" fmla="*/ 1925589 w 6858000"/>
              <a:gd name="connsiteY6070" fmla="*/ 444174 h 6858000"/>
              <a:gd name="connsiteX6071" fmla="*/ 1925589 w 6858000"/>
              <a:gd name="connsiteY6071" fmla="*/ 392922 h 6858000"/>
              <a:gd name="connsiteX6072" fmla="*/ 1748021 w 6858000"/>
              <a:gd name="connsiteY6072" fmla="*/ 389663 h 6858000"/>
              <a:gd name="connsiteX6073" fmla="*/ 1748021 w 6858000"/>
              <a:gd name="connsiteY6073" fmla="*/ 447433 h 6858000"/>
              <a:gd name="connsiteX6074" fmla="*/ 1805791 w 6858000"/>
              <a:gd name="connsiteY6074" fmla="*/ 447433 h 6858000"/>
              <a:gd name="connsiteX6075" fmla="*/ 1805791 w 6858000"/>
              <a:gd name="connsiteY6075" fmla="*/ 389663 h 6858000"/>
              <a:gd name="connsiteX6076" fmla="*/ 1621705 w 6858000"/>
              <a:gd name="connsiteY6076" fmla="*/ 386404 h 6858000"/>
              <a:gd name="connsiteX6077" fmla="*/ 1621705 w 6858000"/>
              <a:gd name="connsiteY6077" fmla="*/ 450692 h 6858000"/>
              <a:gd name="connsiteX6078" fmla="*/ 1685993 w 6858000"/>
              <a:gd name="connsiteY6078" fmla="*/ 450692 h 6858000"/>
              <a:gd name="connsiteX6079" fmla="*/ 1685993 w 6858000"/>
              <a:gd name="connsiteY6079" fmla="*/ 386404 h 6858000"/>
              <a:gd name="connsiteX6080" fmla="*/ 1495389 w 6858000"/>
              <a:gd name="connsiteY6080" fmla="*/ 383146 h 6858000"/>
              <a:gd name="connsiteX6081" fmla="*/ 1495389 w 6858000"/>
              <a:gd name="connsiteY6081" fmla="*/ 453951 h 6858000"/>
              <a:gd name="connsiteX6082" fmla="*/ 1566194 w 6858000"/>
              <a:gd name="connsiteY6082" fmla="*/ 453951 h 6858000"/>
              <a:gd name="connsiteX6083" fmla="*/ 1566194 w 6858000"/>
              <a:gd name="connsiteY6083" fmla="*/ 383146 h 6858000"/>
              <a:gd name="connsiteX6084" fmla="*/ 1369295 w 6858000"/>
              <a:gd name="connsiteY6084" fmla="*/ 380109 h 6858000"/>
              <a:gd name="connsiteX6085" fmla="*/ 1369295 w 6858000"/>
              <a:gd name="connsiteY6085" fmla="*/ 456987 h 6858000"/>
              <a:gd name="connsiteX6086" fmla="*/ 1446174 w 6858000"/>
              <a:gd name="connsiteY6086" fmla="*/ 456987 h 6858000"/>
              <a:gd name="connsiteX6087" fmla="*/ 1446174 w 6858000"/>
              <a:gd name="connsiteY6087" fmla="*/ 380109 h 6858000"/>
              <a:gd name="connsiteX6088" fmla="*/ 1243423 w 6858000"/>
              <a:gd name="connsiteY6088" fmla="*/ 377295 h 6858000"/>
              <a:gd name="connsiteX6089" fmla="*/ 1243423 w 6858000"/>
              <a:gd name="connsiteY6089" fmla="*/ 459802 h 6858000"/>
              <a:gd name="connsiteX6090" fmla="*/ 1325930 w 6858000"/>
              <a:gd name="connsiteY6090" fmla="*/ 459802 h 6858000"/>
              <a:gd name="connsiteX6091" fmla="*/ 1325930 w 6858000"/>
              <a:gd name="connsiteY6091" fmla="*/ 377295 h 6858000"/>
              <a:gd name="connsiteX6092" fmla="*/ 1117514 w 6858000"/>
              <a:gd name="connsiteY6092" fmla="*/ 374443 h 6858000"/>
              <a:gd name="connsiteX6093" fmla="*/ 1117514 w 6858000"/>
              <a:gd name="connsiteY6093" fmla="*/ 462616 h 6858000"/>
              <a:gd name="connsiteX6094" fmla="*/ 1205687 w 6858000"/>
              <a:gd name="connsiteY6094" fmla="*/ 462616 h 6858000"/>
              <a:gd name="connsiteX6095" fmla="*/ 1205687 w 6858000"/>
              <a:gd name="connsiteY6095" fmla="*/ 374443 h 6858000"/>
              <a:gd name="connsiteX6096" fmla="*/ 992087 w 6858000"/>
              <a:gd name="connsiteY6096" fmla="*/ 372073 h 6858000"/>
              <a:gd name="connsiteX6097" fmla="*/ 992087 w 6858000"/>
              <a:gd name="connsiteY6097" fmla="*/ 465023 h 6858000"/>
              <a:gd name="connsiteX6098" fmla="*/ 1085037 w 6858000"/>
              <a:gd name="connsiteY6098" fmla="*/ 465023 h 6858000"/>
              <a:gd name="connsiteX6099" fmla="*/ 1085037 w 6858000"/>
              <a:gd name="connsiteY6099" fmla="*/ 372073 h 6858000"/>
              <a:gd name="connsiteX6100" fmla="*/ 866844 w 6858000"/>
              <a:gd name="connsiteY6100" fmla="*/ 369889 h 6858000"/>
              <a:gd name="connsiteX6101" fmla="*/ 866844 w 6858000"/>
              <a:gd name="connsiteY6101" fmla="*/ 467171 h 6858000"/>
              <a:gd name="connsiteX6102" fmla="*/ 964127 w 6858000"/>
              <a:gd name="connsiteY6102" fmla="*/ 467171 h 6858000"/>
              <a:gd name="connsiteX6103" fmla="*/ 964127 w 6858000"/>
              <a:gd name="connsiteY6103" fmla="*/ 369889 h 6858000"/>
              <a:gd name="connsiteX6104" fmla="*/ 742047 w 6858000"/>
              <a:gd name="connsiteY6104" fmla="*/ 368149 h 6858000"/>
              <a:gd name="connsiteX6105" fmla="*/ 742047 w 6858000"/>
              <a:gd name="connsiteY6105" fmla="*/ 468912 h 6858000"/>
              <a:gd name="connsiteX6106" fmla="*/ 842811 w 6858000"/>
              <a:gd name="connsiteY6106" fmla="*/ 468912 h 6858000"/>
              <a:gd name="connsiteX6107" fmla="*/ 842811 w 6858000"/>
              <a:gd name="connsiteY6107" fmla="*/ 368149 h 6858000"/>
              <a:gd name="connsiteX6108" fmla="*/ 617471 w 6858000"/>
              <a:gd name="connsiteY6108" fmla="*/ 366630 h 6858000"/>
              <a:gd name="connsiteX6109" fmla="*/ 617471 w 6858000"/>
              <a:gd name="connsiteY6109" fmla="*/ 470430 h 6858000"/>
              <a:gd name="connsiteX6110" fmla="*/ 721272 w 6858000"/>
              <a:gd name="connsiteY6110" fmla="*/ 470430 h 6858000"/>
              <a:gd name="connsiteX6111" fmla="*/ 721272 w 6858000"/>
              <a:gd name="connsiteY6111" fmla="*/ 366630 h 6858000"/>
              <a:gd name="connsiteX6112" fmla="*/ 493118 w 6858000"/>
              <a:gd name="connsiteY6112" fmla="*/ 365371 h 6858000"/>
              <a:gd name="connsiteX6113" fmla="*/ 493118 w 6858000"/>
              <a:gd name="connsiteY6113" fmla="*/ 471764 h 6858000"/>
              <a:gd name="connsiteX6114" fmla="*/ 599511 w 6858000"/>
              <a:gd name="connsiteY6114" fmla="*/ 471764 h 6858000"/>
              <a:gd name="connsiteX6115" fmla="*/ 599511 w 6858000"/>
              <a:gd name="connsiteY6115" fmla="*/ 365371 h 6858000"/>
              <a:gd name="connsiteX6116" fmla="*/ 369171 w 6858000"/>
              <a:gd name="connsiteY6116" fmla="*/ 364483 h 6858000"/>
              <a:gd name="connsiteX6117" fmla="*/ 369171 w 6858000"/>
              <a:gd name="connsiteY6117" fmla="*/ 472615 h 6858000"/>
              <a:gd name="connsiteX6118" fmla="*/ 477304 w 6858000"/>
              <a:gd name="connsiteY6118" fmla="*/ 472615 h 6858000"/>
              <a:gd name="connsiteX6119" fmla="*/ 477304 w 6858000"/>
              <a:gd name="connsiteY6119" fmla="*/ 364483 h 6858000"/>
              <a:gd name="connsiteX6120" fmla="*/ 245485 w 6858000"/>
              <a:gd name="connsiteY6120" fmla="*/ 363816 h 6858000"/>
              <a:gd name="connsiteX6121" fmla="*/ 245485 w 6858000"/>
              <a:gd name="connsiteY6121" fmla="*/ 473283 h 6858000"/>
              <a:gd name="connsiteX6122" fmla="*/ 354952 w 6858000"/>
              <a:gd name="connsiteY6122" fmla="*/ 473283 h 6858000"/>
              <a:gd name="connsiteX6123" fmla="*/ 354952 w 6858000"/>
              <a:gd name="connsiteY6123" fmla="*/ 363816 h 6858000"/>
              <a:gd name="connsiteX6124" fmla="*/ 121983 w 6858000"/>
              <a:gd name="connsiteY6124" fmla="*/ 363372 h 6858000"/>
              <a:gd name="connsiteX6125" fmla="*/ 121983 w 6858000"/>
              <a:gd name="connsiteY6125" fmla="*/ 473690 h 6858000"/>
              <a:gd name="connsiteX6126" fmla="*/ 232301 w 6858000"/>
              <a:gd name="connsiteY6126" fmla="*/ 473690 h 6858000"/>
              <a:gd name="connsiteX6127" fmla="*/ 232301 w 6858000"/>
              <a:gd name="connsiteY6127" fmla="*/ 363372 h 6858000"/>
              <a:gd name="connsiteX6128" fmla="*/ 5468514 w 6858000"/>
              <a:gd name="connsiteY6128" fmla="*/ 295264 h 6858000"/>
              <a:gd name="connsiteX6129" fmla="*/ 5468514 w 6858000"/>
              <a:gd name="connsiteY6129" fmla="*/ 295708 h 6858000"/>
              <a:gd name="connsiteX6130" fmla="*/ 5468958 w 6858000"/>
              <a:gd name="connsiteY6130" fmla="*/ 295708 h 6858000"/>
              <a:gd name="connsiteX6131" fmla="*/ 5468958 w 6858000"/>
              <a:gd name="connsiteY6131" fmla="*/ 295264 h 6858000"/>
              <a:gd name="connsiteX6132" fmla="*/ 5345457 w 6858000"/>
              <a:gd name="connsiteY6132" fmla="*/ 295264 h 6858000"/>
              <a:gd name="connsiteX6133" fmla="*/ 5345457 w 6858000"/>
              <a:gd name="connsiteY6133" fmla="*/ 295708 h 6858000"/>
              <a:gd name="connsiteX6134" fmla="*/ 5345901 w 6858000"/>
              <a:gd name="connsiteY6134" fmla="*/ 295708 h 6858000"/>
              <a:gd name="connsiteX6135" fmla="*/ 5345901 w 6858000"/>
              <a:gd name="connsiteY6135" fmla="*/ 295264 h 6858000"/>
              <a:gd name="connsiteX6136" fmla="*/ 5222400 w 6858000"/>
              <a:gd name="connsiteY6136" fmla="*/ 295264 h 6858000"/>
              <a:gd name="connsiteX6137" fmla="*/ 5222400 w 6858000"/>
              <a:gd name="connsiteY6137" fmla="*/ 295708 h 6858000"/>
              <a:gd name="connsiteX6138" fmla="*/ 5222844 w 6858000"/>
              <a:gd name="connsiteY6138" fmla="*/ 295708 h 6858000"/>
              <a:gd name="connsiteX6139" fmla="*/ 5222844 w 6858000"/>
              <a:gd name="connsiteY6139" fmla="*/ 295264 h 6858000"/>
              <a:gd name="connsiteX6140" fmla="*/ 5099305 w 6858000"/>
              <a:gd name="connsiteY6140" fmla="*/ 295264 h 6858000"/>
              <a:gd name="connsiteX6141" fmla="*/ 5099305 w 6858000"/>
              <a:gd name="connsiteY6141" fmla="*/ 295708 h 6858000"/>
              <a:gd name="connsiteX6142" fmla="*/ 5099749 w 6858000"/>
              <a:gd name="connsiteY6142" fmla="*/ 295708 h 6858000"/>
              <a:gd name="connsiteX6143" fmla="*/ 5099749 w 6858000"/>
              <a:gd name="connsiteY6143" fmla="*/ 295264 h 6858000"/>
              <a:gd name="connsiteX6144" fmla="*/ 4976248 w 6858000"/>
              <a:gd name="connsiteY6144" fmla="*/ 295264 h 6858000"/>
              <a:gd name="connsiteX6145" fmla="*/ 4976248 w 6858000"/>
              <a:gd name="connsiteY6145" fmla="*/ 295708 h 6858000"/>
              <a:gd name="connsiteX6146" fmla="*/ 4976692 w 6858000"/>
              <a:gd name="connsiteY6146" fmla="*/ 295708 h 6858000"/>
              <a:gd name="connsiteX6147" fmla="*/ 4976692 w 6858000"/>
              <a:gd name="connsiteY6147" fmla="*/ 295264 h 6858000"/>
              <a:gd name="connsiteX6148" fmla="*/ 4853191 w 6858000"/>
              <a:gd name="connsiteY6148" fmla="*/ 295264 h 6858000"/>
              <a:gd name="connsiteX6149" fmla="*/ 4853191 w 6858000"/>
              <a:gd name="connsiteY6149" fmla="*/ 295708 h 6858000"/>
              <a:gd name="connsiteX6150" fmla="*/ 4853636 w 6858000"/>
              <a:gd name="connsiteY6150" fmla="*/ 295708 h 6858000"/>
              <a:gd name="connsiteX6151" fmla="*/ 4853636 w 6858000"/>
              <a:gd name="connsiteY6151" fmla="*/ 295264 h 6858000"/>
              <a:gd name="connsiteX6152" fmla="*/ 4730133 w 6858000"/>
              <a:gd name="connsiteY6152" fmla="*/ 295264 h 6858000"/>
              <a:gd name="connsiteX6153" fmla="*/ 4730133 w 6858000"/>
              <a:gd name="connsiteY6153" fmla="*/ 295708 h 6858000"/>
              <a:gd name="connsiteX6154" fmla="*/ 4730578 w 6858000"/>
              <a:gd name="connsiteY6154" fmla="*/ 295708 h 6858000"/>
              <a:gd name="connsiteX6155" fmla="*/ 4730578 w 6858000"/>
              <a:gd name="connsiteY6155" fmla="*/ 295264 h 6858000"/>
              <a:gd name="connsiteX6156" fmla="*/ 4360961 w 6858000"/>
              <a:gd name="connsiteY6156" fmla="*/ 295264 h 6858000"/>
              <a:gd name="connsiteX6157" fmla="*/ 4360961 w 6858000"/>
              <a:gd name="connsiteY6157" fmla="*/ 295708 h 6858000"/>
              <a:gd name="connsiteX6158" fmla="*/ 4361405 w 6858000"/>
              <a:gd name="connsiteY6158" fmla="*/ 295708 h 6858000"/>
              <a:gd name="connsiteX6159" fmla="*/ 4361405 w 6858000"/>
              <a:gd name="connsiteY6159" fmla="*/ 295264 h 6858000"/>
              <a:gd name="connsiteX6160" fmla="*/ 4237904 w 6858000"/>
              <a:gd name="connsiteY6160" fmla="*/ 295264 h 6858000"/>
              <a:gd name="connsiteX6161" fmla="*/ 4237904 w 6858000"/>
              <a:gd name="connsiteY6161" fmla="*/ 295708 h 6858000"/>
              <a:gd name="connsiteX6162" fmla="*/ 4238348 w 6858000"/>
              <a:gd name="connsiteY6162" fmla="*/ 295708 h 6858000"/>
              <a:gd name="connsiteX6163" fmla="*/ 4238348 w 6858000"/>
              <a:gd name="connsiteY6163" fmla="*/ 295264 h 6858000"/>
              <a:gd name="connsiteX6164" fmla="*/ 4114847 w 6858000"/>
              <a:gd name="connsiteY6164" fmla="*/ 295264 h 6858000"/>
              <a:gd name="connsiteX6165" fmla="*/ 4114847 w 6858000"/>
              <a:gd name="connsiteY6165" fmla="*/ 295708 h 6858000"/>
              <a:gd name="connsiteX6166" fmla="*/ 4115291 w 6858000"/>
              <a:gd name="connsiteY6166" fmla="*/ 295708 h 6858000"/>
              <a:gd name="connsiteX6167" fmla="*/ 4115291 w 6858000"/>
              <a:gd name="connsiteY6167" fmla="*/ 295264 h 6858000"/>
              <a:gd name="connsiteX6168" fmla="*/ 3991789 w 6858000"/>
              <a:gd name="connsiteY6168" fmla="*/ 295264 h 6858000"/>
              <a:gd name="connsiteX6169" fmla="*/ 3991789 w 6858000"/>
              <a:gd name="connsiteY6169" fmla="*/ 295708 h 6858000"/>
              <a:gd name="connsiteX6170" fmla="*/ 3992234 w 6858000"/>
              <a:gd name="connsiteY6170" fmla="*/ 295708 h 6858000"/>
              <a:gd name="connsiteX6171" fmla="*/ 3992234 w 6858000"/>
              <a:gd name="connsiteY6171" fmla="*/ 295264 h 6858000"/>
              <a:gd name="connsiteX6172" fmla="*/ 5714629 w 6858000"/>
              <a:gd name="connsiteY6172" fmla="*/ 295263 h 6858000"/>
              <a:gd name="connsiteX6173" fmla="*/ 5714629 w 6858000"/>
              <a:gd name="connsiteY6173" fmla="*/ 295707 h 6858000"/>
              <a:gd name="connsiteX6174" fmla="*/ 5715073 w 6858000"/>
              <a:gd name="connsiteY6174" fmla="*/ 295707 h 6858000"/>
              <a:gd name="connsiteX6175" fmla="*/ 5715073 w 6858000"/>
              <a:gd name="connsiteY6175" fmla="*/ 295263 h 6858000"/>
              <a:gd name="connsiteX6176" fmla="*/ 5591572 w 6858000"/>
              <a:gd name="connsiteY6176" fmla="*/ 295263 h 6858000"/>
              <a:gd name="connsiteX6177" fmla="*/ 5591572 w 6858000"/>
              <a:gd name="connsiteY6177" fmla="*/ 295707 h 6858000"/>
              <a:gd name="connsiteX6178" fmla="*/ 5592017 w 6858000"/>
              <a:gd name="connsiteY6178" fmla="*/ 295707 h 6858000"/>
              <a:gd name="connsiteX6179" fmla="*/ 5592017 w 6858000"/>
              <a:gd name="connsiteY6179" fmla="*/ 295263 h 6858000"/>
              <a:gd name="connsiteX6180" fmla="*/ 3868510 w 6858000"/>
              <a:gd name="connsiteY6180" fmla="*/ 295041 h 6858000"/>
              <a:gd name="connsiteX6181" fmla="*/ 3868510 w 6858000"/>
              <a:gd name="connsiteY6181" fmla="*/ 295893 h 6858000"/>
              <a:gd name="connsiteX6182" fmla="*/ 3869362 w 6858000"/>
              <a:gd name="connsiteY6182" fmla="*/ 295893 h 6858000"/>
              <a:gd name="connsiteX6183" fmla="*/ 3869362 w 6858000"/>
              <a:gd name="connsiteY6183" fmla="*/ 295041 h 6858000"/>
              <a:gd name="connsiteX6184" fmla="*/ 3745230 w 6858000"/>
              <a:gd name="connsiteY6184" fmla="*/ 294820 h 6858000"/>
              <a:gd name="connsiteX6185" fmla="*/ 3745230 w 6858000"/>
              <a:gd name="connsiteY6185" fmla="*/ 296115 h 6858000"/>
              <a:gd name="connsiteX6186" fmla="*/ 3746526 w 6858000"/>
              <a:gd name="connsiteY6186" fmla="*/ 296115 h 6858000"/>
              <a:gd name="connsiteX6187" fmla="*/ 3746526 w 6858000"/>
              <a:gd name="connsiteY6187" fmla="*/ 294820 h 6858000"/>
              <a:gd name="connsiteX6188" fmla="*/ 3621729 w 6858000"/>
              <a:gd name="connsiteY6188" fmla="*/ 294376 h 6858000"/>
              <a:gd name="connsiteX6189" fmla="*/ 3621729 w 6858000"/>
              <a:gd name="connsiteY6189" fmla="*/ 296561 h 6858000"/>
              <a:gd name="connsiteX6190" fmla="*/ 3623914 w 6858000"/>
              <a:gd name="connsiteY6190" fmla="*/ 296561 h 6858000"/>
              <a:gd name="connsiteX6191" fmla="*/ 3623914 w 6858000"/>
              <a:gd name="connsiteY6191" fmla="*/ 294376 h 6858000"/>
              <a:gd name="connsiteX6192" fmla="*/ 3498227 w 6858000"/>
              <a:gd name="connsiteY6192" fmla="*/ 293968 h 6858000"/>
              <a:gd name="connsiteX6193" fmla="*/ 3498227 w 6858000"/>
              <a:gd name="connsiteY6193" fmla="*/ 297005 h 6858000"/>
              <a:gd name="connsiteX6194" fmla="*/ 3501264 w 6858000"/>
              <a:gd name="connsiteY6194" fmla="*/ 297005 h 6858000"/>
              <a:gd name="connsiteX6195" fmla="*/ 3501264 w 6858000"/>
              <a:gd name="connsiteY6195" fmla="*/ 293968 h 6858000"/>
              <a:gd name="connsiteX6196" fmla="*/ 3374540 w 6858000"/>
              <a:gd name="connsiteY6196" fmla="*/ 293302 h 6858000"/>
              <a:gd name="connsiteX6197" fmla="*/ 3374540 w 6858000"/>
              <a:gd name="connsiteY6197" fmla="*/ 297635 h 6858000"/>
              <a:gd name="connsiteX6198" fmla="*/ 3378873 w 6858000"/>
              <a:gd name="connsiteY6198" fmla="*/ 297635 h 6858000"/>
              <a:gd name="connsiteX6199" fmla="*/ 3378873 w 6858000"/>
              <a:gd name="connsiteY6199" fmla="*/ 293302 h 6858000"/>
              <a:gd name="connsiteX6200" fmla="*/ 3250816 w 6858000"/>
              <a:gd name="connsiteY6200" fmla="*/ 292672 h 6858000"/>
              <a:gd name="connsiteX6201" fmla="*/ 3250816 w 6858000"/>
              <a:gd name="connsiteY6201" fmla="*/ 298301 h 6858000"/>
              <a:gd name="connsiteX6202" fmla="*/ 3256445 w 6858000"/>
              <a:gd name="connsiteY6202" fmla="*/ 298301 h 6858000"/>
              <a:gd name="connsiteX6203" fmla="*/ 3256445 w 6858000"/>
              <a:gd name="connsiteY6203" fmla="*/ 292672 h 6858000"/>
              <a:gd name="connsiteX6204" fmla="*/ 3126870 w 6858000"/>
              <a:gd name="connsiteY6204" fmla="*/ 291784 h 6858000"/>
              <a:gd name="connsiteX6205" fmla="*/ 3126870 w 6858000"/>
              <a:gd name="connsiteY6205" fmla="*/ 299153 h 6858000"/>
              <a:gd name="connsiteX6206" fmla="*/ 3134239 w 6858000"/>
              <a:gd name="connsiteY6206" fmla="*/ 299153 h 6858000"/>
              <a:gd name="connsiteX6207" fmla="*/ 3134239 w 6858000"/>
              <a:gd name="connsiteY6207" fmla="*/ 291784 h 6858000"/>
              <a:gd name="connsiteX6208" fmla="*/ 3002517 w 6858000"/>
              <a:gd name="connsiteY6208" fmla="*/ 290488 h 6858000"/>
              <a:gd name="connsiteX6209" fmla="*/ 3002517 w 6858000"/>
              <a:gd name="connsiteY6209" fmla="*/ 300486 h 6858000"/>
              <a:gd name="connsiteX6210" fmla="*/ 3012516 w 6858000"/>
              <a:gd name="connsiteY6210" fmla="*/ 300486 h 6858000"/>
              <a:gd name="connsiteX6211" fmla="*/ 3012516 w 6858000"/>
              <a:gd name="connsiteY6211" fmla="*/ 290488 h 6858000"/>
              <a:gd name="connsiteX6212" fmla="*/ 2878163 w 6858000"/>
              <a:gd name="connsiteY6212" fmla="*/ 289191 h 6858000"/>
              <a:gd name="connsiteX6213" fmla="*/ 2878163 w 6858000"/>
              <a:gd name="connsiteY6213" fmla="*/ 301782 h 6858000"/>
              <a:gd name="connsiteX6214" fmla="*/ 2890754 w 6858000"/>
              <a:gd name="connsiteY6214" fmla="*/ 301782 h 6858000"/>
              <a:gd name="connsiteX6215" fmla="*/ 2890754 w 6858000"/>
              <a:gd name="connsiteY6215" fmla="*/ 289191 h 6858000"/>
              <a:gd name="connsiteX6216" fmla="*/ 2753365 w 6858000"/>
              <a:gd name="connsiteY6216" fmla="*/ 287451 h 6858000"/>
              <a:gd name="connsiteX6217" fmla="*/ 2753365 w 6858000"/>
              <a:gd name="connsiteY6217" fmla="*/ 303523 h 6858000"/>
              <a:gd name="connsiteX6218" fmla="*/ 2769437 w 6858000"/>
              <a:gd name="connsiteY6218" fmla="*/ 303523 h 6858000"/>
              <a:gd name="connsiteX6219" fmla="*/ 2769437 w 6858000"/>
              <a:gd name="connsiteY6219" fmla="*/ 287451 h 6858000"/>
              <a:gd name="connsiteX6220" fmla="*/ 2628568 w 6858000"/>
              <a:gd name="connsiteY6220" fmla="*/ 285710 h 6858000"/>
              <a:gd name="connsiteX6221" fmla="*/ 2628568 w 6858000"/>
              <a:gd name="connsiteY6221" fmla="*/ 305263 h 6858000"/>
              <a:gd name="connsiteX6222" fmla="*/ 2648121 w 6858000"/>
              <a:gd name="connsiteY6222" fmla="*/ 305263 h 6858000"/>
              <a:gd name="connsiteX6223" fmla="*/ 2648121 w 6858000"/>
              <a:gd name="connsiteY6223" fmla="*/ 285710 h 6858000"/>
              <a:gd name="connsiteX6224" fmla="*/ 2503325 w 6858000"/>
              <a:gd name="connsiteY6224" fmla="*/ 283526 h 6858000"/>
              <a:gd name="connsiteX6225" fmla="*/ 2503325 w 6858000"/>
              <a:gd name="connsiteY6225" fmla="*/ 307411 h 6858000"/>
              <a:gd name="connsiteX6226" fmla="*/ 2527211 w 6858000"/>
              <a:gd name="connsiteY6226" fmla="*/ 307411 h 6858000"/>
              <a:gd name="connsiteX6227" fmla="*/ 2527211 w 6858000"/>
              <a:gd name="connsiteY6227" fmla="*/ 283526 h 6858000"/>
              <a:gd name="connsiteX6228" fmla="*/ 2377898 w 6858000"/>
              <a:gd name="connsiteY6228" fmla="*/ 281155 h 6858000"/>
              <a:gd name="connsiteX6229" fmla="*/ 2377898 w 6858000"/>
              <a:gd name="connsiteY6229" fmla="*/ 309818 h 6858000"/>
              <a:gd name="connsiteX6230" fmla="*/ 2406561 w 6858000"/>
              <a:gd name="connsiteY6230" fmla="*/ 309818 h 6858000"/>
              <a:gd name="connsiteX6231" fmla="*/ 2406561 w 6858000"/>
              <a:gd name="connsiteY6231" fmla="*/ 281155 h 6858000"/>
              <a:gd name="connsiteX6232" fmla="*/ 2252211 w 6858000"/>
              <a:gd name="connsiteY6232" fmla="*/ 278527 h 6858000"/>
              <a:gd name="connsiteX6233" fmla="*/ 2252211 w 6858000"/>
              <a:gd name="connsiteY6233" fmla="*/ 312410 h 6858000"/>
              <a:gd name="connsiteX6234" fmla="*/ 2286095 w 6858000"/>
              <a:gd name="connsiteY6234" fmla="*/ 312410 h 6858000"/>
              <a:gd name="connsiteX6235" fmla="*/ 2286095 w 6858000"/>
              <a:gd name="connsiteY6235" fmla="*/ 278527 h 6858000"/>
              <a:gd name="connsiteX6236" fmla="*/ 2126117 w 6858000"/>
              <a:gd name="connsiteY6236" fmla="*/ 275491 h 6858000"/>
              <a:gd name="connsiteX6237" fmla="*/ 2126117 w 6858000"/>
              <a:gd name="connsiteY6237" fmla="*/ 315448 h 6858000"/>
              <a:gd name="connsiteX6238" fmla="*/ 2166074 w 6858000"/>
              <a:gd name="connsiteY6238" fmla="*/ 315448 h 6858000"/>
              <a:gd name="connsiteX6239" fmla="*/ 2166074 w 6858000"/>
              <a:gd name="connsiteY6239" fmla="*/ 275491 h 6858000"/>
              <a:gd name="connsiteX6240" fmla="*/ 2000246 w 6858000"/>
              <a:gd name="connsiteY6240" fmla="*/ 272676 h 6858000"/>
              <a:gd name="connsiteX6241" fmla="*/ 2000246 w 6858000"/>
              <a:gd name="connsiteY6241" fmla="*/ 318263 h 6858000"/>
              <a:gd name="connsiteX6242" fmla="*/ 2045832 w 6858000"/>
              <a:gd name="connsiteY6242" fmla="*/ 318263 h 6858000"/>
              <a:gd name="connsiteX6243" fmla="*/ 2045832 w 6858000"/>
              <a:gd name="connsiteY6243" fmla="*/ 272676 h 6858000"/>
              <a:gd name="connsiteX6244" fmla="*/ 1874152 w 6858000"/>
              <a:gd name="connsiteY6244" fmla="*/ 269640 h 6858000"/>
              <a:gd name="connsiteX6245" fmla="*/ 1874152 w 6858000"/>
              <a:gd name="connsiteY6245" fmla="*/ 321336 h 6858000"/>
              <a:gd name="connsiteX6246" fmla="*/ 1925849 w 6858000"/>
              <a:gd name="connsiteY6246" fmla="*/ 321336 h 6858000"/>
              <a:gd name="connsiteX6247" fmla="*/ 1925849 w 6858000"/>
              <a:gd name="connsiteY6247" fmla="*/ 269640 h 6858000"/>
              <a:gd name="connsiteX6248" fmla="*/ 1747799 w 6858000"/>
              <a:gd name="connsiteY6248" fmla="*/ 266381 h 6858000"/>
              <a:gd name="connsiteX6249" fmla="*/ 1747799 w 6858000"/>
              <a:gd name="connsiteY6249" fmla="*/ 324595 h 6858000"/>
              <a:gd name="connsiteX6250" fmla="*/ 1806013 w 6858000"/>
              <a:gd name="connsiteY6250" fmla="*/ 324595 h 6858000"/>
              <a:gd name="connsiteX6251" fmla="*/ 1806013 w 6858000"/>
              <a:gd name="connsiteY6251" fmla="*/ 266381 h 6858000"/>
              <a:gd name="connsiteX6252" fmla="*/ 1621705 w 6858000"/>
              <a:gd name="connsiteY6252" fmla="*/ 263344 h 6858000"/>
              <a:gd name="connsiteX6253" fmla="*/ 1621705 w 6858000"/>
              <a:gd name="connsiteY6253" fmla="*/ 327632 h 6858000"/>
              <a:gd name="connsiteX6254" fmla="*/ 1685993 w 6858000"/>
              <a:gd name="connsiteY6254" fmla="*/ 327632 h 6858000"/>
              <a:gd name="connsiteX6255" fmla="*/ 1685993 w 6858000"/>
              <a:gd name="connsiteY6255" fmla="*/ 263344 h 6858000"/>
              <a:gd name="connsiteX6256" fmla="*/ 1495389 w 6858000"/>
              <a:gd name="connsiteY6256" fmla="*/ 260085 h 6858000"/>
              <a:gd name="connsiteX6257" fmla="*/ 1495389 w 6858000"/>
              <a:gd name="connsiteY6257" fmla="*/ 330890 h 6858000"/>
              <a:gd name="connsiteX6258" fmla="*/ 1566194 w 6858000"/>
              <a:gd name="connsiteY6258" fmla="*/ 330890 h 6858000"/>
              <a:gd name="connsiteX6259" fmla="*/ 1566194 w 6858000"/>
              <a:gd name="connsiteY6259" fmla="*/ 260085 h 6858000"/>
              <a:gd name="connsiteX6260" fmla="*/ 1369295 w 6858000"/>
              <a:gd name="connsiteY6260" fmla="*/ 257049 h 6858000"/>
              <a:gd name="connsiteX6261" fmla="*/ 1369295 w 6858000"/>
              <a:gd name="connsiteY6261" fmla="*/ 333927 h 6858000"/>
              <a:gd name="connsiteX6262" fmla="*/ 1446174 w 6858000"/>
              <a:gd name="connsiteY6262" fmla="*/ 333927 h 6858000"/>
              <a:gd name="connsiteX6263" fmla="*/ 1446174 w 6858000"/>
              <a:gd name="connsiteY6263" fmla="*/ 257049 h 6858000"/>
              <a:gd name="connsiteX6264" fmla="*/ 1243423 w 6858000"/>
              <a:gd name="connsiteY6264" fmla="*/ 254235 h 6858000"/>
              <a:gd name="connsiteX6265" fmla="*/ 1243423 w 6858000"/>
              <a:gd name="connsiteY6265" fmla="*/ 336742 h 6858000"/>
              <a:gd name="connsiteX6266" fmla="*/ 1325930 w 6858000"/>
              <a:gd name="connsiteY6266" fmla="*/ 336742 h 6858000"/>
              <a:gd name="connsiteX6267" fmla="*/ 1325930 w 6858000"/>
              <a:gd name="connsiteY6267" fmla="*/ 254235 h 6858000"/>
              <a:gd name="connsiteX6268" fmla="*/ 1117736 w 6858000"/>
              <a:gd name="connsiteY6268" fmla="*/ 251605 h 6858000"/>
              <a:gd name="connsiteX6269" fmla="*/ 1117736 w 6858000"/>
              <a:gd name="connsiteY6269" fmla="*/ 339334 h 6858000"/>
              <a:gd name="connsiteX6270" fmla="*/ 1205465 w 6858000"/>
              <a:gd name="connsiteY6270" fmla="*/ 339334 h 6858000"/>
              <a:gd name="connsiteX6271" fmla="*/ 1205465 w 6858000"/>
              <a:gd name="connsiteY6271" fmla="*/ 251605 h 6858000"/>
              <a:gd name="connsiteX6272" fmla="*/ 992309 w 6858000"/>
              <a:gd name="connsiteY6272" fmla="*/ 249235 h 6858000"/>
              <a:gd name="connsiteX6273" fmla="*/ 992309 w 6858000"/>
              <a:gd name="connsiteY6273" fmla="*/ 341741 h 6858000"/>
              <a:gd name="connsiteX6274" fmla="*/ 1084815 w 6858000"/>
              <a:gd name="connsiteY6274" fmla="*/ 341741 h 6858000"/>
              <a:gd name="connsiteX6275" fmla="*/ 1084815 w 6858000"/>
              <a:gd name="connsiteY6275" fmla="*/ 249235 h 6858000"/>
              <a:gd name="connsiteX6276" fmla="*/ 867067 w 6858000"/>
              <a:gd name="connsiteY6276" fmla="*/ 247050 h 6858000"/>
              <a:gd name="connsiteX6277" fmla="*/ 867067 w 6858000"/>
              <a:gd name="connsiteY6277" fmla="*/ 343889 h 6858000"/>
              <a:gd name="connsiteX6278" fmla="*/ 963906 w 6858000"/>
              <a:gd name="connsiteY6278" fmla="*/ 343889 h 6858000"/>
              <a:gd name="connsiteX6279" fmla="*/ 963906 w 6858000"/>
              <a:gd name="connsiteY6279" fmla="*/ 247050 h 6858000"/>
              <a:gd name="connsiteX6280" fmla="*/ 742269 w 6858000"/>
              <a:gd name="connsiteY6280" fmla="*/ 245309 h 6858000"/>
              <a:gd name="connsiteX6281" fmla="*/ 742269 w 6858000"/>
              <a:gd name="connsiteY6281" fmla="*/ 345629 h 6858000"/>
              <a:gd name="connsiteX6282" fmla="*/ 842589 w 6858000"/>
              <a:gd name="connsiteY6282" fmla="*/ 345629 h 6858000"/>
              <a:gd name="connsiteX6283" fmla="*/ 842589 w 6858000"/>
              <a:gd name="connsiteY6283" fmla="*/ 245309 h 6858000"/>
              <a:gd name="connsiteX6284" fmla="*/ 617693 w 6858000"/>
              <a:gd name="connsiteY6284" fmla="*/ 243793 h 6858000"/>
              <a:gd name="connsiteX6285" fmla="*/ 617693 w 6858000"/>
              <a:gd name="connsiteY6285" fmla="*/ 347148 h 6858000"/>
              <a:gd name="connsiteX6286" fmla="*/ 721049 w 6858000"/>
              <a:gd name="connsiteY6286" fmla="*/ 347148 h 6858000"/>
              <a:gd name="connsiteX6287" fmla="*/ 721049 w 6858000"/>
              <a:gd name="connsiteY6287" fmla="*/ 243793 h 6858000"/>
              <a:gd name="connsiteX6288" fmla="*/ 493340 w 6858000"/>
              <a:gd name="connsiteY6288" fmla="*/ 242496 h 6858000"/>
              <a:gd name="connsiteX6289" fmla="*/ 493340 w 6858000"/>
              <a:gd name="connsiteY6289" fmla="*/ 348482 h 6858000"/>
              <a:gd name="connsiteX6290" fmla="*/ 599326 w 6858000"/>
              <a:gd name="connsiteY6290" fmla="*/ 348482 h 6858000"/>
              <a:gd name="connsiteX6291" fmla="*/ 599326 w 6858000"/>
              <a:gd name="connsiteY6291" fmla="*/ 242496 h 6858000"/>
              <a:gd name="connsiteX6292" fmla="*/ 369394 w 6858000"/>
              <a:gd name="connsiteY6292" fmla="*/ 241607 h 6858000"/>
              <a:gd name="connsiteX6293" fmla="*/ 369394 w 6858000"/>
              <a:gd name="connsiteY6293" fmla="*/ 349332 h 6858000"/>
              <a:gd name="connsiteX6294" fmla="*/ 477120 w 6858000"/>
              <a:gd name="connsiteY6294" fmla="*/ 349332 h 6858000"/>
              <a:gd name="connsiteX6295" fmla="*/ 477120 w 6858000"/>
              <a:gd name="connsiteY6295" fmla="*/ 241607 h 6858000"/>
              <a:gd name="connsiteX6296" fmla="*/ 245485 w 6858000"/>
              <a:gd name="connsiteY6296" fmla="*/ 240755 h 6858000"/>
              <a:gd name="connsiteX6297" fmla="*/ 245485 w 6858000"/>
              <a:gd name="connsiteY6297" fmla="*/ 350222 h 6858000"/>
              <a:gd name="connsiteX6298" fmla="*/ 354952 w 6858000"/>
              <a:gd name="connsiteY6298" fmla="*/ 350222 h 6858000"/>
              <a:gd name="connsiteX6299" fmla="*/ 354952 w 6858000"/>
              <a:gd name="connsiteY6299" fmla="*/ 240755 h 6858000"/>
              <a:gd name="connsiteX6300" fmla="*/ 121983 w 6858000"/>
              <a:gd name="connsiteY6300" fmla="*/ 240312 h 6858000"/>
              <a:gd name="connsiteX6301" fmla="*/ 121983 w 6858000"/>
              <a:gd name="connsiteY6301" fmla="*/ 350630 h 6858000"/>
              <a:gd name="connsiteX6302" fmla="*/ 232301 w 6858000"/>
              <a:gd name="connsiteY6302" fmla="*/ 350630 h 6858000"/>
              <a:gd name="connsiteX6303" fmla="*/ 232301 w 6858000"/>
              <a:gd name="connsiteY6303" fmla="*/ 240312 h 6858000"/>
              <a:gd name="connsiteX6304" fmla="*/ 4484019 w 6858000"/>
              <a:gd name="connsiteY6304" fmla="*/ 172204 h 6858000"/>
              <a:gd name="connsiteX6305" fmla="*/ 4484019 w 6858000"/>
              <a:gd name="connsiteY6305" fmla="*/ 172648 h 6858000"/>
              <a:gd name="connsiteX6306" fmla="*/ 4484463 w 6858000"/>
              <a:gd name="connsiteY6306" fmla="*/ 172648 h 6858000"/>
              <a:gd name="connsiteX6307" fmla="*/ 4484463 w 6858000"/>
              <a:gd name="connsiteY6307" fmla="*/ 172204 h 6858000"/>
              <a:gd name="connsiteX6308" fmla="*/ 4360961 w 6858000"/>
              <a:gd name="connsiteY6308" fmla="*/ 172204 h 6858000"/>
              <a:gd name="connsiteX6309" fmla="*/ 4360961 w 6858000"/>
              <a:gd name="connsiteY6309" fmla="*/ 172648 h 6858000"/>
              <a:gd name="connsiteX6310" fmla="*/ 4361405 w 6858000"/>
              <a:gd name="connsiteY6310" fmla="*/ 172648 h 6858000"/>
              <a:gd name="connsiteX6311" fmla="*/ 4361405 w 6858000"/>
              <a:gd name="connsiteY6311" fmla="*/ 172204 h 6858000"/>
              <a:gd name="connsiteX6312" fmla="*/ 4237904 w 6858000"/>
              <a:gd name="connsiteY6312" fmla="*/ 172204 h 6858000"/>
              <a:gd name="connsiteX6313" fmla="*/ 4237904 w 6858000"/>
              <a:gd name="connsiteY6313" fmla="*/ 172648 h 6858000"/>
              <a:gd name="connsiteX6314" fmla="*/ 4238348 w 6858000"/>
              <a:gd name="connsiteY6314" fmla="*/ 172648 h 6858000"/>
              <a:gd name="connsiteX6315" fmla="*/ 4238348 w 6858000"/>
              <a:gd name="connsiteY6315" fmla="*/ 172204 h 6858000"/>
              <a:gd name="connsiteX6316" fmla="*/ 4114847 w 6858000"/>
              <a:gd name="connsiteY6316" fmla="*/ 172204 h 6858000"/>
              <a:gd name="connsiteX6317" fmla="*/ 4114847 w 6858000"/>
              <a:gd name="connsiteY6317" fmla="*/ 172648 h 6858000"/>
              <a:gd name="connsiteX6318" fmla="*/ 4115291 w 6858000"/>
              <a:gd name="connsiteY6318" fmla="*/ 172648 h 6858000"/>
              <a:gd name="connsiteX6319" fmla="*/ 4115291 w 6858000"/>
              <a:gd name="connsiteY6319" fmla="*/ 172204 h 6858000"/>
              <a:gd name="connsiteX6320" fmla="*/ 5714629 w 6858000"/>
              <a:gd name="connsiteY6320" fmla="*/ 172203 h 6858000"/>
              <a:gd name="connsiteX6321" fmla="*/ 5714629 w 6858000"/>
              <a:gd name="connsiteY6321" fmla="*/ 172647 h 6858000"/>
              <a:gd name="connsiteX6322" fmla="*/ 5715073 w 6858000"/>
              <a:gd name="connsiteY6322" fmla="*/ 172647 h 6858000"/>
              <a:gd name="connsiteX6323" fmla="*/ 5715073 w 6858000"/>
              <a:gd name="connsiteY6323" fmla="*/ 172203 h 6858000"/>
              <a:gd name="connsiteX6324" fmla="*/ 5591572 w 6858000"/>
              <a:gd name="connsiteY6324" fmla="*/ 172203 h 6858000"/>
              <a:gd name="connsiteX6325" fmla="*/ 5591572 w 6858000"/>
              <a:gd name="connsiteY6325" fmla="*/ 172647 h 6858000"/>
              <a:gd name="connsiteX6326" fmla="*/ 5592017 w 6858000"/>
              <a:gd name="connsiteY6326" fmla="*/ 172647 h 6858000"/>
              <a:gd name="connsiteX6327" fmla="*/ 5592017 w 6858000"/>
              <a:gd name="connsiteY6327" fmla="*/ 172203 h 6858000"/>
              <a:gd name="connsiteX6328" fmla="*/ 5468514 w 6858000"/>
              <a:gd name="connsiteY6328" fmla="*/ 172203 h 6858000"/>
              <a:gd name="connsiteX6329" fmla="*/ 5468514 w 6858000"/>
              <a:gd name="connsiteY6329" fmla="*/ 172647 h 6858000"/>
              <a:gd name="connsiteX6330" fmla="*/ 5468958 w 6858000"/>
              <a:gd name="connsiteY6330" fmla="*/ 172647 h 6858000"/>
              <a:gd name="connsiteX6331" fmla="*/ 5468958 w 6858000"/>
              <a:gd name="connsiteY6331" fmla="*/ 172203 h 6858000"/>
              <a:gd name="connsiteX6332" fmla="*/ 5345457 w 6858000"/>
              <a:gd name="connsiteY6332" fmla="*/ 172203 h 6858000"/>
              <a:gd name="connsiteX6333" fmla="*/ 5345457 w 6858000"/>
              <a:gd name="connsiteY6333" fmla="*/ 172647 h 6858000"/>
              <a:gd name="connsiteX6334" fmla="*/ 5345901 w 6858000"/>
              <a:gd name="connsiteY6334" fmla="*/ 172647 h 6858000"/>
              <a:gd name="connsiteX6335" fmla="*/ 5345901 w 6858000"/>
              <a:gd name="connsiteY6335" fmla="*/ 172203 h 6858000"/>
              <a:gd name="connsiteX6336" fmla="*/ 5222400 w 6858000"/>
              <a:gd name="connsiteY6336" fmla="*/ 172203 h 6858000"/>
              <a:gd name="connsiteX6337" fmla="*/ 5222400 w 6858000"/>
              <a:gd name="connsiteY6337" fmla="*/ 172647 h 6858000"/>
              <a:gd name="connsiteX6338" fmla="*/ 5222844 w 6858000"/>
              <a:gd name="connsiteY6338" fmla="*/ 172647 h 6858000"/>
              <a:gd name="connsiteX6339" fmla="*/ 5222844 w 6858000"/>
              <a:gd name="connsiteY6339" fmla="*/ 172203 h 6858000"/>
              <a:gd name="connsiteX6340" fmla="*/ 5099305 w 6858000"/>
              <a:gd name="connsiteY6340" fmla="*/ 172203 h 6858000"/>
              <a:gd name="connsiteX6341" fmla="*/ 5099305 w 6858000"/>
              <a:gd name="connsiteY6341" fmla="*/ 172647 h 6858000"/>
              <a:gd name="connsiteX6342" fmla="*/ 5099749 w 6858000"/>
              <a:gd name="connsiteY6342" fmla="*/ 172647 h 6858000"/>
              <a:gd name="connsiteX6343" fmla="*/ 5099749 w 6858000"/>
              <a:gd name="connsiteY6343" fmla="*/ 172203 h 6858000"/>
              <a:gd name="connsiteX6344" fmla="*/ 4976248 w 6858000"/>
              <a:gd name="connsiteY6344" fmla="*/ 172203 h 6858000"/>
              <a:gd name="connsiteX6345" fmla="*/ 4976248 w 6858000"/>
              <a:gd name="connsiteY6345" fmla="*/ 172647 h 6858000"/>
              <a:gd name="connsiteX6346" fmla="*/ 4976692 w 6858000"/>
              <a:gd name="connsiteY6346" fmla="*/ 172647 h 6858000"/>
              <a:gd name="connsiteX6347" fmla="*/ 4976692 w 6858000"/>
              <a:gd name="connsiteY6347" fmla="*/ 172203 h 6858000"/>
              <a:gd name="connsiteX6348" fmla="*/ 4853191 w 6858000"/>
              <a:gd name="connsiteY6348" fmla="*/ 172203 h 6858000"/>
              <a:gd name="connsiteX6349" fmla="*/ 4853191 w 6858000"/>
              <a:gd name="connsiteY6349" fmla="*/ 172647 h 6858000"/>
              <a:gd name="connsiteX6350" fmla="*/ 4853636 w 6858000"/>
              <a:gd name="connsiteY6350" fmla="*/ 172647 h 6858000"/>
              <a:gd name="connsiteX6351" fmla="*/ 4853636 w 6858000"/>
              <a:gd name="connsiteY6351" fmla="*/ 172203 h 6858000"/>
              <a:gd name="connsiteX6352" fmla="*/ 4730133 w 6858000"/>
              <a:gd name="connsiteY6352" fmla="*/ 172203 h 6858000"/>
              <a:gd name="connsiteX6353" fmla="*/ 4730133 w 6858000"/>
              <a:gd name="connsiteY6353" fmla="*/ 172648 h 6858000"/>
              <a:gd name="connsiteX6354" fmla="*/ 4730578 w 6858000"/>
              <a:gd name="connsiteY6354" fmla="*/ 172648 h 6858000"/>
              <a:gd name="connsiteX6355" fmla="*/ 4730578 w 6858000"/>
              <a:gd name="connsiteY6355" fmla="*/ 172203 h 6858000"/>
              <a:gd name="connsiteX6356" fmla="*/ 3991567 w 6858000"/>
              <a:gd name="connsiteY6356" fmla="*/ 171981 h 6858000"/>
              <a:gd name="connsiteX6357" fmla="*/ 3991567 w 6858000"/>
              <a:gd name="connsiteY6357" fmla="*/ 172833 h 6858000"/>
              <a:gd name="connsiteX6358" fmla="*/ 3992419 w 6858000"/>
              <a:gd name="connsiteY6358" fmla="*/ 172833 h 6858000"/>
              <a:gd name="connsiteX6359" fmla="*/ 3992419 w 6858000"/>
              <a:gd name="connsiteY6359" fmla="*/ 171981 h 6858000"/>
              <a:gd name="connsiteX6360" fmla="*/ 3868510 w 6858000"/>
              <a:gd name="connsiteY6360" fmla="*/ 171981 h 6858000"/>
              <a:gd name="connsiteX6361" fmla="*/ 3868510 w 6858000"/>
              <a:gd name="connsiteY6361" fmla="*/ 172833 h 6858000"/>
              <a:gd name="connsiteX6362" fmla="*/ 3869362 w 6858000"/>
              <a:gd name="connsiteY6362" fmla="*/ 172833 h 6858000"/>
              <a:gd name="connsiteX6363" fmla="*/ 3869362 w 6858000"/>
              <a:gd name="connsiteY6363" fmla="*/ 171981 h 6858000"/>
              <a:gd name="connsiteX6364" fmla="*/ 3745230 w 6858000"/>
              <a:gd name="connsiteY6364" fmla="*/ 171759 h 6858000"/>
              <a:gd name="connsiteX6365" fmla="*/ 3745230 w 6858000"/>
              <a:gd name="connsiteY6365" fmla="*/ 173055 h 6858000"/>
              <a:gd name="connsiteX6366" fmla="*/ 3746526 w 6858000"/>
              <a:gd name="connsiteY6366" fmla="*/ 173055 h 6858000"/>
              <a:gd name="connsiteX6367" fmla="*/ 3746526 w 6858000"/>
              <a:gd name="connsiteY6367" fmla="*/ 171759 h 6858000"/>
              <a:gd name="connsiteX6368" fmla="*/ 3621729 w 6858000"/>
              <a:gd name="connsiteY6368" fmla="*/ 171314 h 6858000"/>
              <a:gd name="connsiteX6369" fmla="*/ 3621729 w 6858000"/>
              <a:gd name="connsiteY6369" fmla="*/ 173499 h 6858000"/>
              <a:gd name="connsiteX6370" fmla="*/ 3623914 w 6858000"/>
              <a:gd name="connsiteY6370" fmla="*/ 173499 h 6858000"/>
              <a:gd name="connsiteX6371" fmla="*/ 3623914 w 6858000"/>
              <a:gd name="connsiteY6371" fmla="*/ 171314 h 6858000"/>
              <a:gd name="connsiteX6372" fmla="*/ 3498227 w 6858000"/>
              <a:gd name="connsiteY6372" fmla="*/ 170907 h 6858000"/>
              <a:gd name="connsiteX6373" fmla="*/ 3498227 w 6858000"/>
              <a:gd name="connsiteY6373" fmla="*/ 173944 h 6858000"/>
              <a:gd name="connsiteX6374" fmla="*/ 3501264 w 6858000"/>
              <a:gd name="connsiteY6374" fmla="*/ 173944 h 6858000"/>
              <a:gd name="connsiteX6375" fmla="*/ 3501264 w 6858000"/>
              <a:gd name="connsiteY6375" fmla="*/ 170907 h 6858000"/>
              <a:gd name="connsiteX6376" fmla="*/ 3374540 w 6858000"/>
              <a:gd name="connsiteY6376" fmla="*/ 170240 h 6858000"/>
              <a:gd name="connsiteX6377" fmla="*/ 3374540 w 6858000"/>
              <a:gd name="connsiteY6377" fmla="*/ 174573 h 6858000"/>
              <a:gd name="connsiteX6378" fmla="*/ 3378873 w 6858000"/>
              <a:gd name="connsiteY6378" fmla="*/ 174573 h 6858000"/>
              <a:gd name="connsiteX6379" fmla="*/ 3378873 w 6858000"/>
              <a:gd name="connsiteY6379" fmla="*/ 170240 h 6858000"/>
              <a:gd name="connsiteX6380" fmla="*/ 3250594 w 6858000"/>
              <a:gd name="connsiteY6380" fmla="*/ 169389 h 6858000"/>
              <a:gd name="connsiteX6381" fmla="*/ 3250594 w 6858000"/>
              <a:gd name="connsiteY6381" fmla="*/ 175462 h 6858000"/>
              <a:gd name="connsiteX6382" fmla="*/ 3256667 w 6858000"/>
              <a:gd name="connsiteY6382" fmla="*/ 175462 h 6858000"/>
              <a:gd name="connsiteX6383" fmla="*/ 3256667 w 6858000"/>
              <a:gd name="connsiteY6383" fmla="*/ 169389 h 6858000"/>
              <a:gd name="connsiteX6384" fmla="*/ 3126685 w 6858000"/>
              <a:gd name="connsiteY6384" fmla="*/ 168500 h 6858000"/>
              <a:gd name="connsiteX6385" fmla="*/ 3126685 w 6858000"/>
              <a:gd name="connsiteY6385" fmla="*/ 176314 h 6858000"/>
              <a:gd name="connsiteX6386" fmla="*/ 3134499 w 6858000"/>
              <a:gd name="connsiteY6386" fmla="*/ 176314 h 6858000"/>
              <a:gd name="connsiteX6387" fmla="*/ 3134499 w 6858000"/>
              <a:gd name="connsiteY6387" fmla="*/ 168500 h 6858000"/>
              <a:gd name="connsiteX6388" fmla="*/ 3002295 w 6858000"/>
              <a:gd name="connsiteY6388" fmla="*/ 167205 h 6858000"/>
              <a:gd name="connsiteX6389" fmla="*/ 3002295 w 6858000"/>
              <a:gd name="connsiteY6389" fmla="*/ 177611 h 6858000"/>
              <a:gd name="connsiteX6390" fmla="*/ 3012701 w 6858000"/>
              <a:gd name="connsiteY6390" fmla="*/ 177611 h 6858000"/>
              <a:gd name="connsiteX6391" fmla="*/ 3012701 w 6858000"/>
              <a:gd name="connsiteY6391" fmla="*/ 167205 h 6858000"/>
              <a:gd name="connsiteX6392" fmla="*/ 2877941 w 6858000"/>
              <a:gd name="connsiteY6392" fmla="*/ 165908 h 6858000"/>
              <a:gd name="connsiteX6393" fmla="*/ 2877941 w 6858000"/>
              <a:gd name="connsiteY6393" fmla="*/ 178944 h 6858000"/>
              <a:gd name="connsiteX6394" fmla="*/ 2890976 w 6858000"/>
              <a:gd name="connsiteY6394" fmla="*/ 178944 h 6858000"/>
              <a:gd name="connsiteX6395" fmla="*/ 2890976 w 6858000"/>
              <a:gd name="connsiteY6395" fmla="*/ 165908 h 6858000"/>
              <a:gd name="connsiteX6396" fmla="*/ 2753143 w 6858000"/>
              <a:gd name="connsiteY6396" fmla="*/ 164169 h 6858000"/>
              <a:gd name="connsiteX6397" fmla="*/ 2753143 w 6858000"/>
              <a:gd name="connsiteY6397" fmla="*/ 180685 h 6858000"/>
              <a:gd name="connsiteX6398" fmla="*/ 2769659 w 6858000"/>
              <a:gd name="connsiteY6398" fmla="*/ 180685 h 6858000"/>
              <a:gd name="connsiteX6399" fmla="*/ 2769659 w 6858000"/>
              <a:gd name="connsiteY6399" fmla="*/ 164169 h 6858000"/>
              <a:gd name="connsiteX6400" fmla="*/ 2628123 w 6858000"/>
              <a:gd name="connsiteY6400" fmla="*/ 162206 h 6858000"/>
              <a:gd name="connsiteX6401" fmla="*/ 2628123 w 6858000"/>
              <a:gd name="connsiteY6401" fmla="*/ 182610 h 6858000"/>
              <a:gd name="connsiteX6402" fmla="*/ 2648528 w 6858000"/>
              <a:gd name="connsiteY6402" fmla="*/ 182610 h 6858000"/>
              <a:gd name="connsiteX6403" fmla="*/ 2648528 w 6858000"/>
              <a:gd name="connsiteY6403" fmla="*/ 162206 h 6858000"/>
              <a:gd name="connsiteX6404" fmla="*/ 2502881 w 6858000"/>
              <a:gd name="connsiteY6404" fmla="*/ 160021 h 6858000"/>
              <a:gd name="connsiteX6405" fmla="*/ 2502881 w 6858000"/>
              <a:gd name="connsiteY6405" fmla="*/ 184795 h 6858000"/>
              <a:gd name="connsiteX6406" fmla="*/ 2527655 w 6858000"/>
              <a:gd name="connsiteY6406" fmla="*/ 184795 h 6858000"/>
              <a:gd name="connsiteX6407" fmla="*/ 2527655 w 6858000"/>
              <a:gd name="connsiteY6407" fmla="*/ 160021 h 6858000"/>
              <a:gd name="connsiteX6408" fmla="*/ 2377454 w 6858000"/>
              <a:gd name="connsiteY6408" fmla="*/ 157614 h 6858000"/>
              <a:gd name="connsiteX6409" fmla="*/ 2377454 w 6858000"/>
              <a:gd name="connsiteY6409" fmla="*/ 187165 h 6858000"/>
              <a:gd name="connsiteX6410" fmla="*/ 2407005 w 6858000"/>
              <a:gd name="connsiteY6410" fmla="*/ 187165 h 6858000"/>
              <a:gd name="connsiteX6411" fmla="*/ 2407005 w 6858000"/>
              <a:gd name="connsiteY6411" fmla="*/ 157614 h 6858000"/>
              <a:gd name="connsiteX6412" fmla="*/ 2251767 w 6858000"/>
              <a:gd name="connsiteY6412" fmla="*/ 155059 h 6858000"/>
              <a:gd name="connsiteX6413" fmla="*/ 2251767 w 6858000"/>
              <a:gd name="connsiteY6413" fmla="*/ 189795 h 6858000"/>
              <a:gd name="connsiteX6414" fmla="*/ 2286503 w 6858000"/>
              <a:gd name="connsiteY6414" fmla="*/ 189795 h 6858000"/>
              <a:gd name="connsiteX6415" fmla="*/ 2286503 w 6858000"/>
              <a:gd name="connsiteY6415" fmla="*/ 155059 h 6858000"/>
              <a:gd name="connsiteX6416" fmla="*/ 2125895 w 6858000"/>
              <a:gd name="connsiteY6416" fmla="*/ 152207 h 6858000"/>
              <a:gd name="connsiteX6417" fmla="*/ 2125895 w 6858000"/>
              <a:gd name="connsiteY6417" fmla="*/ 192609 h 6858000"/>
              <a:gd name="connsiteX6418" fmla="*/ 2166297 w 6858000"/>
              <a:gd name="connsiteY6418" fmla="*/ 192609 h 6858000"/>
              <a:gd name="connsiteX6419" fmla="*/ 2166297 w 6858000"/>
              <a:gd name="connsiteY6419" fmla="*/ 152207 h 6858000"/>
              <a:gd name="connsiteX6420" fmla="*/ 2000024 w 6858000"/>
              <a:gd name="connsiteY6420" fmla="*/ 149392 h 6858000"/>
              <a:gd name="connsiteX6421" fmla="*/ 2000024 w 6858000"/>
              <a:gd name="connsiteY6421" fmla="*/ 195423 h 6858000"/>
              <a:gd name="connsiteX6422" fmla="*/ 2046055 w 6858000"/>
              <a:gd name="connsiteY6422" fmla="*/ 195423 h 6858000"/>
              <a:gd name="connsiteX6423" fmla="*/ 2046055 w 6858000"/>
              <a:gd name="connsiteY6423" fmla="*/ 149392 h 6858000"/>
              <a:gd name="connsiteX6424" fmla="*/ 1873930 w 6858000"/>
              <a:gd name="connsiteY6424" fmla="*/ 146356 h 6858000"/>
              <a:gd name="connsiteX6425" fmla="*/ 1873930 w 6858000"/>
              <a:gd name="connsiteY6425" fmla="*/ 198460 h 6858000"/>
              <a:gd name="connsiteX6426" fmla="*/ 1926034 w 6858000"/>
              <a:gd name="connsiteY6426" fmla="*/ 198460 h 6858000"/>
              <a:gd name="connsiteX6427" fmla="*/ 1926034 w 6858000"/>
              <a:gd name="connsiteY6427" fmla="*/ 146356 h 6858000"/>
              <a:gd name="connsiteX6428" fmla="*/ 1747799 w 6858000"/>
              <a:gd name="connsiteY6428" fmla="*/ 143283 h 6858000"/>
              <a:gd name="connsiteX6429" fmla="*/ 1747799 w 6858000"/>
              <a:gd name="connsiteY6429" fmla="*/ 201497 h 6858000"/>
              <a:gd name="connsiteX6430" fmla="*/ 1806013 w 6858000"/>
              <a:gd name="connsiteY6430" fmla="*/ 201497 h 6858000"/>
              <a:gd name="connsiteX6431" fmla="*/ 1806013 w 6858000"/>
              <a:gd name="connsiteY6431" fmla="*/ 143283 h 6858000"/>
              <a:gd name="connsiteX6432" fmla="*/ 1621482 w 6858000"/>
              <a:gd name="connsiteY6432" fmla="*/ 140023 h 6858000"/>
              <a:gd name="connsiteX6433" fmla="*/ 1621482 w 6858000"/>
              <a:gd name="connsiteY6433" fmla="*/ 204755 h 6858000"/>
              <a:gd name="connsiteX6434" fmla="*/ 1686214 w 6858000"/>
              <a:gd name="connsiteY6434" fmla="*/ 204755 h 6858000"/>
              <a:gd name="connsiteX6435" fmla="*/ 1686214 w 6858000"/>
              <a:gd name="connsiteY6435" fmla="*/ 140023 h 6858000"/>
              <a:gd name="connsiteX6436" fmla="*/ 1495389 w 6858000"/>
              <a:gd name="connsiteY6436" fmla="*/ 137025 h 6858000"/>
              <a:gd name="connsiteX6437" fmla="*/ 1495389 w 6858000"/>
              <a:gd name="connsiteY6437" fmla="*/ 207829 h 6858000"/>
              <a:gd name="connsiteX6438" fmla="*/ 1566194 w 6858000"/>
              <a:gd name="connsiteY6438" fmla="*/ 207829 h 6858000"/>
              <a:gd name="connsiteX6439" fmla="*/ 1566194 w 6858000"/>
              <a:gd name="connsiteY6439" fmla="*/ 137025 h 6858000"/>
              <a:gd name="connsiteX6440" fmla="*/ 1369517 w 6858000"/>
              <a:gd name="connsiteY6440" fmla="*/ 134211 h 6858000"/>
              <a:gd name="connsiteX6441" fmla="*/ 1369517 w 6858000"/>
              <a:gd name="connsiteY6441" fmla="*/ 210645 h 6858000"/>
              <a:gd name="connsiteX6442" fmla="*/ 1445951 w 6858000"/>
              <a:gd name="connsiteY6442" fmla="*/ 210645 h 6858000"/>
              <a:gd name="connsiteX6443" fmla="*/ 1445951 w 6858000"/>
              <a:gd name="connsiteY6443" fmla="*/ 134211 h 6858000"/>
              <a:gd name="connsiteX6444" fmla="*/ 1243645 w 6858000"/>
              <a:gd name="connsiteY6444" fmla="*/ 131359 h 6858000"/>
              <a:gd name="connsiteX6445" fmla="*/ 1243645 w 6858000"/>
              <a:gd name="connsiteY6445" fmla="*/ 213459 h 6858000"/>
              <a:gd name="connsiteX6446" fmla="*/ 1325745 w 6858000"/>
              <a:gd name="connsiteY6446" fmla="*/ 213459 h 6858000"/>
              <a:gd name="connsiteX6447" fmla="*/ 1325745 w 6858000"/>
              <a:gd name="connsiteY6447" fmla="*/ 131359 h 6858000"/>
              <a:gd name="connsiteX6448" fmla="*/ 1117958 w 6858000"/>
              <a:gd name="connsiteY6448" fmla="*/ 128767 h 6858000"/>
              <a:gd name="connsiteX6449" fmla="*/ 1117958 w 6858000"/>
              <a:gd name="connsiteY6449" fmla="*/ 216051 h 6858000"/>
              <a:gd name="connsiteX6450" fmla="*/ 1205243 w 6858000"/>
              <a:gd name="connsiteY6450" fmla="*/ 216051 h 6858000"/>
              <a:gd name="connsiteX6451" fmla="*/ 1205243 w 6858000"/>
              <a:gd name="connsiteY6451" fmla="*/ 128767 h 6858000"/>
              <a:gd name="connsiteX6452" fmla="*/ 992531 w 6858000"/>
              <a:gd name="connsiteY6452" fmla="*/ 126396 h 6858000"/>
              <a:gd name="connsiteX6453" fmla="*/ 992531 w 6858000"/>
              <a:gd name="connsiteY6453" fmla="*/ 218458 h 6858000"/>
              <a:gd name="connsiteX6454" fmla="*/ 1084592 w 6858000"/>
              <a:gd name="connsiteY6454" fmla="*/ 218458 h 6858000"/>
              <a:gd name="connsiteX6455" fmla="*/ 1084592 w 6858000"/>
              <a:gd name="connsiteY6455" fmla="*/ 126396 h 6858000"/>
              <a:gd name="connsiteX6456" fmla="*/ 867289 w 6858000"/>
              <a:gd name="connsiteY6456" fmla="*/ 124211 h 6858000"/>
              <a:gd name="connsiteX6457" fmla="*/ 867289 w 6858000"/>
              <a:gd name="connsiteY6457" fmla="*/ 220643 h 6858000"/>
              <a:gd name="connsiteX6458" fmla="*/ 963720 w 6858000"/>
              <a:gd name="connsiteY6458" fmla="*/ 220643 h 6858000"/>
              <a:gd name="connsiteX6459" fmla="*/ 963720 w 6858000"/>
              <a:gd name="connsiteY6459" fmla="*/ 124211 h 6858000"/>
              <a:gd name="connsiteX6460" fmla="*/ 742491 w 6858000"/>
              <a:gd name="connsiteY6460" fmla="*/ 122435 h 6858000"/>
              <a:gd name="connsiteX6461" fmla="*/ 742491 w 6858000"/>
              <a:gd name="connsiteY6461" fmla="*/ 222347 h 6858000"/>
              <a:gd name="connsiteX6462" fmla="*/ 842403 w 6858000"/>
              <a:gd name="connsiteY6462" fmla="*/ 222347 h 6858000"/>
              <a:gd name="connsiteX6463" fmla="*/ 842403 w 6858000"/>
              <a:gd name="connsiteY6463" fmla="*/ 122435 h 6858000"/>
              <a:gd name="connsiteX6464" fmla="*/ 617693 w 6858000"/>
              <a:gd name="connsiteY6464" fmla="*/ 120731 h 6858000"/>
              <a:gd name="connsiteX6465" fmla="*/ 617693 w 6858000"/>
              <a:gd name="connsiteY6465" fmla="*/ 224087 h 6858000"/>
              <a:gd name="connsiteX6466" fmla="*/ 721049 w 6858000"/>
              <a:gd name="connsiteY6466" fmla="*/ 224087 h 6858000"/>
              <a:gd name="connsiteX6467" fmla="*/ 721049 w 6858000"/>
              <a:gd name="connsiteY6467" fmla="*/ 120731 h 6858000"/>
              <a:gd name="connsiteX6468" fmla="*/ 493525 w 6858000"/>
              <a:gd name="connsiteY6468" fmla="*/ 119657 h 6858000"/>
              <a:gd name="connsiteX6469" fmla="*/ 493525 w 6858000"/>
              <a:gd name="connsiteY6469" fmla="*/ 225198 h 6858000"/>
              <a:gd name="connsiteX6470" fmla="*/ 599066 w 6858000"/>
              <a:gd name="connsiteY6470" fmla="*/ 225198 h 6858000"/>
              <a:gd name="connsiteX6471" fmla="*/ 599066 w 6858000"/>
              <a:gd name="connsiteY6471" fmla="*/ 119657 h 6858000"/>
              <a:gd name="connsiteX6472" fmla="*/ 369394 w 6858000"/>
              <a:gd name="connsiteY6472" fmla="*/ 118546 h 6858000"/>
              <a:gd name="connsiteX6473" fmla="*/ 369394 w 6858000"/>
              <a:gd name="connsiteY6473" fmla="*/ 226272 h 6858000"/>
              <a:gd name="connsiteX6474" fmla="*/ 477120 w 6858000"/>
              <a:gd name="connsiteY6474" fmla="*/ 226272 h 6858000"/>
              <a:gd name="connsiteX6475" fmla="*/ 477120 w 6858000"/>
              <a:gd name="connsiteY6475" fmla="*/ 118546 h 6858000"/>
              <a:gd name="connsiteX6476" fmla="*/ 245670 w 6858000"/>
              <a:gd name="connsiteY6476" fmla="*/ 117917 h 6858000"/>
              <a:gd name="connsiteX6477" fmla="*/ 245670 w 6858000"/>
              <a:gd name="connsiteY6477" fmla="*/ 226939 h 6858000"/>
              <a:gd name="connsiteX6478" fmla="*/ 354692 w 6858000"/>
              <a:gd name="connsiteY6478" fmla="*/ 226939 h 6858000"/>
              <a:gd name="connsiteX6479" fmla="*/ 354692 w 6858000"/>
              <a:gd name="connsiteY6479" fmla="*/ 117917 h 6858000"/>
              <a:gd name="connsiteX6480" fmla="*/ 121983 w 6858000"/>
              <a:gd name="connsiteY6480" fmla="*/ 117250 h 6858000"/>
              <a:gd name="connsiteX6481" fmla="*/ 121983 w 6858000"/>
              <a:gd name="connsiteY6481" fmla="*/ 227568 h 6858000"/>
              <a:gd name="connsiteX6482" fmla="*/ 232301 w 6858000"/>
              <a:gd name="connsiteY6482" fmla="*/ 227568 h 6858000"/>
              <a:gd name="connsiteX6483" fmla="*/ 232301 w 6858000"/>
              <a:gd name="connsiteY6483" fmla="*/ 117250 h 6858000"/>
              <a:gd name="connsiteX6484" fmla="*/ 4976248 w 6858000"/>
              <a:gd name="connsiteY6484" fmla="*/ 49105 h 6858000"/>
              <a:gd name="connsiteX6485" fmla="*/ 4976248 w 6858000"/>
              <a:gd name="connsiteY6485" fmla="*/ 49549 h 6858000"/>
              <a:gd name="connsiteX6486" fmla="*/ 4976692 w 6858000"/>
              <a:gd name="connsiteY6486" fmla="*/ 49549 h 6858000"/>
              <a:gd name="connsiteX6487" fmla="*/ 4976692 w 6858000"/>
              <a:gd name="connsiteY6487" fmla="*/ 49105 h 6858000"/>
              <a:gd name="connsiteX6488" fmla="*/ 4853191 w 6858000"/>
              <a:gd name="connsiteY6488" fmla="*/ 49105 h 6858000"/>
              <a:gd name="connsiteX6489" fmla="*/ 4853191 w 6858000"/>
              <a:gd name="connsiteY6489" fmla="*/ 49549 h 6858000"/>
              <a:gd name="connsiteX6490" fmla="*/ 4853636 w 6858000"/>
              <a:gd name="connsiteY6490" fmla="*/ 49549 h 6858000"/>
              <a:gd name="connsiteX6491" fmla="*/ 4853636 w 6858000"/>
              <a:gd name="connsiteY6491" fmla="*/ 49105 h 6858000"/>
              <a:gd name="connsiteX6492" fmla="*/ 4730133 w 6858000"/>
              <a:gd name="connsiteY6492" fmla="*/ 49105 h 6858000"/>
              <a:gd name="connsiteX6493" fmla="*/ 4730133 w 6858000"/>
              <a:gd name="connsiteY6493" fmla="*/ 49549 h 6858000"/>
              <a:gd name="connsiteX6494" fmla="*/ 4730578 w 6858000"/>
              <a:gd name="connsiteY6494" fmla="*/ 49549 h 6858000"/>
              <a:gd name="connsiteX6495" fmla="*/ 4730578 w 6858000"/>
              <a:gd name="connsiteY6495" fmla="*/ 49105 h 6858000"/>
              <a:gd name="connsiteX6496" fmla="*/ 4484019 w 6858000"/>
              <a:gd name="connsiteY6496" fmla="*/ 49105 h 6858000"/>
              <a:gd name="connsiteX6497" fmla="*/ 4484019 w 6858000"/>
              <a:gd name="connsiteY6497" fmla="*/ 49549 h 6858000"/>
              <a:gd name="connsiteX6498" fmla="*/ 4484463 w 6858000"/>
              <a:gd name="connsiteY6498" fmla="*/ 49549 h 6858000"/>
              <a:gd name="connsiteX6499" fmla="*/ 4484463 w 6858000"/>
              <a:gd name="connsiteY6499" fmla="*/ 49105 h 6858000"/>
              <a:gd name="connsiteX6500" fmla="*/ 4360961 w 6858000"/>
              <a:gd name="connsiteY6500" fmla="*/ 49105 h 6858000"/>
              <a:gd name="connsiteX6501" fmla="*/ 4360961 w 6858000"/>
              <a:gd name="connsiteY6501" fmla="*/ 49549 h 6858000"/>
              <a:gd name="connsiteX6502" fmla="*/ 4361405 w 6858000"/>
              <a:gd name="connsiteY6502" fmla="*/ 49549 h 6858000"/>
              <a:gd name="connsiteX6503" fmla="*/ 4361405 w 6858000"/>
              <a:gd name="connsiteY6503" fmla="*/ 49105 h 6858000"/>
              <a:gd name="connsiteX6504" fmla="*/ 4237904 w 6858000"/>
              <a:gd name="connsiteY6504" fmla="*/ 49105 h 6858000"/>
              <a:gd name="connsiteX6505" fmla="*/ 4237904 w 6858000"/>
              <a:gd name="connsiteY6505" fmla="*/ 49549 h 6858000"/>
              <a:gd name="connsiteX6506" fmla="*/ 4238348 w 6858000"/>
              <a:gd name="connsiteY6506" fmla="*/ 49549 h 6858000"/>
              <a:gd name="connsiteX6507" fmla="*/ 4238348 w 6858000"/>
              <a:gd name="connsiteY6507" fmla="*/ 49105 h 6858000"/>
              <a:gd name="connsiteX6508" fmla="*/ 4114847 w 6858000"/>
              <a:gd name="connsiteY6508" fmla="*/ 49105 h 6858000"/>
              <a:gd name="connsiteX6509" fmla="*/ 4114847 w 6858000"/>
              <a:gd name="connsiteY6509" fmla="*/ 49549 h 6858000"/>
              <a:gd name="connsiteX6510" fmla="*/ 4115291 w 6858000"/>
              <a:gd name="connsiteY6510" fmla="*/ 49549 h 6858000"/>
              <a:gd name="connsiteX6511" fmla="*/ 4115291 w 6858000"/>
              <a:gd name="connsiteY6511" fmla="*/ 49105 h 6858000"/>
              <a:gd name="connsiteX6512" fmla="*/ 3991789 w 6858000"/>
              <a:gd name="connsiteY6512" fmla="*/ 49105 h 6858000"/>
              <a:gd name="connsiteX6513" fmla="*/ 3991789 w 6858000"/>
              <a:gd name="connsiteY6513" fmla="*/ 49549 h 6858000"/>
              <a:gd name="connsiteX6514" fmla="*/ 3992234 w 6858000"/>
              <a:gd name="connsiteY6514" fmla="*/ 49549 h 6858000"/>
              <a:gd name="connsiteX6515" fmla="*/ 3992234 w 6858000"/>
              <a:gd name="connsiteY6515" fmla="*/ 49105 h 6858000"/>
              <a:gd name="connsiteX6516" fmla="*/ 5714629 w 6858000"/>
              <a:gd name="connsiteY6516" fmla="*/ 49104 h 6858000"/>
              <a:gd name="connsiteX6517" fmla="*/ 5714629 w 6858000"/>
              <a:gd name="connsiteY6517" fmla="*/ 49548 h 6858000"/>
              <a:gd name="connsiteX6518" fmla="*/ 5715073 w 6858000"/>
              <a:gd name="connsiteY6518" fmla="*/ 49548 h 6858000"/>
              <a:gd name="connsiteX6519" fmla="*/ 5715073 w 6858000"/>
              <a:gd name="connsiteY6519" fmla="*/ 49104 h 6858000"/>
              <a:gd name="connsiteX6520" fmla="*/ 5591572 w 6858000"/>
              <a:gd name="connsiteY6520" fmla="*/ 49104 h 6858000"/>
              <a:gd name="connsiteX6521" fmla="*/ 5591572 w 6858000"/>
              <a:gd name="connsiteY6521" fmla="*/ 49548 h 6858000"/>
              <a:gd name="connsiteX6522" fmla="*/ 5592017 w 6858000"/>
              <a:gd name="connsiteY6522" fmla="*/ 49548 h 6858000"/>
              <a:gd name="connsiteX6523" fmla="*/ 5592017 w 6858000"/>
              <a:gd name="connsiteY6523" fmla="*/ 49104 h 6858000"/>
              <a:gd name="connsiteX6524" fmla="*/ 5468514 w 6858000"/>
              <a:gd name="connsiteY6524" fmla="*/ 49104 h 6858000"/>
              <a:gd name="connsiteX6525" fmla="*/ 5468514 w 6858000"/>
              <a:gd name="connsiteY6525" fmla="*/ 49548 h 6858000"/>
              <a:gd name="connsiteX6526" fmla="*/ 5468958 w 6858000"/>
              <a:gd name="connsiteY6526" fmla="*/ 49548 h 6858000"/>
              <a:gd name="connsiteX6527" fmla="*/ 5468958 w 6858000"/>
              <a:gd name="connsiteY6527" fmla="*/ 49104 h 6858000"/>
              <a:gd name="connsiteX6528" fmla="*/ 5345457 w 6858000"/>
              <a:gd name="connsiteY6528" fmla="*/ 49104 h 6858000"/>
              <a:gd name="connsiteX6529" fmla="*/ 5345457 w 6858000"/>
              <a:gd name="connsiteY6529" fmla="*/ 49548 h 6858000"/>
              <a:gd name="connsiteX6530" fmla="*/ 5345901 w 6858000"/>
              <a:gd name="connsiteY6530" fmla="*/ 49548 h 6858000"/>
              <a:gd name="connsiteX6531" fmla="*/ 5345901 w 6858000"/>
              <a:gd name="connsiteY6531" fmla="*/ 49104 h 6858000"/>
              <a:gd name="connsiteX6532" fmla="*/ 5222400 w 6858000"/>
              <a:gd name="connsiteY6532" fmla="*/ 49104 h 6858000"/>
              <a:gd name="connsiteX6533" fmla="*/ 5222400 w 6858000"/>
              <a:gd name="connsiteY6533" fmla="*/ 49548 h 6858000"/>
              <a:gd name="connsiteX6534" fmla="*/ 5222844 w 6858000"/>
              <a:gd name="connsiteY6534" fmla="*/ 49548 h 6858000"/>
              <a:gd name="connsiteX6535" fmla="*/ 5222844 w 6858000"/>
              <a:gd name="connsiteY6535" fmla="*/ 49104 h 6858000"/>
              <a:gd name="connsiteX6536" fmla="*/ 5099305 w 6858000"/>
              <a:gd name="connsiteY6536" fmla="*/ 49104 h 6858000"/>
              <a:gd name="connsiteX6537" fmla="*/ 5099305 w 6858000"/>
              <a:gd name="connsiteY6537" fmla="*/ 49548 h 6858000"/>
              <a:gd name="connsiteX6538" fmla="*/ 5099749 w 6858000"/>
              <a:gd name="connsiteY6538" fmla="*/ 49548 h 6858000"/>
              <a:gd name="connsiteX6539" fmla="*/ 5099749 w 6858000"/>
              <a:gd name="connsiteY6539" fmla="*/ 49104 h 6858000"/>
              <a:gd name="connsiteX6540" fmla="*/ 3868510 w 6858000"/>
              <a:gd name="connsiteY6540" fmla="*/ 48920 h 6858000"/>
              <a:gd name="connsiteX6541" fmla="*/ 3868510 w 6858000"/>
              <a:gd name="connsiteY6541" fmla="*/ 49772 h 6858000"/>
              <a:gd name="connsiteX6542" fmla="*/ 3869362 w 6858000"/>
              <a:gd name="connsiteY6542" fmla="*/ 49772 h 6858000"/>
              <a:gd name="connsiteX6543" fmla="*/ 3869362 w 6858000"/>
              <a:gd name="connsiteY6543" fmla="*/ 48920 h 6858000"/>
              <a:gd name="connsiteX6544" fmla="*/ 3745230 w 6858000"/>
              <a:gd name="connsiteY6544" fmla="*/ 48698 h 6858000"/>
              <a:gd name="connsiteX6545" fmla="*/ 3745230 w 6858000"/>
              <a:gd name="connsiteY6545" fmla="*/ 49994 h 6858000"/>
              <a:gd name="connsiteX6546" fmla="*/ 3746526 w 6858000"/>
              <a:gd name="connsiteY6546" fmla="*/ 49994 h 6858000"/>
              <a:gd name="connsiteX6547" fmla="*/ 3746526 w 6858000"/>
              <a:gd name="connsiteY6547" fmla="*/ 48698 h 6858000"/>
              <a:gd name="connsiteX6548" fmla="*/ 3621729 w 6858000"/>
              <a:gd name="connsiteY6548" fmla="*/ 48253 h 6858000"/>
              <a:gd name="connsiteX6549" fmla="*/ 3621729 w 6858000"/>
              <a:gd name="connsiteY6549" fmla="*/ 50438 h 6858000"/>
              <a:gd name="connsiteX6550" fmla="*/ 3623914 w 6858000"/>
              <a:gd name="connsiteY6550" fmla="*/ 50438 h 6858000"/>
              <a:gd name="connsiteX6551" fmla="*/ 3623914 w 6858000"/>
              <a:gd name="connsiteY6551" fmla="*/ 48253 h 6858000"/>
              <a:gd name="connsiteX6552" fmla="*/ 3498227 w 6858000"/>
              <a:gd name="connsiteY6552" fmla="*/ 47847 h 6858000"/>
              <a:gd name="connsiteX6553" fmla="*/ 3498227 w 6858000"/>
              <a:gd name="connsiteY6553" fmla="*/ 50883 h 6858000"/>
              <a:gd name="connsiteX6554" fmla="*/ 3501264 w 6858000"/>
              <a:gd name="connsiteY6554" fmla="*/ 50883 h 6858000"/>
              <a:gd name="connsiteX6555" fmla="*/ 3501264 w 6858000"/>
              <a:gd name="connsiteY6555" fmla="*/ 47847 h 6858000"/>
              <a:gd name="connsiteX6556" fmla="*/ 3374540 w 6858000"/>
              <a:gd name="connsiteY6556" fmla="*/ 47180 h 6858000"/>
              <a:gd name="connsiteX6557" fmla="*/ 3374540 w 6858000"/>
              <a:gd name="connsiteY6557" fmla="*/ 51513 h 6858000"/>
              <a:gd name="connsiteX6558" fmla="*/ 3378873 w 6858000"/>
              <a:gd name="connsiteY6558" fmla="*/ 51513 h 6858000"/>
              <a:gd name="connsiteX6559" fmla="*/ 3378873 w 6858000"/>
              <a:gd name="connsiteY6559" fmla="*/ 47180 h 6858000"/>
              <a:gd name="connsiteX6560" fmla="*/ 3250816 w 6858000"/>
              <a:gd name="connsiteY6560" fmla="*/ 46551 h 6858000"/>
              <a:gd name="connsiteX6561" fmla="*/ 3250816 w 6858000"/>
              <a:gd name="connsiteY6561" fmla="*/ 52180 h 6858000"/>
              <a:gd name="connsiteX6562" fmla="*/ 3256445 w 6858000"/>
              <a:gd name="connsiteY6562" fmla="*/ 52180 h 6858000"/>
              <a:gd name="connsiteX6563" fmla="*/ 3256445 w 6858000"/>
              <a:gd name="connsiteY6563" fmla="*/ 46551 h 6858000"/>
              <a:gd name="connsiteX6564" fmla="*/ 3126870 w 6858000"/>
              <a:gd name="connsiteY6564" fmla="*/ 45661 h 6858000"/>
              <a:gd name="connsiteX6565" fmla="*/ 3126870 w 6858000"/>
              <a:gd name="connsiteY6565" fmla="*/ 53031 h 6858000"/>
              <a:gd name="connsiteX6566" fmla="*/ 3134239 w 6858000"/>
              <a:gd name="connsiteY6566" fmla="*/ 53031 h 6858000"/>
              <a:gd name="connsiteX6567" fmla="*/ 3134239 w 6858000"/>
              <a:gd name="connsiteY6567" fmla="*/ 45661 h 6858000"/>
              <a:gd name="connsiteX6568" fmla="*/ 3002517 w 6858000"/>
              <a:gd name="connsiteY6568" fmla="*/ 44329 h 6858000"/>
              <a:gd name="connsiteX6569" fmla="*/ 3002517 w 6858000"/>
              <a:gd name="connsiteY6569" fmla="*/ 54327 h 6858000"/>
              <a:gd name="connsiteX6570" fmla="*/ 3012516 w 6858000"/>
              <a:gd name="connsiteY6570" fmla="*/ 54327 h 6858000"/>
              <a:gd name="connsiteX6571" fmla="*/ 3012516 w 6858000"/>
              <a:gd name="connsiteY6571" fmla="*/ 44329 h 6858000"/>
              <a:gd name="connsiteX6572" fmla="*/ 2878385 w 6858000"/>
              <a:gd name="connsiteY6572" fmla="*/ 43291 h 6858000"/>
              <a:gd name="connsiteX6573" fmla="*/ 2878385 w 6858000"/>
              <a:gd name="connsiteY6573" fmla="*/ 55438 h 6858000"/>
              <a:gd name="connsiteX6574" fmla="*/ 2890532 w 6858000"/>
              <a:gd name="connsiteY6574" fmla="*/ 55438 h 6858000"/>
              <a:gd name="connsiteX6575" fmla="*/ 2890532 w 6858000"/>
              <a:gd name="connsiteY6575" fmla="*/ 43291 h 6858000"/>
              <a:gd name="connsiteX6576" fmla="*/ 2753588 w 6858000"/>
              <a:gd name="connsiteY6576" fmla="*/ 41551 h 6858000"/>
              <a:gd name="connsiteX6577" fmla="*/ 2753588 w 6858000"/>
              <a:gd name="connsiteY6577" fmla="*/ 57179 h 6858000"/>
              <a:gd name="connsiteX6578" fmla="*/ 2769215 w 6858000"/>
              <a:gd name="connsiteY6578" fmla="*/ 57179 h 6858000"/>
              <a:gd name="connsiteX6579" fmla="*/ 2769215 w 6858000"/>
              <a:gd name="connsiteY6579" fmla="*/ 41551 h 6858000"/>
              <a:gd name="connsiteX6580" fmla="*/ 2628790 w 6858000"/>
              <a:gd name="connsiteY6580" fmla="*/ 39810 h 6858000"/>
              <a:gd name="connsiteX6581" fmla="*/ 2628790 w 6858000"/>
              <a:gd name="connsiteY6581" fmla="*/ 58919 h 6858000"/>
              <a:gd name="connsiteX6582" fmla="*/ 2647898 w 6858000"/>
              <a:gd name="connsiteY6582" fmla="*/ 58919 h 6858000"/>
              <a:gd name="connsiteX6583" fmla="*/ 2647898 w 6858000"/>
              <a:gd name="connsiteY6583" fmla="*/ 39810 h 6858000"/>
              <a:gd name="connsiteX6584" fmla="*/ 2503770 w 6858000"/>
              <a:gd name="connsiteY6584" fmla="*/ 37811 h 6858000"/>
              <a:gd name="connsiteX6585" fmla="*/ 2503770 w 6858000"/>
              <a:gd name="connsiteY6585" fmla="*/ 60845 h 6858000"/>
              <a:gd name="connsiteX6586" fmla="*/ 2526804 w 6858000"/>
              <a:gd name="connsiteY6586" fmla="*/ 60845 h 6858000"/>
              <a:gd name="connsiteX6587" fmla="*/ 2526804 w 6858000"/>
              <a:gd name="connsiteY6587" fmla="*/ 37811 h 6858000"/>
              <a:gd name="connsiteX6588" fmla="*/ 2378305 w 6858000"/>
              <a:gd name="connsiteY6588" fmla="*/ 35441 h 6858000"/>
              <a:gd name="connsiteX6589" fmla="*/ 2378305 w 6858000"/>
              <a:gd name="connsiteY6589" fmla="*/ 63252 h 6858000"/>
              <a:gd name="connsiteX6590" fmla="*/ 2406116 w 6858000"/>
              <a:gd name="connsiteY6590" fmla="*/ 63252 h 6858000"/>
              <a:gd name="connsiteX6591" fmla="*/ 2406116 w 6858000"/>
              <a:gd name="connsiteY6591" fmla="*/ 35441 h 6858000"/>
              <a:gd name="connsiteX6592" fmla="*/ 2253100 w 6858000"/>
              <a:gd name="connsiteY6592" fmla="*/ 33293 h 6858000"/>
              <a:gd name="connsiteX6593" fmla="*/ 2253100 w 6858000"/>
              <a:gd name="connsiteY6593" fmla="*/ 65437 h 6858000"/>
              <a:gd name="connsiteX6594" fmla="*/ 2285244 w 6858000"/>
              <a:gd name="connsiteY6594" fmla="*/ 65437 h 6858000"/>
              <a:gd name="connsiteX6595" fmla="*/ 2285244 w 6858000"/>
              <a:gd name="connsiteY6595" fmla="*/ 33293 h 6858000"/>
              <a:gd name="connsiteX6596" fmla="*/ 2127414 w 6858000"/>
              <a:gd name="connsiteY6596" fmla="*/ 30664 h 6858000"/>
              <a:gd name="connsiteX6597" fmla="*/ 2127414 w 6858000"/>
              <a:gd name="connsiteY6597" fmla="*/ 68029 h 6858000"/>
              <a:gd name="connsiteX6598" fmla="*/ 2164779 w 6858000"/>
              <a:gd name="connsiteY6598" fmla="*/ 68029 h 6858000"/>
              <a:gd name="connsiteX6599" fmla="*/ 2164779 w 6858000"/>
              <a:gd name="connsiteY6599" fmla="*/ 30664 h 6858000"/>
              <a:gd name="connsiteX6600" fmla="*/ 2001764 w 6858000"/>
              <a:gd name="connsiteY6600" fmla="*/ 28073 h 6858000"/>
              <a:gd name="connsiteX6601" fmla="*/ 2001764 w 6858000"/>
              <a:gd name="connsiteY6601" fmla="*/ 70623 h 6858000"/>
              <a:gd name="connsiteX6602" fmla="*/ 2044314 w 6858000"/>
              <a:gd name="connsiteY6602" fmla="*/ 70623 h 6858000"/>
              <a:gd name="connsiteX6603" fmla="*/ 2044314 w 6858000"/>
              <a:gd name="connsiteY6603" fmla="*/ 28073 h 6858000"/>
              <a:gd name="connsiteX6604" fmla="*/ 1875855 w 6858000"/>
              <a:gd name="connsiteY6604" fmla="*/ 25258 h 6858000"/>
              <a:gd name="connsiteX6605" fmla="*/ 1875855 w 6858000"/>
              <a:gd name="connsiteY6605" fmla="*/ 73474 h 6858000"/>
              <a:gd name="connsiteX6606" fmla="*/ 1924071 w 6858000"/>
              <a:gd name="connsiteY6606" fmla="*/ 73474 h 6858000"/>
              <a:gd name="connsiteX6607" fmla="*/ 1924071 w 6858000"/>
              <a:gd name="connsiteY6607" fmla="*/ 25258 h 6858000"/>
              <a:gd name="connsiteX6608" fmla="*/ 1749984 w 6858000"/>
              <a:gd name="connsiteY6608" fmla="*/ 22443 h 6858000"/>
              <a:gd name="connsiteX6609" fmla="*/ 1749984 w 6858000"/>
              <a:gd name="connsiteY6609" fmla="*/ 76288 h 6858000"/>
              <a:gd name="connsiteX6610" fmla="*/ 1803829 w 6858000"/>
              <a:gd name="connsiteY6610" fmla="*/ 76288 h 6858000"/>
              <a:gd name="connsiteX6611" fmla="*/ 1803829 w 6858000"/>
              <a:gd name="connsiteY6611" fmla="*/ 22443 h 6858000"/>
              <a:gd name="connsiteX6612" fmla="*/ 1624112 w 6858000"/>
              <a:gd name="connsiteY6612" fmla="*/ 19593 h 6858000"/>
              <a:gd name="connsiteX6613" fmla="*/ 1624112 w 6858000"/>
              <a:gd name="connsiteY6613" fmla="*/ 79103 h 6858000"/>
              <a:gd name="connsiteX6614" fmla="*/ 1683622 w 6858000"/>
              <a:gd name="connsiteY6614" fmla="*/ 79103 h 6858000"/>
              <a:gd name="connsiteX6615" fmla="*/ 1683622 w 6858000"/>
              <a:gd name="connsiteY6615" fmla="*/ 19593 h 6858000"/>
              <a:gd name="connsiteX6616" fmla="*/ 1498203 w 6858000"/>
              <a:gd name="connsiteY6616" fmla="*/ 16778 h 6858000"/>
              <a:gd name="connsiteX6617" fmla="*/ 1498203 w 6858000"/>
              <a:gd name="connsiteY6617" fmla="*/ 81917 h 6858000"/>
              <a:gd name="connsiteX6618" fmla="*/ 1563342 w 6858000"/>
              <a:gd name="connsiteY6618" fmla="*/ 81917 h 6858000"/>
              <a:gd name="connsiteX6619" fmla="*/ 1563342 w 6858000"/>
              <a:gd name="connsiteY6619" fmla="*/ 16778 h 6858000"/>
              <a:gd name="connsiteX6620" fmla="*/ 1372331 w 6858000"/>
              <a:gd name="connsiteY6620" fmla="*/ 13927 h 6858000"/>
              <a:gd name="connsiteX6621" fmla="*/ 1372331 w 6858000"/>
              <a:gd name="connsiteY6621" fmla="*/ 84732 h 6858000"/>
              <a:gd name="connsiteX6622" fmla="*/ 1443136 w 6858000"/>
              <a:gd name="connsiteY6622" fmla="*/ 84732 h 6858000"/>
              <a:gd name="connsiteX6623" fmla="*/ 1443136 w 6858000"/>
              <a:gd name="connsiteY6623" fmla="*/ 13927 h 6858000"/>
              <a:gd name="connsiteX6624" fmla="*/ 1246682 w 6858000"/>
              <a:gd name="connsiteY6624" fmla="*/ 11371 h 6858000"/>
              <a:gd name="connsiteX6625" fmla="*/ 1246682 w 6858000"/>
              <a:gd name="connsiteY6625" fmla="*/ 87361 h 6858000"/>
              <a:gd name="connsiteX6626" fmla="*/ 1322672 w 6858000"/>
              <a:gd name="connsiteY6626" fmla="*/ 87361 h 6858000"/>
              <a:gd name="connsiteX6627" fmla="*/ 1322672 w 6858000"/>
              <a:gd name="connsiteY6627" fmla="*/ 11371 h 6858000"/>
              <a:gd name="connsiteX6628" fmla="*/ 1121217 w 6858000"/>
              <a:gd name="connsiteY6628" fmla="*/ 8927 h 6858000"/>
              <a:gd name="connsiteX6629" fmla="*/ 1121217 w 6858000"/>
              <a:gd name="connsiteY6629" fmla="*/ 89731 h 6858000"/>
              <a:gd name="connsiteX6630" fmla="*/ 1202021 w 6858000"/>
              <a:gd name="connsiteY6630" fmla="*/ 89731 h 6858000"/>
              <a:gd name="connsiteX6631" fmla="*/ 1202021 w 6858000"/>
              <a:gd name="connsiteY6631" fmla="*/ 8927 h 6858000"/>
              <a:gd name="connsiteX6632" fmla="*/ 995975 w 6858000"/>
              <a:gd name="connsiteY6632" fmla="*/ 6779 h 6858000"/>
              <a:gd name="connsiteX6633" fmla="*/ 995975 w 6858000"/>
              <a:gd name="connsiteY6633" fmla="*/ 91916 h 6858000"/>
              <a:gd name="connsiteX6634" fmla="*/ 1081112 w 6858000"/>
              <a:gd name="connsiteY6634" fmla="*/ 91916 h 6858000"/>
              <a:gd name="connsiteX6635" fmla="*/ 1081112 w 6858000"/>
              <a:gd name="connsiteY6635" fmla="*/ 6779 h 6858000"/>
              <a:gd name="connsiteX6636" fmla="*/ 870992 w 6858000"/>
              <a:gd name="connsiteY6636" fmla="*/ 4854 h 6858000"/>
              <a:gd name="connsiteX6637" fmla="*/ 870992 w 6858000"/>
              <a:gd name="connsiteY6637" fmla="*/ 93879 h 6858000"/>
              <a:gd name="connsiteX6638" fmla="*/ 960017 w 6858000"/>
              <a:gd name="connsiteY6638" fmla="*/ 93879 h 6858000"/>
              <a:gd name="connsiteX6639" fmla="*/ 960017 w 6858000"/>
              <a:gd name="connsiteY6639" fmla="*/ 4854 h 6858000"/>
              <a:gd name="connsiteX6640" fmla="*/ 746379 w 6858000"/>
              <a:gd name="connsiteY6640" fmla="*/ 3336 h 6858000"/>
              <a:gd name="connsiteX6641" fmla="*/ 746379 w 6858000"/>
              <a:gd name="connsiteY6641" fmla="*/ 95397 h 6858000"/>
              <a:gd name="connsiteX6642" fmla="*/ 838441 w 6858000"/>
              <a:gd name="connsiteY6642" fmla="*/ 95397 h 6858000"/>
              <a:gd name="connsiteX6643" fmla="*/ 838441 w 6858000"/>
              <a:gd name="connsiteY6643" fmla="*/ 3336 h 6858000"/>
              <a:gd name="connsiteX6644" fmla="*/ 621804 w 6858000"/>
              <a:gd name="connsiteY6644" fmla="*/ 1780 h 6858000"/>
              <a:gd name="connsiteX6645" fmla="*/ 621804 w 6858000"/>
              <a:gd name="connsiteY6645" fmla="*/ 96915 h 6858000"/>
              <a:gd name="connsiteX6646" fmla="*/ 716939 w 6858000"/>
              <a:gd name="connsiteY6646" fmla="*/ 96915 h 6858000"/>
              <a:gd name="connsiteX6647" fmla="*/ 716939 w 6858000"/>
              <a:gd name="connsiteY6647" fmla="*/ 1780 h 6858000"/>
              <a:gd name="connsiteX6648" fmla="*/ 497450 w 6858000"/>
              <a:gd name="connsiteY6648" fmla="*/ 485 h 6858000"/>
              <a:gd name="connsiteX6649" fmla="*/ 497450 w 6858000"/>
              <a:gd name="connsiteY6649" fmla="*/ 98211 h 6858000"/>
              <a:gd name="connsiteX6650" fmla="*/ 595177 w 6858000"/>
              <a:gd name="connsiteY6650" fmla="*/ 98211 h 6858000"/>
              <a:gd name="connsiteX6651" fmla="*/ 595177 w 6858000"/>
              <a:gd name="connsiteY6651" fmla="*/ 485 h 6858000"/>
              <a:gd name="connsiteX6652" fmla="*/ 0 w 6858000"/>
              <a:gd name="connsiteY6652" fmla="*/ 0 h 6858000"/>
              <a:gd name="connsiteX6653" fmla="*/ 4110 w 6858000"/>
              <a:gd name="connsiteY6653" fmla="*/ 0 h 6858000"/>
              <a:gd name="connsiteX6654" fmla="*/ 4110 w 6858000"/>
              <a:gd name="connsiteY6654" fmla="*/ 99286 h 6858000"/>
              <a:gd name="connsiteX6655" fmla="*/ 104022 w 6858000"/>
              <a:gd name="connsiteY6655" fmla="*/ 99286 h 6858000"/>
              <a:gd name="connsiteX6656" fmla="*/ 104022 w 6858000"/>
              <a:gd name="connsiteY6656" fmla="*/ 0 h 6858000"/>
              <a:gd name="connsiteX6657" fmla="*/ 126316 w 6858000"/>
              <a:gd name="connsiteY6657" fmla="*/ 0 h 6858000"/>
              <a:gd name="connsiteX6658" fmla="*/ 126316 w 6858000"/>
              <a:gd name="connsiteY6658" fmla="*/ 100175 h 6858000"/>
              <a:gd name="connsiteX6659" fmla="*/ 227932 w 6858000"/>
              <a:gd name="connsiteY6659" fmla="*/ 100175 h 6858000"/>
              <a:gd name="connsiteX6660" fmla="*/ 227932 w 6858000"/>
              <a:gd name="connsiteY6660" fmla="*/ 0 h 6858000"/>
              <a:gd name="connsiteX6661" fmla="*/ 249817 w 6858000"/>
              <a:gd name="connsiteY6661" fmla="*/ 0 h 6858000"/>
              <a:gd name="connsiteX6662" fmla="*/ 249817 w 6858000"/>
              <a:gd name="connsiteY6662" fmla="*/ 99731 h 6858000"/>
              <a:gd name="connsiteX6663" fmla="*/ 350581 w 6858000"/>
              <a:gd name="connsiteY6663" fmla="*/ 99731 h 6858000"/>
              <a:gd name="connsiteX6664" fmla="*/ 350581 w 6858000"/>
              <a:gd name="connsiteY6664" fmla="*/ 0 h 6858000"/>
              <a:gd name="connsiteX6665" fmla="*/ 373541 w 6858000"/>
              <a:gd name="connsiteY6665" fmla="*/ 0 h 6858000"/>
              <a:gd name="connsiteX6666" fmla="*/ 373541 w 6858000"/>
              <a:gd name="connsiteY6666" fmla="*/ 99101 h 6858000"/>
              <a:gd name="connsiteX6667" fmla="*/ 473009 w 6858000"/>
              <a:gd name="connsiteY6667" fmla="*/ 99101 h 6858000"/>
              <a:gd name="connsiteX6668" fmla="*/ 473009 w 6858000"/>
              <a:gd name="connsiteY6668" fmla="*/ 0 h 6858000"/>
              <a:gd name="connsiteX6669" fmla="*/ 6858000 w 6858000"/>
              <a:gd name="connsiteY6669" fmla="*/ 0 h 6858000"/>
              <a:gd name="connsiteX6670" fmla="*/ 6858000 w 6858000"/>
              <a:gd name="connsiteY6670" fmla="*/ 6858000 h 6858000"/>
              <a:gd name="connsiteX6671" fmla="*/ 0 w 6858000"/>
              <a:gd name="connsiteY6671" fmla="*/ 6858000 h 6858000"/>
              <a:gd name="connsiteX6672" fmla="*/ 0 w 6858000"/>
              <a:gd name="connsiteY6672" fmla="*/ 1334076 h 6858000"/>
              <a:gd name="connsiteX6673" fmla="*/ 108133 w 6858000"/>
              <a:gd name="connsiteY6673" fmla="*/ 1334076 h 6858000"/>
              <a:gd name="connsiteX6674" fmla="*/ 108133 w 6858000"/>
              <a:gd name="connsiteY6674" fmla="*/ 1225940 h 6858000"/>
              <a:gd name="connsiteX6675" fmla="*/ 0 w 6858000"/>
              <a:gd name="connsiteY6675" fmla="*/ 1225940 h 6858000"/>
              <a:gd name="connsiteX6676" fmla="*/ 0 w 6858000"/>
              <a:gd name="connsiteY6676" fmla="*/ 1210979 h 6858000"/>
              <a:gd name="connsiteX6677" fmla="*/ 108133 w 6858000"/>
              <a:gd name="connsiteY6677" fmla="*/ 1210979 h 6858000"/>
              <a:gd name="connsiteX6678" fmla="*/ 108133 w 6858000"/>
              <a:gd name="connsiteY6678" fmla="*/ 1102847 h 6858000"/>
              <a:gd name="connsiteX6679" fmla="*/ 0 w 6858000"/>
              <a:gd name="connsiteY6679" fmla="*/ 1102847 h 6858000"/>
              <a:gd name="connsiteX6680" fmla="*/ 0 w 6858000"/>
              <a:gd name="connsiteY6680" fmla="*/ 1087922 h 6858000"/>
              <a:gd name="connsiteX6681" fmla="*/ 108133 w 6858000"/>
              <a:gd name="connsiteY6681" fmla="*/ 1087922 h 6858000"/>
              <a:gd name="connsiteX6682" fmla="*/ 108133 w 6858000"/>
              <a:gd name="connsiteY6682" fmla="*/ 979786 h 6858000"/>
              <a:gd name="connsiteX6683" fmla="*/ 0 w 6858000"/>
              <a:gd name="connsiteY6683" fmla="*/ 979786 h 6858000"/>
              <a:gd name="connsiteX6684" fmla="*/ 0 w 6858000"/>
              <a:gd name="connsiteY6684" fmla="*/ 964857 h 6858000"/>
              <a:gd name="connsiteX6685" fmla="*/ 108133 w 6858000"/>
              <a:gd name="connsiteY6685" fmla="*/ 964857 h 6858000"/>
              <a:gd name="connsiteX6686" fmla="*/ 108133 w 6858000"/>
              <a:gd name="connsiteY6686" fmla="*/ 856724 h 6858000"/>
              <a:gd name="connsiteX6687" fmla="*/ 0 w 6858000"/>
              <a:gd name="connsiteY6687" fmla="*/ 856724 h 6858000"/>
              <a:gd name="connsiteX6688" fmla="*/ 0 w 6858000"/>
              <a:gd name="connsiteY6688" fmla="*/ 841797 h 6858000"/>
              <a:gd name="connsiteX6689" fmla="*/ 108133 w 6858000"/>
              <a:gd name="connsiteY6689" fmla="*/ 841797 h 6858000"/>
              <a:gd name="connsiteX6690" fmla="*/ 108133 w 6858000"/>
              <a:gd name="connsiteY6690" fmla="*/ 733664 h 6858000"/>
              <a:gd name="connsiteX6691" fmla="*/ 0 w 6858000"/>
              <a:gd name="connsiteY6691" fmla="*/ 733664 h 6858000"/>
              <a:gd name="connsiteX6692" fmla="*/ 0 w 6858000"/>
              <a:gd name="connsiteY6692" fmla="*/ 718737 h 6858000"/>
              <a:gd name="connsiteX6693" fmla="*/ 108133 w 6858000"/>
              <a:gd name="connsiteY6693" fmla="*/ 718737 h 6858000"/>
              <a:gd name="connsiteX6694" fmla="*/ 108133 w 6858000"/>
              <a:gd name="connsiteY6694" fmla="*/ 610604 h 6858000"/>
              <a:gd name="connsiteX6695" fmla="*/ 0 w 6858000"/>
              <a:gd name="connsiteY6695" fmla="*/ 610604 h 6858000"/>
              <a:gd name="connsiteX6696" fmla="*/ 0 w 6858000"/>
              <a:gd name="connsiteY6696" fmla="*/ 595676 h 6858000"/>
              <a:gd name="connsiteX6697" fmla="*/ 108133 w 6858000"/>
              <a:gd name="connsiteY6697" fmla="*/ 595676 h 6858000"/>
              <a:gd name="connsiteX6698" fmla="*/ 108133 w 6858000"/>
              <a:gd name="connsiteY6698" fmla="*/ 487543 h 6858000"/>
              <a:gd name="connsiteX6699" fmla="*/ 0 w 6858000"/>
              <a:gd name="connsiteY6699" fmla="*/ 487543 h 6858000"/>
              <a:gd name="connsiteX6700" fmla="*/ 0 w 6858000"/>
              <a:gd name="connsiteY6700" fmla="*/ 472616 h 6858000"/>
              <a:gd name="connsiteX6701" fmla="*/ 108133 w 6858000"/>
              <a:gd name="connsiteY6701" fmla="*/ 472616 h 6858000"/>
              <a:gd name="connsiteX6702" fmla="*/ 108133 w 6858000"/>
              <a:gd name="connsiteY6702" fmla="*/ 364483 h 6858000"/>
              <a:gd name="connsiteX6703" fmla="*/ 0 w 6858000"/>
              <a:gd name="connsiteY6703" fmla="*/ 364483 h 6858000"/>
              <a:gd name="connsiteX6704" fmla="*/ 0 w 6858000"/>
              <a:gd name="connsiteY6704" fmla="*/ 349556 h 6858000"/>
              <a:gd name="connsiteX6705" fmla="*/ 108133 w 6858000"/>
              <a:gd name="connsiteY6705" fmla="*/ 349556 h 6858000"/>
              <a:gd name="connsiteX6706" fmla="*/ 108133 w 6858000"/>
              <a:gd name="connsiteY6706" fmla="*/ 241423 h 6858000"/>
              <a:gd name="connsiteX6707" fmla="*/ 0 w 6858000"/>
              <a:gd name="connsiteY6707" fmla="*/ 241423 h 6858000"/>
              <a:gd name="connsiteX6708" fmla="*/ 0 w 6858000"/>
              <a:gd name="connsiteY6708" fmla="*/ 226495 h 6858000"/>
              <a:gd name="connsiteX6709" fmla="*/ 108133 w 6858000"/>
              <a:gd name="connsiteY6709" fmla="*/ 226495 h 6858000"/>
              <a:gd name="connsiteX6710" fmla="*/ 108133 w 6858000"/>
              <a:gd name="connsiteY6710" fmla="*/ 118362 h 6858000"/>
              <a:gd name="connsiteX6711" fmla="*/ 0 w 6858000"/>
              <a:gd name="connsiteY6711" fmla="*/ 118362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3745675" y="5709890"/>
                </a:moveTo>
                <a:lnTo>
                  <a:pt x="3745675" y="5710334"/>
                </a:lnTo>
                <a:lnTo>
                  <a:pt x="3746119" y="5710334"/>
                </a:lnTo>
                <a:lnTo>
                  <a:pt x="3746119" y="5709890"/>
                </a:lnTo>
                <a:close/>
                <a:moveTo>
                  <a:pt x="3622617" y="5709890"/>
                </a:moveTo>
                <a:lnTo>
                  <a:pt x="3622617" y="5710334"/>
                </a:lnTo>
                <a:lnTo>
                  <a:pt x="3623061" y="5710334"/>
                </a:lnTo>
                <a:lnTo>
                  <a:pt x="3623061" y="5709890"/>
                </a:lnTo>
                <a:close/>
                <a:moveTo>
                  <a:pt x="3499523" y="5709890"/>
                </a:moveTo>
                <a:lnTo>
                  <a:pt x="3499523" y="5710334"/>
                </a:lnTo>
                <a:lnTo>
                  <a:pt x="3499967" y="5710334"/>
                </a:lnTo>
                <a:lnTo>
                  <a:pt x="3499967" y="5709890"/>
                </a:lnTo>
                <a:close/>
                <a:moveTo>
                  <a:pt x="3376466" y="5709890"/>
                </a:moveTo>
                <a:lnTo>
                  <a:pt x="3376466" y="5710334"/>
                </a:lnTo>
                <a:lnTo>
                  <a:pt x="3376910" y="5710334"/>
                </a:lnTo>
                <a:lnTo>
                  <a:pt x="3376910" y="5709890"/>
                </a:lnTo>
                <a:close/>
                <a:moveTo>
                  <a:pt x="3253408" y="5709890"/>
                </a:moveTo>
                <a:lnTo>
                  <a:pt x="3253408" y="5710334"/>
                </a:lnTo>
                <a:lnTo>
                  <a:pt x="3253852" y="5710334"/>
                </a:lnTo>
                <a:lnTo>
                  <a:pt x="3253852" y="5709890"/>
                </a:lnTo>
                <a:close/>
                <a:moveTo>
                  <a:pt x="3130351" y="5709890"/>
                </a:moveTo>
                <a:lnTo>
                  <a:pt x="3130351" y="5710334"/>
                </a:lnTo>
                <a:lnTo>
                  <a:pt x="3130795" y="5710334"/>
                </a:lnTo>
                <a:lnTo>
                  <a:pt x="3130795" y="5709890"/>
                </a:lnTo>
                <a:close/>
                <a:moveTo>
                  <a:pt x="3007294" y="5709890"/>
                </a:moveTo>
                <a:lnTo>
                  <a:pt x="3007294" y="5710334"/>
                </a:lnTo>
                <a:lnTo>
                  <a:pt x="3007738" y="5710334"/>
                </a:lnTo>
                <a:lnTo>
                  <a:pt x="3007738" y="5709890"/>
                </a:lnTo>
                <a:close/>
                <a:moveTo>
                  <a:pt x="2884237" y="5709890"/>
                </a:moveTo>
                <a:lnTo>
                  <a:pt x="2884237" y="5710334"/>
                </a:lnTo>
                <a:lnTo>
                  <a:pt x="2884681" y="5710334"/>
                </a:lnTo>
                <a:lnTo>
                  <a:pt x="2884681" y="5709890"/>
                </a:lnTo>
                <a:close/>
                <a:moveTo>
                  <a:pt x="2761179" y="5709890"/>
                </a:moveTo>
                <a:lnTo>
                  <a:pt x="2761179" y="5710334"/>
                </a:lnTo>
                <a:lnTo>
                  <a:pt x="2761623" y="5710334"/>
                </a:lnTo>
                <a:lnTo>
                  <a:pt x="2761623" y="5709890"/>
                </a:lnTo>
                <a:close/>
                <a:moveTo>
                  <a:pt x="2638122" y="5709890"/>
                </a:moveTo>
                <a:lnTo>
                  <a:pt x="2638122" y="5710334"/>
                </a:lnTo>
                <a:lnTo>
                  <a:pt x="2638566" y="5710334"/>
                </a:lnTo>
                <a:lnTo>
                  <a:pt x="2638566" y="5709890"/>
                </a:lnTo>
                <a:close/>
                <a:moveTo>
                  <a:pt x="2515065" y="5709890"/>
                </a:moveTo>
                <a:lnTo>
                  <a:pt x="2515065" y="5710334"/>
                </a:lnTo>
                <a:lnTo>
                  <a:pt x="2515509" y="5710334"/>
                </a:lnTo>
                <a:lnTo>
                  <a:pt x="2515509" y="5709890"/>
                </a:lnTo>
                <a:close/>
                <a:moveTo>
                  <a:pt x="2392007" y="5709890"/>
                </a:moveTo>
                <a:lnTo>
                  <a:pt x="2392007" y="5710334"/>
                </a:lnTo>
                <a:lnTo>
                  <a:pt x="2392451" y="5710334"/>
                </a:lnTo>
                <a:lnTo>
                  <a:pt x="2392451" y="5709890"/>
                </a:lnTo>
                <a:close/>
                <a:moveTo>
                  <a:pt x="2268950" y="5709890"/>
                </a:moveTo>
                <a:lnTo>
                  <a:pt x="2268950" y="5710334"/>
                </a:lnTo>
                <a:lnTo>
                  <a:pt x="2269394" y="5710334"/>
                </a:lnTo>
                <a:lnTo>
                  <a:pt x="2269394" y="5709890"/>
                </a:lnTo>
                <a:close/>
                <a:moveTo>
                  <a:pt x="2145893" y="5709890"/>
                </a:moveTo>
                <a:lnTo>
                  <a:pt x="2145893" y="5710334"/>
                </a:lnTo>
                <a:lnTo>
                  <a:pt x="2146337" y="5710334"/>
                </a:lnTo>
                <a:lnTo>
                  <a:pt x="2146337" y="5709890"/>
                </a:lnTo>
                <a:close/>
                <a:moveTo>
                  <a:pt x="2022835" y="5709890"/>
                </a:moveTo>
                <a:lnTo>
                  <a:pt x="2022835" y="5710334"/>
                </a:lnTo>
                <a:lnTo>
                  <a:pt x="2023279" y="5710334"/>
                </a:lnTo>
                <a:lnTo>
                  <a:pt x="2023279" y="5709890"/>
                </a:lnTo>
                <a:close/>
                <a:moveTo>
                  <a:pt x="1899741" y="5709890"/>
                </a:moveTo>
                <a:lnTo>
                  <a:pt x="1899741" y="5710334"/>
                </a:lnTo>
                <a:lnTo>
                  <a:pt x="1900185" y="5710334"/>
                </a:lnTo>
                <a:lnTo>
                  <a:pt x="1900185" y="5709890"/>
                </a:lnTo>
                <a:close/>
                <a:moveTo>
                  <a:pt x="1776684" y="5709890"/>
                </a:moveTo>
                <a:lnTo>
                  <a:pt x="1776684" y="5710334"/>
                </a:lnTo>
                <a:lnTo>
                  <a:pt x="1777128" y="5710334"/>
                </a:lnTo>
                <a:lnTo>
                  <a:pt x="1777128" y="5709890"/>
                </a:lnTo>
                <a:close/>
                <a:moveTo>
                  <a:pt x="1653626" y="5709890"/>
                </a:moveTo>
                <a:lnTo>
                  <a:pt x="1653626" y="5710334"/>
                </a:lnTo>
                <a:lnTo>
                  <a:pt x="1654070" y="5710334"/>
                </a:lnTo>
                <a:lnTo>
                  <a:pt x="1654070" y="5709890"/>
                </a:lnTo>
                <a:close/>
                <a:moveTo>
                  <a:pt x="1530569" y="5709890"/>
                </a:moveTo>
                <a:lnTo>
                  <a:pt x="1530569" y="5710334"/>
                </a:lnTo>
                <a:lnTo>
                  <a:pt x="1531013" y="5710334"/>
                </a:lnTo>
                <a:lnTo>
                  <a:pt x="1531013" y="5709890"/>
                </a:lnTo>
                <a:close/>
                <a:moveTo>
                  <a:pt x="1407512" y="5709890"/>
                </a:moveTo>
                <a:lnTo>
                  <a:pt x="1407512" y="5710334"/>
                </a:lnTo>
                <a:lnTo>
                  <a:pt x="1407956" y="5710334"/>
                </a:lnTo>
                <a:lnTo>
                  <a:pt x="1407956" y="5709890"/>
                </a:lnTo>
                <a:close/>
                <a:moveTo>
                  <a:pt x="1284454" y="5709890"/>
                </a:moveTo>
                <a:lnTo>
                  <a:pt x="1284454" y="5710334"/>
                </a:lnTo>
                <a:lnTo>
                  <a:pt x="1284898" y="5710334"/>
                </a:lnTo>
                <a:lnTo>
                  <a:pt x="1284898" y="5709890"/>
                </a:lnTo>
                <a:close/>
                <a:moveTo>
                  <a:pt x="1161397" y="5709890"/>
                </a:moveTo>
                <a:lnTo>
                  <a:pt x="1161397" y="5710334"/>
                </a:lnTo>
                <a:lnTo>
                  <a:pt x="1161841" y="5710334"/>
                </a:lnTo>
                <a:lnTo>
                  <a:pt x="1161841" y="5709890"/>
                </a:lnTo>
                <a:close/>
                <a:moveTo>
                  <a:pt x="1038340" y="5709890"/>
                </a:moveTo>
                <a:lnTo>
                  <a:pt x="1038340" y="5710334"/>
                </a:lnTo>
                <a:lnTo>
                  <a:pt x="1038784" y="5710334"/>
                </a:lnTo>
                <a:lnTo>
                  <a:pt x="1038784" y="5709890"/>
                </a:lnTo>
                <a:close/>
                <a:moveTo>
                  <a:pt x="3745675" y="5586833"/>
                </a:moveTo>
                <a:lnTo>
                  <a:pt x="3745675" y="5587277"/>
                </a:lnTo>
                <a:lnTo>
                  <a:pt x="3746119" y="5587277"/>
                </a:lnTo>
                <a:lnTo>
                  <a:pt x="3746119" y="5586833"/>
                </a:lnTo>
                <a:close/>
                <a:moveTo>
                  <a:pt x="3622617" y="5586833"/>
                </a:moveTo>
                <a:lnTo>
                  <a:pt x="3622617" y="5587277"/>
                </a:lnTo>
                <a:lnTo>
                  <a:pt x="3623061" y="5587277"/>
                </a:lnTo>
                <a:lnTo>
                  <a:pt x="3623061" y="5586833"/>
                </a:lnTo>
                <a:close/>
                <a:moveTo>
                  <a:pt x="3499523" y="5586833"/>
                </a:moveTo>
                <a:lnTo>
                  <a:pt x="3499523" y="5587277"/>
                </a:lnTo>
                <a:lnTo>
                  <a:pt x="3499967" y="5587277"/>
                </a:lnTo>
                <a:lnTo>
                  <a:pt x="3499967" y="5586833"/>
                </a:lnTo>
                <a:close/>
                <a:moveTo>
                  <a:pt x="3376466" y="5586833"/>
                </a:moveTo>
                <a:lnTo>
                  <a:pt x="3376466" y="5587277"/>
                </a:lnTo>
                <a:lnTo>
                  <a:pt x="3376910" y="5587277"/>
                </a:lnTo>
                <a:lnTo>
                  <a:pt x="3376910" y="5586833"/>
                </a:lnTo>
                <a:close/>
                <a:moveTo>
                  <a:pt x="3253408" y="5586833"/>
                </a:moveTo>
                <a:lnTo>
                  <a:pt x="3253408" y="5587277"/>
                </a:lnTo>
                <a:lnTo>
                  <a:pt x="3253852" y="5587277"/>
                </a:lnTo>
                <a:lnTo>
                  <a:pt x="3253852" y="5586833"/>
                </a:lnTo>
                <a:close/>
                <a:moveTo>
                  <a:pt x="3130351" y="5586833"/>
                </a:moveTo>
                <a:lnTo>
                  <a:pt x="3130351" y="5587277"/>
                </a:lnTo>
                <a:lnTo>
                  <a:pt x="3130795" y="5587277"/>
                </a:lnTo>
                <a:lnTo>
                  <a:pt x="3130795" y="5586833"/>
                </a:lnTo>
                <a:close/>
                <a:moveTo>
                  <a:pt x="3007294" y="5586833"/>
                </a:moveTo>
                <a:lnTo>
                  <a:pt x="3007294" y="5587277"/>
                </a:lnTo>
                <a:lnTo>
                  <a:pt x="3007738" y="5587277"/>
                </a:lnTo>
                <a:lnTo>
                  <a:pt x="3007738" y="5586833"/>
                </a:lnTo>
                <a:close/>
                <a:moveTo>
                  <a:pt x="2884237" y="5586833"/>
                </a:moveTo>
                <a:lnTo>
                  <a:pt x="2884237" y="5587277"/>
                </a:lnTo>
                <a:lnTo>
                  <a:pt x="2884681" y="5587277"/>
                </a:lnTo>
                <a:lnTo>
                  <a:pt x="2884681" y="5586833"/>
                </a:lnTo>
                <a:close/>
                <a:moveTo>
                  <a:pt x="2761179" y="5586833"/>
                </a:moveTo>
                <a:lnTo>
                  <a:pt x="2761179" y="5587277"/>
                </a:lnTo>
                <a:lnTo>
                  <a:pt x="2761623" y="5587277"/>
                </a:lnTo>
                <a:lnTo>
                  <a:pt x="2761623" y="5586833"/>
                </a:lnTo>
                <a:close/>
                <a:moveTo>
                  <a:pt x="2638122" y="5586833"/>
                </a:moveTo>
                <a:lnTo>
                  <a:pt x="2638122" y="5587277"/>
                </a:lnTo>
                <a:lnTo>
                  <a:pt x="2638566" y="5587277"/>
                </a:lnTo>
                <a:lnTo>
                  <a:pt x="2638566" y="5586833"/>
                </a:lnTo>
                <a:close/>
                <a:moveTo>
                  <a:pt x="2515065" y="5586833"/>
                </a:moveTo>
                <a:lnTo>
                  <a:pt x="2515065" y="5587277"/>
                </a:lnTo>
                <a:lnTo>
                  <a:pt x="2515509" y="5587277"/>
                </a:lnTo>
                <a:lnTo>
                  <a:pt x="2515509" y="5586833"/>
                </a:lnTo>
                <a:close/>
                <a:moveTo>
                  <a:pt x="2392007" y="5586833"/>
                </a:moveTo>
                <a:lnTo>
                  <a:pt x="2392007" y="5587277"/>
                </a:lnTo>
                <a:lnTo>
                  <a:pt x="2392451" y="5587277"/>
                </a:lnTo>
                <a:lnTo>
                  <a:pt x="2392451" y="5586833"/>
                </a:lnTo>
                <a:close/>
                <a:moveTo>
                  <a:pt x="2268950" y="5586833"/>
                </a:moveTo>
                <a:lnTo>
                  <a:pt x="2268950" y="5587277"/>
                </a:lnTo>
                <a:lnTo>
                  <a:pt x="2269394" y="5587277"/>
                </a:lnTo>
                <a:lnTo>
                  <a:pt x="2269394" y="5586833"/>
                </a:lnTo>
                <a:close/>
                <a:moveTo>
                  <a:pt x="2145893" y="5586833"/>
                </a:moveTo>
                <a:lnTo>
                  <a:pt x="2145893" y="5587277"/>
                </a:lnTo>
                <a:lnTo>
                  <a:pt x="2146337" y="5587277"/>
                </a:lnTo>
                <a:lnTo>
                  <a:pt x="2146337" y="5586833"/>
                </a:lnTo>
                <a:close/>
                <a:moveTo>
                  <a:pt x="2022835" y="5586833"/>
                </a:moveTo>
                <a:lnTo>
                  <a:pt x="2022835" y="5587277"/>
                </a:lnTo>
                <a:lnTo>
                  <a:pt x="2023279" y="5587277"/>
                </a:lnTo>
                <a:lnTo>
                  <a:pt x="2023279" y="5586833"/>
                </a:lnTo>
                <a:close/>
                <a:moveTo>
                  <a:pt x="1899741" y="5586833"/>
                </a:moveTo>
                <a:lnTo>
                  <a:pt x="1899741" y="5587277"/>
                </a:lnTo>
                <a:lnTo>
                  <a:pt x="1900185" y="5587277"/>
                </a:lnTo>
                <a:lnTo>
                  <a:pt x="1900185" y="5586833"/>
                </a:lnTo>
                <a:close/>
                <a:moveTo>
                  <a:pt x="1776684" y="5586833"/>
                </a:moveTo>
                <a:lnTo>
                  <a:pt x="1776684" y="5587277"/>
                </a:lnTo>
                <a:lnTo>
                  <a:pt x="1777128" y="5587277"/>
                </a:lnTo>
                <a:lnTo>
                  <a:pt x="1777128" y="5586833"/>
                </a:lnTo>
                <a:close/>
                <a:moveTo>
                  <a:pt x="1653626" y="5586833"/>
                </a:moveTo>
                <a:lnTo>
                  <a:pt x="1653626" y="5587277"/>
                </a:lnTo>
                <a:lnTo>
                  <a:pt x="1654070" y="5587277"/>
                </a:lnTo>
                <a:lnTo>
                  <a:pt x="1654070" y="5586833"/>
                </a:lnTo>
                <a:close/>
                <a:moveTo>
                  <a:pt x="1530569" y="5586833"/>
                </a:moveTo>
                <a:lnTo>
                  <a:pt x="1530569" y="5587277"/>
                </a:lnTo>
                <a:lnTo>
                  <a:pt x="1531013" y="5587277"/>
                </a:lnTo>
                <a:lnTo>
                  <a:pt x="1531013" y="5586833"/>
                </a:lnTo>
                <a:close/>
                <a:moveTo>
                  <a:pt x="1407512" y="5586833"/>
                </a:moveTo>
                <a:lnTo>
                  <a:pt x="1407512" y="5587277"/>
                </a:lnTo>
                <a:lnTo>
                  <a:pt x="1407956" y="5587277"/>
                </a:lnTo>
                <a:lnTo>
                  <a:pt x="1407956" y="5586833"/>
                </a:lnTo>
                <a:close/>
                <a:moveTo>
                  <a:pt x="1284454" y="5586833"/>
                </a:moveTo>
                <a:lnTo>
                  <a:pt x="1284454" y="5587277"/>
                </a:lnTo>
                <a:lnTo>
                  <a:pt x="1284898" y="5587277"/>
                </a:lnTo>
                <a:lnTo>
                  <a:pt x="1284898" y="5586833"/>
                </a:lnTo>
                <a:close/>
                <a:moveTo>
                  <a:pt x="1161397" y="5586833"/>
                </a:moveTo>
                <a:lnTo>
                  <a:pt x="1161397" y="5587277"/>
                </a:lnTo>
                <a:lnTo>
                  <a:pt x="1161841" y="5587277"/>
                </a:lnTo>
                <a:lnTo>
                  <a:pt x="1161841" y="5586833"/>
                </a:lnTo>
                <a:close/>
                <a:moveTo>
                  <a:pt x="1038340" y="5586833"/>
                </a:moveTo>
                <a:lnTo>
                  <a:pt x="1038340" y="5587277"/>
                </a:lnTo>
                <a:lnTo>
                  <a:pt x="1038784" y="5587277"/>
                </a:lnTo>
                <a:lnTo>
                  <a:pt x="1038784" y="5586833"/>
                </a:lnTo>
                <a:close/>
                <a:moveTo>
                  <a:pt x="915282" y="5586833"/>
                </a:moveTo>
                <a:lnTo>
                  <a:pt x="915282" y="5587277"/>
                </a:lnTo>
                <a:lnTo>
                  <a:pt x="915726" y="5587277"/>
                </a:lnTo>
                <a:lnTo>
                  <a:pt x="915726" y="5586833"/>
                </a:lnTo>
                <a:close/>
                <a:moveTo>
                  <a:pt x="3991789" y="5463776"/>
                </a:moveTo>
                <a:lnTo>
                  <a:pt x="3991789" y="5464220"/>
                </a:lnTo>
                <a:lnTo>
                  <a:pt x="3992234" y="5464220"/>
                </a:lnTo>
                <a:lnTo>
                  <a:pt x="3992234" y="5463776"/>
                </a:lnTo>
                <a:close/>
                <a:moveTo>
                  <a:pt x="3868732" y="5463776"/>
                </a:moveTo>
                <a:lnTo>
                  <a:pt x="3868732" y="5464220"/>
                </a:lnTo>
                <a:lnTo>
                  <a:pt x="3869176" y="5464220"/>
                </a:lnTo>
                <a:lnTo>
                  <a:pt x="3869176" y="5463776"/>
                </a:lnTo>
                <a:close/>
                <a:moveTo>
                  <a:pt x="3745675" y="5463776"/>
                </a:moveTo>
                <a:lnTo>
                  <a:pt x="3745675" y="5464220"/>
                </a:lnTo>
                <a:lnTo>
                  <a:pt x="3746119" y="5464220"/>
                </a:lnTo>
                <a:lnTo>
                  <a:pt x="3746119" y="5463776"/>
                </a:lnTo>
                <a:close/>
                <a:moveTo>
                  <a:pt x="3622617" y="5463776"/>
                </a:moveTo>
                <a:lnTo>
                  <a:pt x="3622617" y="5464220"/>
                </a:lnTo>
                <a:lnTo>
                  <a:pt x="3623061" y="5464220"/>
                </a:lnTo>
                <a:lnTo>
                  <a:pt x="3623061" y="5463776"/>
                </a:lnTo>
                <a:close/>
                <a:moveTo>
                  <a:pt x="3499523" y="5463776"/>
                </a:moveTo>
                <a:lnTo>
                  <a:pt x="3499523" y="5464220"/>
                </a:lnTo>
                <a:lnTo>
                  <a:pt x="3499967" y="5464220"/>
                </a:lnTo>
                <a:lnTo>
                  <a:pt x="3499967" y="5463776"/>
                </a:lnTo>
                <a:close/>
                <a:moveTo>
                  <a:pt x="3376466" y="5463776"/>
                </a:moveTo>
                <a:lnTo>
                  <a:pt x="3376466" y="5464220"/>
                </a:lnTo>
                <a:lnTo>
                  <a:pt x="3376910" y="5464220"/>
                </a:lnTo>
                <a:lnTo>
                  <a:pt x="3376910" y="5463776"/>
                </a:lnTo>
                <a:close/>
                <a:moveTo>
                  <a:pt x="3253408" y="5463776"/>
                </a:moveTo>
                <a:lnTo>
                  <a:pt x="3253408" y="5464220"/>
                </a:lnTo>
                <a:lnTo>
                  <a:pt x="3253852" y="5464220"/>
                </a:lnTo>
                <a:lnTo>
                  <a:pt x="3253852" y="5463776"/>
                </a:lnTo>
                <a:close/>
                <a:moveTo>
                  <a:pt x="3130351" y="5463776"/>
                </a:moveTo>
                <a:lnTo>
                  <a:pt x="3130351" y="5464220"/>
                </a:lnTo>
                <a:lnTo>
                  <a:pt x="3130795" y="5464220"/>
                </a:lnTo>
                <a:lnTo>
                  <a:pt x="3130795" y="5463776"/>
                </a:lnTo>
                <a:close/>
                <a:moveTo>
                  <a:pt x="3007294" y="5463776"/>
                </a:moveTo>
                <a:lnTo>
                  <a:pt x="3007294" y="5464220"/>
                </a:lnTo>
                <a:lnTo>
                  <a:pt x="3007738" y="5464220"/>
                </a:lnTo>
                <a:lnTo>
                  <a:pt x="3007738" y="5463776"/>
                </a:lnTo>
                <a:close/>
                <a:moveTo>
                  <a:pt x="2884237" y="5463776"/>
                </a:moveTo>
                <a:lnTo>
                  <a:pt x="2884237" y="5464220"/>
                </a:lnTo>
                <a:lnTo>
                  <a:pt x="2884681" y="5464220"/>
                </a:lnTo>
                <a:lnTo>
                  <a:pt x="2884681" y="5463776"/>
                </a:lnTo>
                <a:close/>
                <a:moveTo>
                  <a:pt x="2761179" y="5463776"/>
                </a:moveTo>
                <a:lnTo>
                  <a:pt x="2761179" y="5464220"/>
                </a:lnTo>
                <a:lnTo>
                  <a:pt x="2761623" y="5464220"/>
                </a:lnTo>
                <a:lnTo>
                  <a:pt x="2761623" y="5463776"/>
                </a:lnTo>
                <a:close/>
                <a:moveTo>
                  <a:pt x="2638122" y="5463776"/>
                </a:moveTo>
                <a:lnTo>
                  <a:pt x="2638122" y="5464220"/>
                </a:lnTo>
                <a:lnTo>
                  <a:pt x="2638566" y="5464220"/>
                </a:lnTo>
                <a:lnTo>
                  <a:pt x="2638566" y="5463776"/>
                </a:lnTo>
                <a:close/>
                <a:moveTo>
                  <a:pt x="2515065" y="5463776"/>
                </a:moveTo>
                <a:lnTo>
                  <a:pt x="2515065" y="5464220"/>
                </a:lnTo>
                <a:lnTo>
                  <a:pt x="2515509" y="5464220"/>
                </a:lnTo>
                <a:lnTo>
                  <a:pt x="2515509" y="5463776"/>
                </a:lnTo>
                <a:close/>
                <a:moveTo>
                  <a:pt x="2392007" y="5463776"/>
                </a:moveTo>
                <a:lnTo>
                  <a:pt x="2392007" y="5464220"/>
                </a:lnTo>
                <a:lnTo>
                  <a:pt x="2392451" y="5464220"/>
                </a:lnTo>
                <a:lnTo>
                  <a:pt x="2392451" y="5463776"/>
                </a:lnTo>
                <a:close/>
                <a:moveTo>
                  <a:pt x="2268950" y="5463776"/>
                </a:moveTo>
                <a:lnTo>
                  <a:pt x="2268950" y="5464220"/>
                </a:lnTo>
                <a:lnTo>
                  <a:pt x="2269394" y="5464220"/>
                </a:lnTo>
                <a:lnTo>
                  <a:pt x="2269394" y="5463776"/>
                </a:lnTo>
                <a:close/>
                <a:moveTo>
                  <a:pt x="2145893" y="5463776"/>
                </a:moveTo>
                <a:lnTo>
                  <a:pt x="2145893" y="5464220"/>
                </a:lnTo>
                <a:lnTo>
                  <a:pt x="2146337" y="5464220"/>
                </a:lnTo>
                <a:lnTo>
                  <a:pt x="2146337" y="5463776"/>
                </a:lnTo>
                <a:close/>
                <a:moveTo>
                  <a:pt x="2022835" y="5463776"/>
                </a:moveTo>
                <a:lnTo>
                  <a:pt x="2022835" y="5464220"/>
                </a:lnTo>
                <a:lnTo>
                  <a:pt x="2023279" y="5464220"/>
                </a:lnTo>
                <a:lnTo>
                  <a:pt x="2023279" y="5463776"/>
                </a:lnTo>
                <a:close/>
                <a:moveTo>
                  <a:pt x="1899741" y="5463776"/>
                </a:moveTo>
                <a:lnTo>
                  <a:pt x="1899741" y="5464220"/>
                </a:lnTo>
                <a:lnTo>
                  <a:pt x="1900185" y="5464220"/>
                </a:lnTo>
                <a:lnTo>
                  <a:pt x="1900185" y="5463776"/>
                </a:lnTo>
                <a:close/>
                <a:moveTo>
                  <a:pt x="1776684" y="5463776"/>
                </a:moveTo>
                <a:lnTo>
                  <a:pt x="1776684" y="5464220"/>
                </a:lnTo>
                <a:lnTo>
                  <a:pt x="1777128" y="5464220"/>
                </a:lnTo>
                <a:lnTo>
                  <a:pt x="1777128" y="5463776"/>
                </a:lnTo>
                <a:close/>
                <a:moveTo>
                  <a:pt x="1653626" y="5463776"/>
                </a:moveTo>
                <a:lnTo>
                  <a:pt x="1653626" y="5464220"/>
                </a:lnTo>
                <a:lnTo>
                  <a:pt x="1654070" y="5464220"/>
                </a:lnTo>
                <a:lnTo>
                  <a:pt x="1654070" y="5463776"/>
                </a:lnTo>
                <a:close/>
                <a:moveTo>
                  <a:pt x="1530569" y="5463776"/>
                </a:moveTo>
                <a:lnTo>
                  <a:pt x="1530569" y="5464220"/>
                </a:lnTo>
                <a:lnTo>
                  <a:pt x="1531013" y="5464220"/>
                </a:lnTo>
                <a:lnTo>
                  <a:pt x="1531013" y="5463776"/>
                </a:lnTo>
                <a:close/>
                <a:moveTo>
                  <a:pt x="1407512" y="5463776"/>
                </a:moveTo>
                <a:lnTo>
                  <a:pt x="1407512" y="5464220"/>
                </a:lnTo>
                <a:lnTo>
                  <a:pt x="1407956" y="5464220"/>
                </a:lnTo>
                <a:lnTo>
                  <a:pt x="1407956" y="5463776"/>
                </a:lnTo>
                <a:close/>
                <a:moveTo>
                  <a:pt x="1284454" y="5463776"/>
                </a:moveTo>
                <a:lnTo>
                  <a:pt x="1284454" y="5464220"/>
                </a:lnTo>
                <a:lnTo>
                  <a:pt x="1284898" y="5464220"/>
                </a:lnTo>
                <a:lnTo>
                  <a:pt x="1284898" y="5463776"/>
                </a:lnTo>
                <a:close/>
                <a:moveTo>
                  <a:pt x="1161397" y="5463776"/>
                </a:moveTo>
                <a:lnTo>
                  <a:pt x="1161397" y="5464220"/>
                </a:lnTo>
                <a:lnTo>
                  <a:pt x="1161841" y="5464220"/>
                </a:lnTo>
                <a:lnTo>
                  <a:pt x="1161841" y="5463776"/>
                </a:lnTo>
                <a:close/>
                <a:moveTo>
                  <a:pt x="1038340" y="5463776"/>
                </a:moveTo>
                <a:lnTo>
                  <a:pt x="1038340" y="5464220"/>
                </a:lnTo>
                <a:lnTo>
                  <a:pt x="1038784" y="5464220"/>
                </a:lnTo>
                <a:lnTo>
                  <a:pt x="1038784" y="5463776"/>
                </a:lnTo>
                <a:close/>
                <a:moveTo>
                  <a:pt x="915282" y="5463776"/>
                </a:moveTo>
                <a:lnTo>
                  <a:pt x="915282" y="5464220"/>
                </a:lnTo>
                <a:lnTo>
                  <a:pt x="915726" y="5464220"/>
                </a:lnTo>
                <a:lnTo>
                  <a:pt x="915726" y="5463776"/>
                </a:lnTo>
                <a:close/>
                <a:moveTo>
                  <a:pt x="792225" y="5463776"/>
                </a:moveTo>
                <a:lnTo>
                  <a:pt x="792225" y="5464220"/>
                </a:lnTo>
                <a:lnTo>
                  <a:pt x="792669" y="5464220"/>
                </a:lnTo>
                <a:lnTo>
                  <a:pt x="792669" y="5463776"/>
                </a:lnTo>
                <a:close/>
                <a:moveTo>
                  <a:pt x="53844" y="5463776"/>
                </a:moveTo>
                <a:lnTo>
                  <a:pt x="53844" y="5464220"/>
                </a:lnTo>
                <a:lnTo>
                  <a:pt x="54288" y="5464220"/>
                </a:lnTo>
                <a:lnTo>
                  <a:pt x="54288" y="5463776"/>
                </a:lnTo>
                <a:close/>
                <a:moveTo>
                  <a:pt x="3991789" y="5340718"/>
                </a:moveTo>
                <a:lnTo>
                  <a:pt x="3991789" y="5341162"/>
                </a:lnTo>
                <a:lnTo>
                  <a:pt x="3992234" y="5341162"/>
                </a:lnTo>
                <a:lnTo>
                  <a:pt x="3992234" y="5340718"/>
                </a:lnTo>
                <a:close/>
                <a:moveTo>
                  <a:pt x="3868732" y="5340718"/>
                </a:moveTo>
                <a:lnTo>
                  <a:pt x="3868732" y="5341162"/>
                </a:lnTo>
                <a:lnTo>
                  <a:pt x="3869176" y="5341162"/>
                </a:lnTo>
                <a:lnTo>
                  <a:pt x="3869176" y="5340718"/>
                </a:lnTo>
                <a:close/>
                <a:moveTo>
                  <a:pt x="3745675" y="5340718"/>
                </a:moveTo>
                <a:lnTo>
                  <a:pt x="3745675" y="5341162"/>
                </a:lnTo>
                <a:lnTo>
                  <a:pt x="3746119" y="5341162"/>
                </a:lnTo>
                <a:lnTo>
                  <a:pt x="3746119" y="5340718"/>
                </a:lnTo>
                <a:close/>
                <a:moveTo>
                  <a:pt x="3622617" y="5340718"/>
                </a:moveTo>
                <a:lnTo>
                  <a:pt x="3622617" y="5341162"/>
                </a:lnTo>
                <a:lnTo>
                  <a:pt x="3623061" y="5341162"/>
                </a:lnTo>
                <a:lnTo>
                  <a:pt x="3623061" y="5340718"/>
                </a:lnTo>
                <a:close/>
                <a:moveTo>
                  <a:pt x="3499523" y="5340718"/>
                </a:moveTo>
                <a:lnTo>
                  <a:pt x="3499523" y="5341162"/>
                </a:lnTo>
                <a:lnTo>
                  <a:pt x="3499967" y="5341162"/>
                </a:lnTo>
                <a:lnTo>
                  <a:pt x="3499967" y="5340718"/>
                </a:lnTo>
                <a:close/>
                <a:moveTo>
                  <a:pt x="3376466" y="5340718"/>
                </a:moveTo>
                <a:lnTo>
                  <a:pt x="3376466" y="5341162"/>
                </a:lnTo>
                <a:lnTo>
                  <a:pt x="3376910" y="5341162"/>
                </a:lnTo>
                <a:lnTo>
                  <a:pt x="3376910" y="5340718"/>
                </a:lnTo>
                <a:close/>
                <a:moveTo>
                  <a:pt x="3253408" y="5340718"/>
                </a:moveTo>
                <a:lnTo>
                  <a:pt x="3253408" y="5341162"/>
                </a:lnTo>
                <a:lnTo>
                  <a:pt x="3253852" y="5341162"/>
                </a:lnTo>
                <a:lnTo>
                  <a:pt x="3253852" y="5340718"/>
                </a:lnTo>
                <a:close/>
                <a:moveTo>
                  <a:pt x="3130351" y="5340718"/>
                </a:moveTo>
                <a:lnTo>
                  <a:pt x="3130351" y="5341162"/>
                </a:lnTo>
                <a:lnTo>
                  <a:pt x="3130795" y="5341162"/>
                </a:lnTo>
                <a:lnTo>
                  <a:pt x="3130795" y="5340718"/>
                </a:lnTo>
                <a:close/>
                <a:moveTo>
                  <a:pt x="3007294" y="5340718"/>
                </a:moveTo>
                <a:lnTo>
                  <a:pt x="3007294" y="5341162"/>
                </a:lnTo>
                <a:lnTo>
                  <a:pt x="3007738" y="5341162"/>
                </a:lnTo>
                <a:lnTo>
                  <a:pt x="3007738" y="5340718"/>
                </a:lnTo>
                <a:close/>
                <a:moveTo>
                  <a:pt x="2884237" y="5340718"/>
                </a:moveTo>
                <a:lnTo>
                  <a:pt x="2884237" y="5341162"/>
                </a:lnTo>
                <a:lnTo>
                  <a:pt x="2884681" y="5341162"/>
                </a:lnTo>
                <a:lnTo>
                  <a:pt x="2884681" y="5340718"/>
                </a:lnTo>
                <a:close/>
                <a:moveTo>
                  <a:pt x="2761179" y="5340718"/>
                </a:moveTo>
                <a:lnTo>
                  <a:pt x="2761179" y="5341162"/>
                </a:lnTo>
                <a:lnTo>
                  <a:pt x="2761623" y="5341162"/>
                </a:lnTo>
                <a:lnTo>
                  <a:pt x="2761623" y="5340718"/>
                </a:lnTo>
                <a:close/>
                <a:moveTo>
                  <a:pt x="2638122" y="5340718"/>
                </a:moveTo>
                <a:lnTo>
                  <a:pt x="2638122" y="5341162"/>
                </a:lnTo>
                <a:lnTo>
                  <a:pt x="2638566" y="5341162"/>
                </a:lnTo>
                <a:lnTo>
                  <a:pt x="2638566" y="5340718"/>
                </a:lnTo>
                <a:close/>
                <a:moveTo>
                  <a:pt x="2515065" y="5340718"/>
                </a:moveTo>
                <a:lnTo>
                  <a:pt x="2515065" y="5341162"/>
                </a:lnTo>
                <a:lnTo>
                  <a:pt x="2515509" y="5341162"/>
                </a:lnTo>
                <a:lnTo>
                  <a:pt x="2515509" y="5340718"/>
                </a:lnTo>
                <a:close/>
                <a:moveTo>
                  <a:pt x="2392007" y="5340718"/>
                </a:moveTo>
                <a:lnTo>
                  <a:pt x="2392007" y="5341162"/>
                </a:lnTo>
                <a:lnTo>
                  <a:pt x="2392451" y="5341162"/>
                </a:lnTo>
                <a:lnTo>
                  <a:pt x="2392451" y="5340718"/>
                </a:lnTo>
                <a:close/>
                <a:moveTo>
                  <a:pt x="1161397" y="5340718"/>
                </a:moveTo>
                <a:lnTo>
                  <a:pt x="1161397" y="5341162"/>
                </a:lnTo>
                <a:lnTo>
                  <a:pt x="1161841" y="5341162"/>
                </a:lnTo>
                <a:lnTo>
                  <a:pt x="1161841" y="5340718"/>
                </a:lnTo>
                <a:close/>
                <a:moveTo>
                  <a:pt x="1038340" y="5340718"/>
                </a:moveTo>
                <a:lnTo>
                  <a:pt x="1038340" y="5341162"/>
                </a:lnTo>
                <a:lnTo>
                  <a:pt x="1038784" y="5341162"/>
                </a:lnTo>
                <a:lnTo>
                  <a:pt x="1038784" y="5340718"/>
                </a:lnTo>
                <a:close/>
                <a:moveTo>
                  <a:pt x="915282" y="5340718"/>
                </a:moveTo>
                <a:lnTo>
                  <a:pt x="915282" y="5341162"/>
                </a:lnTo>
                <a:lnTo>
                  <a:pt x="915726" y="5341162"/>
                </a:lnTo>
                <a:lnTo>
                  <a:pt x="915726" y="5340718"/>
                </a:lnTo>
                <a:close/>
                <a:moveTo>
                  <a:pt x="792225" y="5340718"/>
                </a:moveTo>
                <a:lnTo>
                  <a:pt x="792225" y="5341162"/>
                </a:lnTo>
                <a:lnTo>
                  <a:pt x="792669" y="5341162"/>
                </a:lnTo>
                <a:lnTo>
                  <a:pt x="792669" y="5340718"/>
                </a:lnTo>
                <a:close/>
                <a:moveTo>
                  <a:pt x="299959" y="5340718"/>
                </a:moveTo>
                <a:lnTo>
                  <a:pt x="299959" y="5341162"/>
                </a:lnTo>
                <a:lnTo>
                  <a:pt x="300403" y="5341162"/>
                </a:lnTo>
                <a:lnTo>
                  <a:pt x="300403" y="5340718"/>
                </a:lnTo>
                <a:close/>
                <a:moveTo>
                  <a:pt x="176901" y="5340718"/>
                </a:moveTo>
                <a:lnTo>
                  <a:pt x="176901" y="5341162"/>
                </a:lnTo>
                <a:lnTo>
                  <a:pt x="177345" y="5341162"/>
                </a:lnTo>
                <a:lnTo>
                  <a:pt x="177345" y="5340718"/>
                </a:lnTo>
                <a:close/>
                <a:moveTo>
                  <a:pt x="53844" y="5340718"/>
                </a:moveTo>
                <a:lnTo>
                  <a:pt x="53844" y="5341162"/>
                </a:lnTo>
                <a:lnTo>
                  <a:pt x="54288" y="5341162"/>
                </a:lnTo>
                <a:lnTo>
                  <a:pt x="54288" y="5340718"/>
                </a:lnTo>
                <a:close/>
                <a:moveTo>
                  <a:pt x="2268728" y="5340533"/>
                </a:moveTo>
                <a:lnTo>
                  <a:pt x="2268728" y="5341385"/>
                </a:lnTo>
                <a:lnTo>
                  <a:pt x="2269580" y="5341385"/>
                </a:lnTo>
                <a:lnTo>
                  <a:pt x="2269580" y="5340533"/>
                </a:lnTo>
                <a:close/>
                <a:moveTo>
                  <a:pt x="2145670" y="5340533"/>
                </a:moveTo>
                <a:lnTo>
                  <a:pt x="2145670" y="5341385"/>
                </a:lnTo>
                <a:lnTo>
                  <a:pt x="2146522" y="5341385"/>
                </a:lnTo>
                <a:lnTo>
                  <a:pt x="2146522" y="5340533"/>
                </a:lnTo>
                <a:close/>
                <a:moveTo>
                  <a:pt x="2022613" y="5340533"/>
                </a:moveTo>
                <a:lnTo>
                  <a:pt x="2022613" y="5341385"/>
                </a:lnTo>
                <a:lnTo>
                  <a:pt x="2023465" y="5341385"/>
                </a:lnTo>
                <a:lnTo>
                  <a:pt x="2023465" y="5340533"/>
                </a:lnTo>
                <a:close/>
                <a:moveTo>
                  <a:pt x="1899556" y="5340533"/>
                </a:moveTo>
                <a:lnTo>
                  <a:pt x="1899556" y="5341385"/>
                </a:lnTo>
                <a:lnTo>
                  <a:pt x="1900408" y="5341385"/>
                </a:lnTo>
                <a:lnTo>
                  <a:pt x="1900408" y="5340533"/>
                </a:lnTo>
                <a:close/>
                <a:moveTo>
                  <a:pt x="1776498" y="5340533"/>
                </a:moveTo>
                <a:lnTo>
                  <a:pt x="1776498" y="5341385"/>
                </a:lnTo>
                <a:lnTo>
                  <a:pt x="1777350" y="5341385"/>
                </a:lnTo>
                <a:lnTo>
                  <a:pt x="1777350" y="5340533"/>
                </a:lnTo>
                <a:close/>
                <a:moveTo>
                  <a:pt x="1653404" y="5340533"/>
                </a:moveTo>
                <a:lnTo>
                  <a:pt x="1653404" y="5341385"/>
                </a:lnTo>
                <a:lnTo>
                  <a:pt x="1654256" y="5341385"/>
                </a:lnTo>
                <a:lnTo>
                  <a:pt x="1654256" y="5340533"/>
                </a:lnTo>
                <a:close/>
                <a:moveTo>
                  <a:pt x="1530347" y="5340533"/>
                </a:moveTo>
                <a:lnTo>
                  <a:pt x="1530347" y="5341385"/>
                </a:lnTo>
                <a:lnTo>
                  <a:pt x="1531199" y="5341385"/>
                </a:lnTo>
                <a:lnTo>
                  <a:pt x="1531199" y="5340533"/>
                </a:lnTo>
                <a:close/>
                <a:moveTo>
                  <a:pt x="1407289" y="5340533"/>
                </a:moveTo>
                <a:lnTo>
                  <a:pt x="1407289" y="5341385"/>
                </a:lnTo>
                <a:lnTo>
                  <a:pt x="1408141" y="5341385"/>
                </a:lnTo>
                <a:lnTo>
                  <a:pt x="1408141" y="5340533"/>
                </a:lnTo>
                <a:close/>
                <a:moveTo>
                  <a:pt x="1284232" y="5340533"/>
                </a:moveTo>
                <a:lnTo>
                  <a:pt x="1284232" y="5341385"/>
                </a:lnTo>
                <a:lnTo>
                  <a:pt x="1285084" y="5341385"/>
                </a:lnTo>
                <a:lnTo>
                  <a:pt x="1285084" y="5340533"/>
                </a:lnTo>
                <a:close/>
                <a:moveTo>
                  <a:pt x="3991789" y="5217661"/>
                </a:moveTo>
                <a:lnTo>
                  <a:pt x="3991789" y="5218105"/>
                </a:lnTo>
                <a:lnTo>
                  <a:pt x="3992234" y="5218105"/>
                </a:lnTo>
                <a:lnTo>
                  <a:pt x="3992234" y="5217661"/>
                </a:lnTo>
                <a:close/>
                <a:moveTo>
                  <a:pt x="3868732" y="5217661"/>
                </a:moveTo>
                <a:lnTo>
                  <a:pt x="3868732" y="5218105"/>
                </a:lnTo>
                <a:lnTo>
                  <a:pt x="3869176" y="5218105"/>
                </a:lnTo>
                <a:lnTo>
                  <a:pt x="3869176" y="5217661"/>
                </a:lnTo>
                <a:close/>
                <a:moveTo>
                  <a:pt x="3745675" y="5217661"/>
                </a:moveTo>
                <a:lnTo>
                  <a:pt x="3745675" y="5218105"/>
                </a:lnTo>
                <a:lnTo>
                  <a:pt x="3746119" y="5218105"/>
                </a:lnTo>
                <a:lnTo>
                  <a:pt x="3746119" y="5217661"/>
                </a:lnTo>
                <a:close/>
                <a:moveTo>
                  <a:pt x="3622617" y="5217661"/>
                </a:moveTo>
                <a:lnTo>
                  <a:pt x="3622617" y="5218105"/>
                </a:lnTo>
                <a:lnTo>
                  <a:pt x="3623061" y="5218105"/>
                </a:lnTo>
                <a:lnTo>
                  <a:pt x="3623061" y="5217661"/>
                </a:lnTo>
                <a:close/>
                <a:moveTo>
                  <a:pt x="3499523" y="5217661"/>
                </a:moveTo>
                <a:lnTo>
                  <a:pt x="3499523" y="5218105"/>
                </a:lnTo>
                <a:lnTo>
                  <a:pt x="3499967" y="5218105"/>
                </a:lnTo>
                <a:lnTo>
                  <a:pt x="3499967" y="5217661"/>
                </a:lnTo>
                <a:close/>
                <a:moveTo>
                  <a:pt x="3376466" y="5217661"/>
                </a:moveTo>
                <a:lnTo>
                  <a:pt x="3376466" y="5218105"/>
                </a:lnTo>
                <a:lnTo>
                  <a:pt x="3376910" y="5218105"/>
                </a:lnTo>
                <a:lnTo>
                  <a:pt x="3376910" y="5217661"/>
                </a:lnTo>
                <a:close/>
                <a:moveTo>
                  <a:pt x="3253408" y="5217661"/>
                </a:moveTo>
                <a:lnTo>
                  <a:pt x="3253408" y="5218105"/>
                </a:lnTo>
                <a:lnTo>
                  <a:pt x="3253852" y="5218105"/>
                </a:lnTo>
                <a:lnTo>
                  <a:pt x="3253852" y="5217661"/>
                </a:lnTo>
                <a:close/>
                <a:moveTo>
                  <a:pt x="3130351" y="5217661"/>
                </a:moveTo>
                <a:lnTo>
                  <a:pt x="3130351" y="5218105"/>
                </a:lnTo>
                <a:lnTo>
                  <a:pt x="3130795" y="5218105"/>
                </a:lnTo>
                <a:lnTo>
                  <a:pt x="3130795" y="5217661"/>
                </a:lnTo>
                <a:close/>
                <a:moveTo>
                  <a:pt x="3007294" y="5217661"/>
                </a:moveTo>
                <a:lnTo>
                  <a:pt x="3007294" y="5218105"/>
                </a:lnTo>
                <a:lnTo>
                  <a:pt x="3007738" y="5218105"/>
                </a:lnTo>
                <a:lnTo>
                  <a:pt x="3007738" y="5217661"/>
                </a:lnTo>
                <a:close/>
                <a:moveTo>
                  <a:pt x="2884237" y="5217661"/>
                </a:moveTo>
                <a:lnTo>
                  <a:pt x="2884237" y="5218105"/>
                </a:lnTo>
                <a:lnTo>
                  <a:pt x="2884681" y="5218105"/>
                </a:lnTo>
                <a:lnTo>
                  <a:pt x="2884681" y="5217661"/>
                </a:lnTo>
                <a:close/>
                <a:moveTo>
                  <a:pt x="2761179" y="5217661"/>
                </a:moveTo>
                <a:lnTo>
                  <a:pt x="2761179" y="5218105"/>
                </a:lnTo>
                <a:lnTo>
                  <a:pt x="2761623" y="5218105"/>
                </a:lnTo>
                <a:lnTo>
                  <a:pt x="2761623" y="5217661"/>
                </a:lnTo>
                <a:close/>
                <a:moveTo>
                  <a:pt x="792225" y="5217661"/>
                </a:moveTo>
                <a:lnTo>
                  <a:pt x="792225" y="5218105"/>
                </a:lnTo>
                <a:lnTo>
                  <a:pt x="792669" y="5218105"/>
                </a:lnTo>
                <a:lnTo>
                  <a:pt x="792669" y="5217661"/>
                </a:lnTo>
                <a:close/>
                <a:moveTo>
                  <a:pt x="669168" y="5217661"/>
                </a:moveTo>
                <a:lnTo>
                  <a:pt x="669168" y="5218105"/>
                </a:lnTo>
                <a:lnTo>
                  <a:pt x="669612" y="5218105"/>
                </a:lnTo>
                <a:lnTo>
                  <a:pt x="669612" y="5217661"/>
                </a:lnTo>
                <a:close/>
                <a:moveTo>
                  <a:pt x="423053" y="5217661"/>
                </a:moveTo>
                <a:lnTo>
                  <a:pt x="423053" y="5218105"/>
                </a:lnTo>
                <a:lnTo>
                  <a:pt x="423497" y="5218105"/>
                </a:lnTo>
                <a:lnTo>
                  <a:pt x="423497" y="5217661"/>
                </a:lnTo>
                <a:close/>
                <a:moveTo>
                  <a:pt x="299959" y="5217661"/>
                </a:moveTo>
                <a:lnTo>
                  <a:pt x="299959" y="5218105"/>
                </a:lnTo>
                <a:lnTo>
                  <a:pt x="300403" y="5218105"/>
                </a:lnTo>
                <a:lnTo>
                  <a:pt x="300403" y="5217661"/>
                </a:lnTo>
                <a:close/>
                <a:moveTo>
                  <a:pt x="176901" y="5217661"/>
                </a:moveTo>
                <a:lnTo>
                  <a:pt x="176901" y="5218105"/>
                </a:lnTo>
                <a:lnTo>
                  <a:pt x="177345" y="5218105"/>
                </a:lnTo>
                <a:lnTo>
                  <a:pt x="177345" y="5217661"/>
                </a:lnTo>
                <a:close/>
                <a:moveTo>
                  <a:pt x="53844" y="5217661"/>
                </a:moveTo>
                <a:lnTo>
                  <a:pt x="53844" y="5218105"/>
                </a:lnTo>
                <a:lnTo>
                  <a:pt x="54288" y="5218105"/>
                </a:lnTo>
                <a:lnTo>
                  <a:pt x="54288" y="5217661"/>
                </a:lnTo>
                <a:close/>
                <a:moveTo>
                  <a:pt x="2637900" y="5217475"/>
                </a:moveTo>
                <a:lnTo>
                  <a:pt x="2637900" y="5218327"/>
                </a:lnTo>
                <a:lnTo>
                  <a:pt x="2638752" y="5218327"/>
                </a:lnTo>
                <a:lnTo>
                  <a:pt x="2638752" y="5217475"/>
                </a:lnTo>
                <a:close/>
                <a:moveTo>
                  <a:pt x="2514842" y="5217475"/>
                </a:moveTo>
                <a:lnTo>
                  <a:pt x="2514842" y="5218327"/>
                </a:lnTo>
                <a:lnTo>
                  <a:pt x="2515694" y="5218327"/>
                </a:lnTo>
                <a:lnTo>
                  <a:pt x="2515694" y="5217475"/>
                </a:lnTo>
                <a:close/>
                <a:moveTo>
                  <a:pt x="2391785" y="5217475"/>
                </a:moveTo>
                <a:lnTo>
                  <a:pt x="2391785" y="5218327"/>
                </a:lnTo>
                <a:lnTo>
                  <a:pt x="2392637" y="5218327"/>
                </a:lnTo>
                <a:lnTo>
                  <a:pt x="2392637" y="5217475"/>
                </a:lnTo>
                <a:close/>
                <a:moveTo>
                  <a:pt x="2268728" y="5217475"/>
                </a:moveTo>
                <a:lnTo>
                  <a:pt x="2268728" y="5218327"/>
                </a:lnTo>
                <a:lnTo>
                  <a:pt x="2269580" y="5218327"/>
                </a:lnTo>
                <a:lnTo>
                  <a:pt x="2269580" y="5217475"/>
                </a:lnTo>
                <a:close/>
                <a:moveTo>
                  <a:pt x="2145670" y="5217475"/>
                </a:moveTo>
                <a:lnTo>
                  <a:pt x="2145670" y="5218327"/>
                </a:lnTo>
                <a:lnTo>
                  <a:pt x="2146522" y="5218327"/>
                </a:lnTo>
                <a:lnTo>
                  <a:pt x="2146522" y="5217475"/>
                </a:lnTo>
                <a:close/>
                <a:moveTo>
                  <a:pt x="1161175" y="5217475"/>
                </a:moveTo>
                <a:lnTo>
                  <a:pt x="1161175" y="5218327"/>
                </a:lnTo>
                <a:lnTo>
                  <a:pt x="1162027" y="5218327"/>
                </a:lnTo>
                <a:lnTo>
                  <a:pt x="1162027" y="5217475"/>
                </a:lnTo>
                <a:close/>
                <a:moveTo>
                  <a:pt x="1038117" y="5217475"/>
                </a:moveTo>
                <a:lnTo>
                  <a:pt x="1038117" y="5218327"/>
                </a:lnTo>
                <a:lnTo>
                  <a:pt x="1038969" y="5218327"/>
                </a:lnTo>
                <a:lnTo>
                  <a:pt x="1038969" y="5217475"/>
                </a:lnTo>
                <a:close/>
                <a:moveTo>
                  <a:pt x="915060" y="5217475"/>
                </a:moveTo>
                <a:lnTo>
                  <a:pt x="915060" y="5218327"/>
                </a:lnTo>
                <a:lnTo>
                  <a:pt x="915912" y="5218327"/>
                </a:lnTo>
                <a:lnTo>
                  <a:pt x="915912" y="5217475"/>
                </a:lnTo>
                <a:close/>
                <a:moveTo>
                  <a:pt x="2022391" y="5217216"/>
                </a:moveTo>
                <a:lnTo>
                  <a:pt x="2022391" y="5218512"/>
                </a:lnTo>
                <a:lnTo>
                  <a:pt x="2023687" y="5218512"/>
                </a:lnTo>
                <a:lnTo>
                  <a:pt x="2023687" y="5217216"/>
                </a:lnTo>
                <a:close/>
                <a:moveTo>
                  <a:pt x="1899334" y="5217216"/>
                </a:moveTo>
                <a:lnTo>
                  <a:pt x="1899334" y="5218512"/>
                </a:lnTo>
                <a:lnTo>
                  <a:pt x="1900630" y="5218512"/>
                </a:lnTo>
                <a:lnTo>
                  <a:pt x="1900630" y="5217216"/>
                </a:lnTo>
                <a:close/>
                <a:moveTo>
                  <a:pt x="1776276" y="5217216"/>
                </a:moveTo>
                <a:lnTo>
                  <a:pt x="1776276" y="5218512"/>
                </a:lnTo>
                <a:lnTo>
                  <a:pt x="1777572" y="5218512"/>
                </a:lnTo>
                <a:lnTo>
                  <a:pt x="1777572" y="5217216"/>
                </a:lnTo>
                <a:close/>
                <a:moveTo>
                  <a:pt x="1653219" y="5217216"/>
                </a:moveTo>
                <a:lnTo>
                  <a:pt x="1653219" y="5218512"/>
                </a:lnTo>
                <a:lnTo>
                  <a:pt x="1654515" y="5218512"/>
                </a:lnTo>
                <a:lnTo>
                  <a:pt x="1654515" y="5217216"/>
                </a:lnTo>
                <a:close/>
                <a:moveTo>
                  <a:pt x="1530162" y="5217216"/>
                </a:moveTo>
                <a:lnTo>
                  <a:pt x="1530162" y="5218512"/>
                </a:lnTo>
                <a:lnTo>
                  <a:pt x="1531458" y="5218512"/>
                </a:lnTo>
                <a:lnTo>
                  <a:pt x="1531458" y="5217216"/>
                </a:lnTo>
                <a:close/>
                <a:moveTo>
                  <a:pt x="1407067" y="5217216"/>
                </a:moveTo>
                <a:lnTo>
                  <a:pt x="1407067" y="5218512"/>
                </a:lnTo>
                <a:lnTo>
                  <a:pt x="1408363" y="5218512"/>
                </a:lnTo>
                <a:lnTo>
                  <a:pt x="1408363" y="5217216"/>
                </a:lnTo>
                <a:close/>
                <a:moveTo>
                  <a:pt x="1284010" y="5217216"/>
                </a:moveTo>
                <a:lnTo>
                  <a:pt x="1284010" y="5218512"/>
                </a:lnTo>
                <a:lnTo>
                  <a:pt x="1285306" y="5218512"/>
                </a:lnTo>
                <a:lnTo>
                  <a:pt x="1285306" y="5217216"/>
                </a:lnTo>
                <a:close/>
                <a:moveTo>
                  <a:pt x="4114847" y="5094604"/>
                </a:moveTo>
                <a:lnTo>
                  <a:pt x="4114847" y="5095048"/>
                </a:lnTo>
                <a:lnTo>
                  <a:pt x="4115291" y="5095048"/>
                </a:lnTo>
                <a:lnTo>
                  <a:pt x="4115291" y="5094604"/>
                </a:lnTo>
                <a:close/>
                <a:moveTo>
                  <a:pt x="3991789" y="5094604"/>
                </a:moveTo>
                <a:lnTo>
                  <a:pt x="3991789" y="5095048"/>
                </a:lnTo>
                <a:lnTo>
                  <a:pt x="3992234" y="5095048"/>
                </a:lnTo>
                <a:lnTo>
                  <a:pt x="3992234" y="5094604"/>
                </a:lnTo>
                <a:close/>
                <a:moveTo>
                  <a:pt x="3868732" y="5094604"/>
                </a:moveTo>
                <a:lnTo>
                  <a:pt x="3868732" y="5095048"/>
                </a:lnTo>
                <a:lnTo>
                  <a:pt x="3869176" y="5095048"/>
                </a:lnTo>
                <a:lnTo>
                  <a:pt x="3869176" y="5094604"/>
                </a:lnTo>
                <a:close/>
                <a:moveTo>
                  <a:pt x="3745675" y="5094604"/>
                </a:moveTo>
                <a:lnTo>
                  <a:pt x="3745675" y="5095048"/>
                </a:lnTo>
                <a:lnTo>
                  <a:pt x="3746119" y="5095048"/>
                </a:lnTo>
                <a:lnTo>
                  <a:pt x="3746119" y="5094604"/>
                </a:lnTo>
                <a:close/>
                <a:moveTo>
                  <a:pt x="3622617" y="5094604"/>
                </a:moveTo>
                <a:lnTo>
                  <a:pt x="3622617" y="5095048"/>
                </a:lnTo>
                <a:lnTo>
                  <a:pt x="3623061" y="5095048"/>
                </a:lnTo>
                <a:lnTo>
                  <a:pt x="3623061" y="5094604"/>
                </a:lnTo>
                <a:close/>
                <a:moveTo>
                  <a:pt x="3499523" y="5094604"/>
                </a:moveTo>
                <a:lnTo>
                  <a:pt x="3499523" y="5095048"/>
                </a:lnTo>
                <a:lnTo>
                  <a:pt x="3499967" y="5095048"/>
                </a:lnTo>
                <a:lnTo>
                  <a:pt x="3499967" y="5094604"/>
                </a:lnTo>
                <a:close/>
                <a:moveTo>
                  <a:pt x="3376466" y="5094604"/>
                </a:moveTo>
                <a:lnTo>
                  <a:pt x="3376466" y="5095048"/>
                </a:lnTo>
                <a:lnTo>
                  <a:pt x="3376910" y="5095048"/>
                </a:lnTo>
                <a:lnTo>
                  <a:pt x="3376910" y="5094604"/>
                </a:lnTo>
                <a:close/>
                <a:moveTo>
                  <a:pt x="3253408" y="5094604"/>
                </a:moveTo>
                <a:lnTo>
                  <a:pt x="3253408" y="5095048"/>
                </a:lnTo>
                <a:lnTo>
                  <a:pt x="3253852" y="5095048"/>
                </a:lnTo>
                <a:lnTo>
                  <a:pt x="3253852" y="5094604"/>
                </a:lnTo>
                <a:close/>
                <a:moveTo>
                  <a:pt x="3130351" y="5094604"/>
                </a:moveTo>
                <a:lnTo>
                  <a:pt x="3130351" y="5095048"/>
                </a:lnTo>
                <a:lnTo>
                  <a:pt x="3130795" y="5095048"/>
                </a:lnTo>
                <a:lnTo>
                  <a:pt x="3130795" y="5094604"/>
                </a:lnTo>
                <a:close/>
                <a:moveTo>
                  <a:pt x="3007294" y="5094604"/>
                </a:moveTo>
                <a:lnTo>
                  <a:pt x="3007294" y="5095048"/>
                </a:lnTo>
                <a:lnTo>
                  <a:pt x="3007738" y="5095048"/>
                </a:lnTo>
                <a:lnTo>
                  <a:pt x="3007738" y="5094604"/>
                </a:lnTo>
                <a:close/>
                <a:moveTo>
                  <a:pt x="669168" y="5094604"/>
                </a:moveTo>
                <a:lnTo>
                  <a:pt x="669168" y="5095048"/>
                </a:lnTo>
                <a:lnTo>
                  <a:pt x="669612" y="5095048"/>
                </a:lnTo>
                <a:lnTo>
                  <a:pt x="669612" y="5094604"/>
                </a:lnTo>
                <a:close/>
                <a:moveTo>
                  <a:pt x="546110" y="5094604"/>
                </a:moveTo>
                <a:lnTo>
                  <a:pt x="546110" y="5095048"/>
                </a:lnTo>
                <a:lnTo>
                  <a:pt x="546554" y="5095048"/>
                </a:lnTo>
                <a:lnTo>
                  <a:pt x="546554" y="5094604"/>
                </a:lnTo>
                <a:close/>
                <a:moveTo>
                  <a:pt x="423053" y="5094604"/>
                </a:moveTo>
                <a:lnTo>
                  <a:pt x="423053" y="5095048"/>
                </a:lnTo>
                <a:lnTo>
                  <a:pt x="423497" y="5095048"/>
                </a:lnTo>
                <a:lnTo>
                  <a:pt x="423497" y="5094604"/>
                </a:lnTo>
                <a:close/>
                <a:moveTo>
                  <a:pt x="2884014" y="5094381"/>
                </a:moveTo>
                <a:lnTo>
                  <a:pt x="2884014" y="5095233"/>
                </a:lnTo>
                <a:lnTo>
                  <a:pt x="2884866" y="5095233"/>
                </a:lnTo>
                <a:lnTo>
                  <a:pt x="2884866" y="5094381"/>
                </a:lnTo>
                <a:close/>
                <a:moveTo>
                  <a:pt x="2760957" y="5094381"/>
                </a:moveTo>
                <a:lnTo>
                  <a:pt x="2760957" y="5095233"/>
                </a:lnTo>
                <a:lnTo>
                  <a:pt x="2761809" y="5095233"/>
                </a:lnTo>
                <a:lnTo>
                  <a:pt x="2761809" y="5094381"/>
                </a:lnTo>
                <a:close/>
                <a:moveTo>
                  <a:pt x="2637900" y="5094381"/>
                </a:moveTo>
                <a:lnTo>
                  <a:pt x="2637900" y="5095233"/>
                </a:lnTo>
                <a:lnTo>
                  <a:pt x="2638752" y="5095233"/>
                </a:lnTo>
                <a:lnTo>
                  <a:pt x="2638752" y="5094381"/>
                </a:lnTo>
                <a:close/>
                <a:moveTo>
                  <a:pt x="792003" y="5094381"/>
                </a:moveTo>
                <a:lnTo>
                  <a:pt x="792003" y="5095233"/>
                </a:lnTo>
                <a:lnTo>
                  <a:pt x="792855" y="5095233"/>
                </a:lnTo>
                <a:lnTo>
                  <a:pt x="792855" y="5094381"/>
                </a:lnTo>
                <a:close/>
                <a:moveTo>
                  <a:pt x="299774" y="5094381"/>
                </a:moveTo>
                <a:lnTo>
                  <a:pt x="299774" y="5095233"/>
                </a:lnTo>
                <a:lnTo>
                  <a:pt x="300626" y="5095233"/>
                </a:lnTo>
                <a:lnTo>
                  <a:pt x="300626" y="5094381"/>
                </a:lnTo>
                <a:close/>
                <a:moveTo>
                  <a:pt x="176716" y="5094381"/>
                </a:moveTo>
                <a:lnTo>
                  <a:pt x="176716" y="5095233"/>
                </a:lnTo>
                <a:lnTo>
                  <a:pt x="177568" y="5095233"/>
                </a:lnTo>
                <a:lnTo>
                  <a:pt x="177568" y="5094381"/>
                </a:lnTo>
                <a:close/>
                <a:moveTo>
                  <a:pt x="53622" y="5094381"/>
                </a:moveTo>
                <a:lnTo>
                  <a:pt x="53622" y="5095233"/>
                </a:lnTo>
                <a:lnTo>
                  <a:pt x="54474" y="5095233"/>
                </a:lnTo>
                <a:lnTo>
                  <a:pt x="54474" y="5094381"/>
                </a:lnTo>
                <a:close/>
                <a:moveTo>
                  <a:pt x="2514620" y="5094159"/>
                </a:moveTo>
                <a:lnTo>
                  <a:pt x="2514620" y="5095455"/>
                </a:lnTo>
                <a:lnTo>
                  <a:pt x="2515916" y="5095455"/>
                </a:lnTo>
                <a:lnTo>
                  <a:pt x="2515916" y="5094159"/>
                </a:lnTo>
                <a:close/>
                <a:moveTo>
                  <a:pt x="2391563" y="5094159"/>
                </a:moveTo>
                <a:lnTo>
                  <a:pt x="2391563" y="5095455"/>
                </a:lnTo>
                <a:lnTo>
                  <a:pt x="2392859" y="5095455"/>
                </a:lnTo>
                <a:lnTo>
                  <a:pt x="2392859" y="5094159"/>
                </a:lnTo>
                <a:close/>
                <a:moveTo>
                  <a:pt x="2268506" y="5094159"/>
                </a:moveTo>
                <a:lnTo>
                  <a:pt x="2268506" y="5095455"/>
                </a:lnTo>
                <a:lnTo>
                  <a:pt x="2269802" y="5095455"/>
                </a:lnTo>
                <a:lnTo>
                  <a:pt x="2269802" y="5094159"/>
                </a:lnTo>
                <a:close/>
                <a:moveTo>
                  <a:pt x="1037895" y="5094159"/>
                </a:moveTo>
                <a:lnTo>
                  <a:pt x="1037895" y="5095455"/>
                </a:lnTo>
                <a:lnTo>
                  <a:pt x="1039191" y="5095455"/>
                </a:lnTo>
                <a:lnTo>
                  <a:pt x="1039191" y="5094159"/>
                </a:lnTo>
                <a:close/>
                <a:moveTo>
                  <a:pt x="914838" y="5094159"/>
                </a:moveTo>
                <a:lnTo>
                  <a:pt x="914838" y="5095455"/>
                </a:lnTo>
                <a:lnTo>
                  <a:pt x="916134" y="5095455"/>
                </a:lnTo>
                <a:lnTo>
                  <a:pt x="916134" y="5094159"/>
                </a:lnTo>
                <a:close/>
                <a:moveTo>
                  <a:pt x="2145226" y="5093937"/>
                </a:moveTo>
                <a:lnTo>
                  <a:pt x="2145226" y="5095677"/>
                </a:lnTo>
                <a:lnTo>
                  <a:pt x="2146966" y="5095677"/>
                </a:lnTo>
                <a:lnTo>
                  <a:pt x="2146966" y="5093937"/>
                </a:lnTo>
                <a:close/>
                <a:moveTo>
                  <a:pt x="2022169" y="5093937"/>
                </a:moveTo>
                <a:lnTo>
                  <a:pt x="2022169" y="5095677"/>
                </a:lnTo>
                <a:lnTo>
                  <a:pt x="2023909" y="5095677"/>
                </a:lnTo>
                <a:lnTo>
                  <a:pt x="2023909" y="5093937"/>
                </a:lnTo>
                <a:close/>
                <a:moveTo>
                  <a:pt x="1899111" y="5093937"/>
                </a:moveTo>
                <a:lnTo>
                  <a:pt x="1899111" y="5095677"/>
                </a:lnTo>
                <a:lnTo>
                  <a:pt x="1900851" y="5095677"/>
                </a:lnTo>
                <a:lnTo>
                  <a:pt x="1900851" y="5093937"/>
                </a:lnTo>
                <a:close/>
                <a:moveTo>
                  <a:pt x="1776054" y="5093937"/>
                </a:moveTo>
                <a:lnTo>
                  <a:pt x="1776054" y="5095677"/>
                </a:lnTo>
                <a:lnTo>
                  <a:pt x="1777795" y="5095677"/>
                </a:lnTo>
                <a:lnTo>
                  <a:pt x="1777795" y="5093937"/>
                </a:lnTo>
                <a:close/>
                <a:moveTo>
                  <a:pt x="1652997" y="5093937"/>
                </a:moveTo>
                <a:lnTo>
                  <a:pt x="1652997" y="5095677"/>
                </a:lnTo>
                <a:lnTo>
                  <a:pt x="1654737" y="5095677"/>
                </a:lnTo>
                <a:lnTo>
                  <a:pt x="1654737" y="5093937"/>
                </a:lnTo>
                <a:close/>
                <a:moveTo>
                  <a:pt x="1529939" y="5093937"/>
                </a:moveTo>
                <a:lnTo>
                  <a:pt x="1529939" y="5095677"/>
                </a:lnTo>
                <a:lnTo>
                  <a:pt x="1531680" y="5095677"/>
                </a:lnTo>
                <a:lnTo>
                  <a:pt x="1531680" y="5093937"/>
                </a:lnTo>
                <a:close/>
                <a:moveTo>
                  <a:pt x="1406882" y="5093937"/>
                </a:moveTo>
                <a:lnTo>
                  <a:pt x="1406882" y="5095677"/>
                </a:lnTo>
                <a:lnTo>
                  <a:pt x="1408623" y="5095677"/>
                </a:lnTo>
                <a:lnTo>
                  <a:pt x="1408623" y="5093937"/>
                </a:lnTo>
                <a:close/>
                <a:moveTo>
                  <a:pt x="1283825" y="5093937"/>
                </a:moveTo>
                <a:lnTo>
                  <a:pt x="1283825" y="5095677"/>
                </a:lnTo>
                <a:lnTo>
                  <a:pt x="1285565" y="5095677"/>
                </a:lnTo>
                <a:lnTo>
                  <a:pt x="1285565" y="5093937"/>
                </a:lnTo>
                <a:close/>
                <a:moveTo>
                  <a:pt x="1160730" y="5093937"/>
                </a:moveTo>
                <a:lnTo>
                  <a:pt x="1160730" y="5095677"/>
                </a:lnTo>
                <a:lnTo>
                  <a:pt x="1162471" y="5095677"/>
                </a:lnTo>
                <a:lnTo>
                  <a:pt x="1162471" y="5093937"/>
                </a:lnTo>
                <a:close/>
                <a:moveTo>
                  <a:pt x="4114847" y="4971546"/>
                </a:moveTo>
                <a:lnTo>
                  <a:pt x="4114847" y="4971990"/>
                </a:lnTo>
                <a:lnTo>
                  <a:pt x="4115291" y="4971990"/>
                </a:lnTo>
                <a:lnTo>
                  <a:pt x="4115291" y="4971546"/>
                </a:lnTo>
                <a:close/>
                <a:moveTo>
                  <a:pt x="3991789" y="4971546"/>
                </a:moveTo>
                <a:lnTo>
                  <a:pt x="3991789" y="4971990"/>
                </a:lnTo>
                <a:lnTo>
                  <a:pt x="3992234" y="4971990"/>
                </a:lnTo>
                <a:lnTo>
                  <a:pt x="3992234" y="4971546"/>
                </a:lnTo>
                <a:close/>
                <a:moveTo>
                  <a:pt x="3868732" y="4971546"/>
                </a:moveTo>
                <a:lnTo>
                  <a:pt x="3868732" y="4971990"/>
                </a:lnTo>
                <a:lnTo>
                  <a:pt x="3869176" y="4971990"/>
                </a:lnTo>
                <a:lnTo>
                  <a:pt x="3869176" y="4971546"/>
                </a:lnTo>
                <a:close/>
                <a:moveTo>
                  <a:pt x="3745675" y="4971546"/>
                </a:moveTo>
                <a:lnTo>
                  <a:pt x="3745675" y="4971990"/>
                </a:lnTo>
                <a:lnTo>
                  <a:pt x="3746119" y="4971990"/>
                </a:lnTo>
                <a:lnTo>
                  <a:pt x="3746119" y="4971546"/>
                </a:lnTo>
                <a:close/>
                <a:moveTo>
                  <a:pt x="3622617" y="4971546"/>
                </a:moveTo>
                <a:lnTo>
                  <a:pt x="3622617" y="4971990"/>
                </a:lnTo>
                <a:lnTo>
                  <a:pt x="3623061" y="4971990"/>
                </a:lnTo>
                <a:lnTo>
                  <a:pt x="3623061" y="4971546"/>
                </a:lnTo>
                <a:close/>
                <a:moveTo>
                  <a:pt x="3499523" y="4971546"/>
                </a:moveTo>
                <a:lnTo>
                  <a:pt x="3499523" y="4971990"/>
                </a:lnTo>
                <a:lnTo>
                  <a:pt x="3499967" y="4971990"/>
                </a:lnTo>
                <a:lnTo>
                  <a:pt x="3499967" y="4971546"/>
                </a:lnTo>
                <a:close/>
                <a:moveTo>
                  <a:pt x="3376466" y="4971546"/>
                </a:moveTo>
                <a:lnTo>
                  <a:pt x="3376466" y="4971990"/>
                </a:lnTo>
                <a:lnTo>
                  <a:pt x="3376910" y="4971990"/>
                </a:lnTo>
                <a:lnTo>
                  <a:pt x="3376910" y="4971546"/>
                </a:lnTo>
                <a:close/>
                <a:moveTo>
                  <a:pt x="3253408" y="4971546"/>
                </a:moveTo>
                <a:lnTo>
                  <a:pt x="3253408" y="4971990"/>
                </a:lnTo>
                <a:lnTo>
                  <a:pt x="3253852" y="4971990"/>
                </a:lnTo>
                <a:lnTo>
                  <a:pt x="3253852" y="4971546"/>
                </a:lnTo>
                <a:close/>
                <a:moveTo>
                  <a:pt x="3130129" y="4971324"/>
                </a:moveTo>
                <a:lnTo>
                  <a:pt x="3130129" y="4972176"/>
                </a:lnTo>
                <a:lnTo>
                  <a:pt x="3130981" y="4972176"/>
                </a:lnTo>
                <a:lnTo>
                  <a:pt x="3130981" y="4971324"/>
                </a:lnTo>
                <a:close/>
                <a:moveTo>
                  <a:pt x="3007072" y="4971324"/>
                </a:moveTo>
                <a:lnTo>
                  <a:pt x="3007072" y="4972176"/>
                </a:lnTo>
                <a:lnTo>
                  <a:pt x="3007924" y="4972176"/>
                </a:lnTo>
                <a:lnTo>
                  <a:pt x="3007924" y="4971324"/>
                </a:lnTo>
                <a:close/>
                <a:moveTo>
                  <a:pt x="2884014" y="4971324"/>
                </a:moveTo>
                <a:lnTo>
                  <a:pt x="2884014" y="4972176"/>
                </a:lnTo>
                <a:lnTo>
                  <a:pt x="2884866" y="4972176"/>
                </a:lnTo>
                <a:lnTo>
                  <a:pt x="2884866" y="4971324"/>
                </a:lnTo>
                <a:close/>
                <a:moveTo>
                  <a:pt x="2760957" y="4971324"/>
                </a:moveTo>
                <a:lnTo>
                  <a:pt x="2760957" y="4972176"/>
                </a:lnTo>
                <a:lnTo>
                  <a:pt x="2761809" y="4972176"/>
                </a:lnTo>
                <a:lnTo>
                  <a:pt x="2761809" y="4971324"/>
                </a:lnTo>
                <a:close/>
                <a:moveTo>
                  <a:pt x="545888" y="4971324"/>
                </a:moveTo>
                <a:lnTo>
                  <a:pt x="545888" y="4972176"/>
                </a:lnTo>
                <a:lnTo>
                  <a:pt x="546740" y="4972176"/>
                </a:lnTo>
                <a:lnTo>
                  <a:pt x="546740" y="4971324"/>
                </a:lnTo>
                <a:close/>
                <a:moveTo>
                  <a:pt x="2637677" y="4971102"/>
                </a:moveTo>
                <a:lnTo>
                  <a:pt x="2637677" y="4972398"/>
                </a:lnTo>
                <a:lnTo>
                  <a:pt x="2638973" y="4972398"/>
                </a:lnTo>
                <a:lnTo>
                  <a:pt x="2638973" y="4971102"/>
                </a:lnTo>
                <a:close/>
                <a:moveTo>
                  <a:pt x="2514620" y="4971102"/>
                </a:moveTo>
                <a:lnTo>
                  <a:pt x="2514620" y="4972398"/>
                </a:lnTo>
                <a:lnTo>
                  <a:pt x="2515916" y="4972398"/>
                </a:lnTo>
                <a:lnTo>
                  <a:pt x="2515916" y="4971102"/>
                </a:lnTo>
                <a:close/>
                <a:moveTo>
                  <a:pt x="668723" y="4971102"/>
                </a:moveTo>
                <a:lnTo>
                  <a:pt x="668723" y="4972398"/>
                </a:lnTo>
                <a:lnTo>
                  <a:pt x="670019" y="4972398"/>
                </a:lnTo>
                <a:lnTo>
                  <a:pt x="670019" y="4971102"/>
                </a:lnTo>
                <a:close/>
                <a:moveTo>
                  <a:pt x="422609" y="4971102"/>
                </a:moveTo>
                <a:lnTo>
                  <a:pt x="422609" y="4972398"/>
                </a:lnTo>
                <a:lnTo>
                  <a:pt x="423905" y="4972398"/>
                </a:lnTo>
                <a:lnTo>
                  <a:pt x="423905" y="4971102"/>
                </a:lnTo>
                <a:close/>
                <a:moveTo>
                  <a:pt x="2391341" y="4970879"/>
                </a:moveTo>
                <a:lnTo>
                  <a:pt x="2391341" y="4972620"/>
                </a:lnTo>
                <a:lnTo>
                  <a:pt x="2393081" y="4972620"/>
                </a:lnTo>
                <a:lnTo>
                  <a:pt x="2393081" y="4970879"/>
                </a:lnTo>
                <a:close/>
                <a:moveTo>
                  <a:pt x="2268283" y="4970879"/>
                </a:moveTo>
                <a:lnTo>
                  <a:pt x="2268283" y="4972620"/>
                </a:lnTo>
                <a:lnTo>
                  <a:pt x="2270023" y="4972620"/>
                </a:lnTo>
                <a:lnTo>
                  <a:pt x="2270023" y="4970879"/>
                </a:lnTo>
                <a:close/>
                <a:moveTo>
                  <a:pt x="791558" y="4970879"/>
                </a:moveTo>
                <a:lnTo>
                  <a:pt x="791558" y="4972620"/>
                </a:lnTo>
                <a:lnTo>
                  <a:pt x="793299" y="4972620"/>
                </a:lnTo>
                <a:lnTo>
                  <a:pt x="793299" y="4970879"/>
                </a:lnTo>
                <a:close/>
                <a:moveTo>
                  <a:pt x="299329" y="4970879"/>
                </a:moveTo>
                <a:lnTo>
                  <a:pt x="299329" y="4972620"/>
                </a:lnTo>
                <a:lnTo>
                  <a:pt x="301070" y="4972620"/>
                </a:lnTo>
                <a:lnTo>
                  <a:pt x="301070" y="4970879"/>
                </a:lnTo>
                <a:close/>
                <a:moveTo>
                  <a:pt x="176272" y="4970879"/>
                </a:moveTo>
                <a:lnTo>
                  <a:pt x="176272" y="4972620"/>
                </a:lnTo>
                <a:lnTo>
                  <a:pt x="178013" y="4972620"/>
                </a:lnTo>
                <a:lnTo>
                  <a:pt x="178013" y="4970879"/>
                </a:lnTo>
                <a:close/>
                <a:moveTo>
                  <a:pt x="2145004" y="4970657"/>
                </a:moveTo>
                <a:lnTo>
                  <a:pt x="2145004" y="4972842"/>
                </a:lnTo>
                <a:lnTo>
                  <a:pt x="2147189" y="4972842"/>
                </a:lnTo>
                <a:lnTo>
                  <a:pt x="2147189" y="4970657"/>
                </a:lnTo>
                <a:close/>
                <a:moveTo>
                  <a:pt x="2021946" y="4970657"/>
                </a:moveTo>
                <a:lnTo>
                  <a:pt x="2021946" y="4972842"/>
                </a:lnTo>
                <a:lnTo>
                  <a:pt x="2024131" y="4972842"/>
                </a:lnTo>
                <a:lnTo>
                  <a:pt x="2024131" y="4970657"/>
                </a:lnTo>
                <a:close/>
                <a:moveTo>
                  <a:pt x="1898889" y="4970657"/>
                </a:moveTo>
                <a:lnTo>
                  <a:pt x="1898889" y="4972842"/>
                </a:lnTo>
                <a:lnTo>
                  <a:pt x="1901074" y="4972842"/>
                </a:lnTo>
                <a:lnTo>
                  <a:pt x="1901074" y="4970657"/>
                </a:lnTo>
                <a:close/>
                <a:moveTo>
                  <a:pt x="1037451" y="4970657"/>
                </a:moveTo>
                <a:lnTo>
                  <a:pt x="1037451" y="4972842"/>
                </a:lnTo>
                <a:lnTo>
                  <a:pt x="1039636" y="4972842"/>
                </a:lnTo>
                <a:lnTo>
                  <a:pt x="1039636" y="4970657"/>
                </a:lnTo>
                <a:close/>
                <a:moveTo>
                  <a:pt x="914394" y="4970657"/>
                </a:moveTo>
                <a:lnTo>
                  <a:pt x="914394" y="4972842"/>
                </a:lnTo>
                <a:lnTo>
                  <a:pt x="916579" y="4972842"/>
                </a:lnTo>
                <a:lnTo>
                  <a:pt x="916579" y="4970657"/>
                </a:lnTo>
                <a:close/>
                <a:moveTo>
                  <a:pt x="52992" y="4970657"/>
                </a:moveTo>
                <a:lnTo>
                  <a:pt x="52992" y="4972842"/>
                </a:lnTo>
                <a:lnTo>
                  <a:pt x="55177" y="4972842"/>
                </a:lnTo>
                <a:lnTo>
                  <a:pt x="55177" y="4970657"/>
                </a:lnTo>
                <a:close/>
                <a:moveTo>
                  <a:pt x="1775610" y="4970472"/>
                </a:moveTo>
                <a:lnTo>
                  <a:pt x="1775610" y="4973064"/>
                </a:lnTo>
                <a:lnTo>
                  <a:pt x="1778202" y="4973064"/>
                </a:lnTo>
                <a:lnTo>
                  <a:pt x="1778202" y="4970472"/>
                </a:lnTo>
                <a:close/>
                <a:moveTo>
                  <a:pt x="1652552" y="4970472"/>
                </a:moveTo>
                <a:lnTo>
                  <a:pt x="1652552" y="4973064"/>
                </a:lnTo>
                <a:lnTo>
                  <a:pt x="1655144" y="4973064"/>
                </a:lnTo>
                <a:lnTo>
                  <a:pt x="1655144" y="4970472"/>
                </a:lnTo>
                <a:close/>
                <a:moveTo>
                  <a:pt x="1529495" y="4970472"/>
                </a:moveTo>
                <a:lnTo>
                  <a:pt x="1529495" y="4973064"/>
                </a:lnTo>
                <a:lnTo>
                  <a:pt x="1532087" y="4973064"/>
                </a:lnTo>
                <a:lnTo>
                  <a:pt x="1532087" y="4970472"/>
                </a:lnTo>
                <a:close/>
                <a:moveTo>
                  <a:pt x="1406438" y="4970472"/>
                </a:moveTo>
                <a:lnTo>
                  <a:pt x="1406438" y="4973064"/>
                </a:lnTo>
                <a:lnTo>
                  <a:pt x="1409030" y="4973064"/>
                </a:lnTo>
                <a:lnTo>
                  <a:pt x="1409030" y="4970472"/>
                </a:lnTo>
                <a:close/>
                <a:moveTo>
                  <a:pt x="1283380" y="4970472"/>
                </a:moveTo>
                <a:lnTo>
                  <a:pt x="1283380" y="4973064"/>
                </a:lnTo>
                <a:lnTo>
                  <a:pt x="1285972" y="4973064"/>
                </a:lnTo>
                <a:lnTo>
                  <a:pt x="1285972" y="4970472"/>
                </a:lnTo>
                <a:close/>
                <a:moveTo>
                  <a:pt x="1160323" y="4970472"/>
                </a:moveTo>
                <a:lnTo>
                  <a:pt x="1160323" y="4973064"/>
                </a:lnTo>
                <a:lnTo>
                  <a:pt x="1162915" y="4973064"/>
                </a:lnTo>
                <a:lnTo>
                  <a:pt x="1162915" y="4970472"/>
                </a:lnTo>
                <a:close/>
                <a:moveTo>
                  <a:pt x="4237904" y="4848452"/>
                </a:moveTo>
                <a:lnTo>
                  <a:pt x="4237904" y="4848896"/>
                </a:lnTo>
                <a:lnTo>
                  <a:pt x="4238348" y="4848896"/>
                </a:lnTo>
                <a:lnTo>
                  <a:pt x="4238348" y="4848452"/>
                </a:lnTo>
                <a:close/>
                <a:moveTo>
                  <a:pt x="4114847" y="4848452"/>
                </a:moveTo>
                <a:lnTo>
                  <a:pt x="4114847" y="4848896"/>
                </a:lnTo>
                <a:lnTo>
                  <a:pt x="4115291" y="4848896"/>
                </a:lnTo>
                <a:lnTo>
                  <a:pt x="4115291" y="4848452"/>
                </a:lnTo>
                <a:close/>
                <a:moveTo>
                  <a:pt x="3991789" y="4848452"/>
                </a:moveTo>
                <a:lnTo>
                  <a:pt x="3991789" y="4848896"/>
                </a:lnTo>
                <a:lnTo>
                  <a:pt x="3992234" y="4848896"/>
                </a:lnTo>
                <a:lnTo>
                  <a:pt x="3992234" y="4848452"/>
                </a:lnTo>
                <a:close/>
                <a:moveTo>
                  <a:pt x="3868732" y="4848452"/>
                </a:moveTo>
                <a:lnTo>
                  <a:pt x="3868732" y="4848896"/>
                </a:lnTo>
                <a:lnTo>
                  <a:pt x="3869176" y="4848896"/>
                </a:lnTo>
                <a:lnTo>
                  <a:pt x="3869176" y="4848452"/>
                </a:lnTo>
                <a:close/>
                <a:moveTo>
                  <a:pt x="3745675" y="4848452"/>
                </a:moveTo>
                <a:lnTo>
                  <a:pt x="3745675" y="4848896"/>
                </a:lnTo>
                <a:lnTo>
                  <a:pt x="3746119" y="4848896"/>
                </a:lnTo>
                <a:lnTo>
                  <a:pt x="3746119" y="4848452"/>
                </a:lnTo>
                <a:close/>
                <a:moveTo>
                  <a:pt x="3622617" y="4848452"/>
                </a:moveTo>
                <a:lnTo>
                  <a:pt x="3622617" y="4848896"/>
                </a:lnTo>
                <a:lnTo>
                  <a:pt x="3623061" y="4848896"/>
                </a:lnTo>
                <a:lnTo>
                  <a:pt x="3623061" y="4848452"/>
                </a:lnTo>
                <a:close/>
                <a:moveTo>
                  <a:pt x="3499523" y="4848452"/>
                </a:moveTo>
                <a:lnTo>
                  <a:pt x="3499523" y="4848896"/>
                </a:lnTo>
                <a:lnTo>
                  <a:pt x="3499967" y="4848896"/>
                </a:lnTo>
                <a:lnTo>
                  <a:pt x="3499967" y="4848452"/>
                </a:lnTo>
                <a:close/>
                <a:moveTo>
                  <a:pt x="3376466" y="4848452"/>
                </a:moveTo>
                <a:lnTo>
                  <a:pt x="3376466" y="4848896"/>
                </a:lnTo>
                <a:lnTo>
                  <a:pt x="3376910" y="4848896"/>
                </a:lnTo>
                <a:lnTo>
                  <a:pt x="3376910" y="4848452"/>
                </a:lnTo>
                <a:close/>
                <a:moveTo>
                  <a:pt x="3253186" y="4848266"/>
                </a:moveTo>
                <a:lnTo>
                  <a:pt x="3253186" y="4849118"/>
                </a:lnTo>
                <a:lnTo>
                  <a:pt x="3254038" y="4849118"/>
                </a:lnTo>
                <a:lnTo>
                  <a:pt x="3254038" y="4848266"/>
                </a:lnTo>
                <a:close/>
                <a:moveTo>
                  <a:pt x="3130129" y="4848266"/>
                </a:moveTo>
                <a:lnTo>
                  <a:pt x="3130129" y="4849118"/>
                </a:lnTo>
                <a:lnTo>
                  <a:pt x="3130981" y="4849118"/>
                </a:lnTo>
                <a:lnTo>
                  <a:pt x="3130981" y="4848266"/>
                </a:lnTo>
                <a:close/>
                <a:moveTo>
                  <a:pt x="3007072" y="4848266"/>
                </a:moveTo>
                <a:lnTo>
                  <a:pt x="3007072" y="4849118"/>
                </a:lnTo>
                <a:lnTo>
                  <a:pt x="3007924" y="4849118"/>
                </a:lnTo>
                <a:lnTo>
                  <a:pt x="3007924" y="4848266"/>
                </a:lnTo>
                <a:close/>
                <a:moveTo>
                  <a:pt x="2883792" y="4848044"/>
                </a:moveTo>
                <a:lnTo>
                  <a:pt x="2883792" y="4849340"/>
                </a:lnTo>
                <a:lnTo>
                  <a:pt x="2885088" y="4849340"/>
                </a:lnTo>
                <a:lnTo>
                  <a:pt x="2885088" y="4848044"/>
                </a:lnTo>
                <a:close/>
                <a:moveTo>
                  <a:pt x="2760735" y="4848044"/>
                </a:moveTo>
                <a:lnTo>
                  <a:pt x="2760735" y="4849340"/>
                </a:lnTo>
                <a:lnTo>
                  <a:pt x="2762031" y="4849340"/>
                </a:lnTo>
                <a:lnTo>
                  <a:pt x="2762031" y="4848044"/>
                </a:lnTo>
                <a:close/>
                <a:moveTo>
                  <a:pt x="2637455" y="4847822"/>
                </a:moveTo>
                <a:lnTo>
                  <a:pt x="2637455" y="4849563"/>
                </a:lnTo>
                <a:lnTo>
                  <a:pt x="2639195" y="4849563"/>
                </a:lnTo>
                <a:lnTo>
                  <a:pt x="2639195" y="4847822"/>
                </a:lnTo>
                <a:close/>
                <a:moveTo>
                  <a:pt x="2514398" y="4847822"/>
                </a:moveTo>
                <a:lnTo>
                  <a:pt x="2514398" y="4849563"/>
                </a:lnTo>
                <a:lnTo>
                  <a:pt x="2516138" y="4849563"/>
                </a:lnTo>
                <a:lnTo>
                  <a:pt x="2516138" y="4847822"/>
                </a:lnTo>
                <a:close/>
                <a:moveTo>
                  <a:pt x="2391118" y="4847600"/>
                </a:moveTo>
                <a:lnTo>
                  <a:pt x="2391118" y="4849785"/>
                </a:lnTo>
                <a:lnTo>
                  <a:pt x="2393303" y="4849785"/>
                </a:lnTo>
                <a:lnTo>
                  <a:pt x="2393303" y="4847600"/>
                </a:lnTo>
                <a:close/>
                <a:moveTo>
                  <a:pt x="2268061" y="4847600"/>
                </a:moveTo>
                <a:lnTo>
                  <a:pt x="2268061" y="4849785"/>
                </a:lnTo>
                <a:lnTo>
                  <a:pt x="2270246" y="4849785"/>
                </a:lnTo>
                <a:lnTo>
                  <a:pt x="2270246" y="4847600"/>
                </a:lnTo>
                <a:close/>
                <a:moveTo>
                  <a:pt x="2144782" y="4847415"/>
                </a:moveTo>
                <a:lnTo>
                  <a:pt x="2144782" y="4850007"/>
                </a:lnTo>
                <a:lnTo>
                  <a:pt x="2147374" y="4850007"/>
                </a:lnTo>
                <a:lnTo>
                  <a:pt x="2147374" y="4847415"/>
                </a:lnTo>
                <a:close/>
                <a:moveTo>
                  <a:pt x="668057" y="4847415"/>
                </a:moveTo>
                <a:lnTo>
                  <a:pt x="668057" y="4850007"/>
                </a:lnTo>
                <a:lnTo>
                  <a:pt x="670649" y="4850007"/>
                </a:lnTo>
                <a:lnTo>
                  <a:pt x="670649" y="4847415"/>
                </a:lnTo>
                <a:close/>
                <a:moveTo>
                  <a:pt x="544999" y="4847415"/>
                </a:moveTo>
                <a:lnTo>
                  <a:pt x="544999" y="4850007"/>
                </a:lnTo>
                <a:lnTo>
                  <a:pt x="547591" y="4850007"/>
                </a:lnTo>
                <a:lnTo>
                  <a:pt x="547591" y="4847415"/>
                </a:lnTo>
                <a:close/>
                <a:moveTo>
                  <a:pt x="2021502" y="4847192"/>
                </a:moveTo>
                <a:lnTo>
                  <a:pt x="2021502" y="4850229"/>
                </a:lnTo>
                <a:lnTo>
                  <a:pt x="2024539" y="4850229"/>
                </a:lnTo>
                <a:lnTo>
                  <a:pt x="2024539" y="4847192"/>
                </a:lnTo>
                <a:close/>
                <a:moveTo>
                  <a:pt x="1898445" y="4847192"/>
                </a:moveTo>
                <a:lnTo>
                  <a:pt x="1898445" y="4850229"/>
                </a:lnTo>
                <a:lnTo>
                  <a:pt x="1901482" y="4850229"/>
                </a:lnTo>
                <a:lnTo>
                  <a:pt x="1901482" y="4847192"/>
                </a:lnTo>
                <a:close/>
                <a:moveTo>
                  <a:pt x="790929" y="4847192"/>
                </a:moveTo>
                <a:lnTo>
                  <a:pt x="790929" y="4850229"/>
                </a:lnTo>
                <a:lnTo>
                  <a:pt x="793966" y="4850229"/>
                </a:lnTo>
                <a:lnTo>
                  <a:pt x="793966" y="4847192"/>
                </a:lnTo>
                <a:close/>
                <a:moveTo>
                  <a:pt x="421720" y="4847192"/>
                </a:moveTo>
                <a:lnTo>
                  <a:pt x="421720" y="4850229"/>
                </a:lnTo>
                <a:lnTo>
                  <a:pt x="424757" y="4850229"/>
                </a:lnTo>
                <a:lnTo>
                  <a:pt x="424757" y="4847192"/>
                </a:lnTo>
                <a:close/>
                <a:moveTo>
                  <a:pt x="298663" y="4847192"/>
                </a:moveTo>
                <a:lnTo>
                  <a:pt x="298663" y="4850229"/>
                </a:lnTo>
                <a:lnTo>
                  <a:pt x="301700" y="4850229"/>
                </a:lnTo>
                <a:lnTo>
                  <a:pt x="301700" y="4847192"/>
                </a:lnTo>
                <a:close/>
                <a:moveTo>
                  <a:pt x="1775165" y="4846970"/>
                </a:moveTo>
                <a:lnTo>
                  <a:pt x="1775165" y="4850451"/>
                </a:lnTo>
                <a:lnTo>
                  <a:pt x="1778646" y="4850451"/>
                </a:lnTo>
                <a:lnTo>
                  <a:pt x="1778646" y="4846970"/>
                </a:lnTo>
                <a:close/>
                <a:moveTo>
                  <a:pt x="1652108" y="4846970"/>
                </a:moveTo>
                <a:lnTo>
                  <a:pt x="1652108" y="4850451"/>
                </a:lnTo>
                <a:lnTo>
                  <a:pt x="1655589" y="4850451"/>
                </a:lnTo>
                <a:lnTo>
                  <a:pt x="1655589" y="4846970"/>
                </a:lnTo>
                <a:close/>
                <a:moveTo>
                  <a:pt x="1529051" y="4846970"/>
                </a:moveTo>
                <a:lnTo>
                  <a:pt x="1529051" y="4850451"/>
                </a:lnTo>
                <a:lnTo>
                  <a:pt x="1532532" y="4850451"/>
                </a:lnTo>
                <a:lnTo>
                  <a:pt x="1532532" y="4846970"/>
                </a:lnTo>
                <a:close/>
                <a:moveTo>
                  <a:pt x="1405993" y="4846970"/>
                </a:moveTo>
                <a:lnTo>
                  <a:pt x="1405993" y="4850451"/>
                </a:lnTo>
                <a:lnTo>
                  <a:pt x="1409474" y="4850451"/>
                </a:lnTo>
                <a:lnTo>
                  <a:pt x="1409474" y="4846970"/>
                </a:lnTo>
                <a:close/>
                <a:moveTo>
                  <a:pt x="1282936" y="4846970"/>
                </a:moveTo>
                <a:lnTo>
                  <a:pt x="1282936" y="4850451"/>
                </a:lnTo>
                <a:lnTo>
                  <a:pt x="1286417" y="4850451"/>
                </a:lnTo>
                <a:lnTo>
                  <a:pt x="1286417" y="4846970"/>
                </a:lnTo>
                <a:close/>
                <a:moveTo>
                  <a:pt x="1159879" y="4846970"/>
                </a:moveTo>
                <a:lnTo>
                  <a:pt x="1159879" y="4850451"/>
                </a:lnTo>
                <a:lnTo>
                  <a:pt x="1163360" y="4850451"/>
                </a:lnTo>
                <a:lnTo>
                  <a:pt x="1163360" y="4846970"/>
                </a:lnTo>
                <a:close/>
                <a:moveTo>
                  <a:pt x="1036821" y="4846970"/>
                </a:moveTo>
                <a:lnTo>
                  <a:pt x="1036821" y="4850451"/>
                </a:lnTo>
                <a:lnTo>
                  <a:pt x="1040302" y="4850451"/>
                </a:lnTo>
                <a:lnTo>
                  <a:pt x="1040302" y="4846970"/>
                </a:lnTo>
                <a:close/>
                <a:moveTo>
                  <a:pt x="913764" y="4846970"/>
                </a:moveTo>
                <a:lnTo>
                  <a:pt x="913764" y="4850451"/>
                </a:lnTo>
                <a:lnTo>
                  <a:pt x="917245" y="4850451"/>
                </a:lnTo>
                <a:lnTo>
                  <a:pt x="917245" y="4846970"/>
                </a:lnTo>
                <a:close/>
                <a:moveTo>
                  <a:pt x="175383" y="4846970"/>
                </a:moveTo>
                <a:lnTo>
                  <a:pt x="175383" y="4850451"/>
                </a:lnTo>
                <a:lnTo>
                  <a:pt x="178864" y="4850451"/>
                </a:lnTo>
                <a:lnTo>
                  <a:pt x="178864" y="4846970"/>
                </a:lnTo>
                <a:close/>
                <a:moveTo>
                  <a:pt x="52326" y="4846970"/>
                </a:moveTo>
                <a:lnTo>
                  <a:pt x="52326" y="4850451"/>
                </a:lnTo>
                <a:lnTo>
                  <a:pt x="55807" y="4850451"/>
                </a:lnTo>
                <a:lnTo>
                  <a:pt x="55807" y="4846970"/>
                </a:lnTo>
                <a:close/>
                <a:moveTo>
                  <a:pt x="4237904" y="4725395"/>
                </a:moveTo>
                <a:lnTo>
                  <a:pt x="4237904" y="4725839"/>
                </a:lnTo>
                <a:lnTo>
                  <a:pt x="4238348" y="4725839"/>
                </a:lnTo>
                <a:lnTo>
                  <a:pt x="4238348" y="4725395"/>
                </a:lnTo>
                <a:close/>
                <a:moveTo>
                  <a:pt x="4114847" y="4725395"/>
                </a:moveTo>
                <a:lnTo>
                  <a:pt x="4114847" y="4725839"/>
                </a:lnTo>
                <a:lnTo>
                  <a:pt x="4115291" y="4725839"/>
                </a:lnTo>
                <a:lnTo>
                  <a:pt x="4115291" y="4725395"/>
                </a:lnTo>
                <a:close/>
                <a:moveTo>
                  <a:pt x="3991789" y="4725395"/>
                </a:moveTo>
                <a:lnTo>
                  <a:pt x="3991789" y="4725839"/>
                </a:lnTo>
                <a:lnTo>
                  <a:pt x="3992234" y="4725839"/>
                </a:lnTo>
                <a:lnTo>
                  <a:pt x="3992234" y="4725395"/>
                </a:lnTo>
                <a:close/>
                <a:moveTo>
                  <a:pt x="3868732" y="4725395"/>
                </a:moveTo>
                <a:lnTo>
                  <a:pt x="3868732" y="4725839"/>
                </a:lnTo>
                <a:lnTo>
                  <a:pt x="3869176" y="4725839"/>
                </a:lnTo>
                <a:lnTo>
                  <a:pt x="3869176" y="4725395"/>
                </a:lnTo>
                <a:close/>
                <a:moveTo>
                  <a:pt x="3745675" y="4725395"/>
                </a:moveTo>
                <a:lnTo>
                  <a:pt x="3745675" y="4725839"/>
                </a:lnTo>
                <a:lnTo>
                  <a:pt x="3746119" y="4725839"/>
                </a:lnTo>
                <a:lnTo>
                  <a:pt x="3746119" y="4725395"/>
                </a:lnTo>
                <a:close/>
                <a:moveTo>
                  <a:pt x="3622617" y="4725395"/>
                </a:moveTo>
                <a:lnTo>
                  <a:pt x="3622617" y="4725839"/>
                </a:lnTo>
                <a:lnTo>
                  <a:pt x="3623061" y="4725839"/>
                </a:lnTo>
                <a:lnTo>
                  <a:pt x="3623061" y="4725395"/>
                </a:lnTo>
                <a:close/>
                <a:moveTo>
                  <a:pt x="3499523" y="4725395"/>
                </a:moveTo>
                <a:lnTo>
                  <a:pt x="3499523" y="4725839"/>
                </a:lnTo>
                <a:lnTo>
                  <a:pt x="3499967" y="4725839"/>
                </a:lnTo>
                <a:lnTo>
                  <a:pt x="3499967" y="4725395"/>
                </a:lnTo>
                <a:close/>
                <a:moveTo>
                  <a:pt x="3376281" y="4725209"/>
                </a:moveTo>
                <a:lnTo>
                  <a:pt x="3376281" y="4726061"/>
                </a:lnTo>
                <a:lnTo>
                  <a:pt x="3377133" y="4726061"/>
                </a:lnTo>
                <a:lnTo>
                  <a:pt x="3377133" y="4725209"/>
                </a:lnTo>
                <a:close/>
                <a:moveTo>
                  <a:pt x="3253186" y="4725209"/>
                </a:moveTo>
                <a:lnTo>
                  <a:pt x="3253186" y="4726061"/>
                </a:lnTo>
                <a:lnTo>
                  <a:pt x="3254038" y="4726061"/>
                </a:lnTo>
                <a:lnTo>
                  <a:pt x="3254038" y="4725209"/>
                </a:lnTo>
                <a:close/>
                <a:moveTo>
                  <a:pt x="3130129" y="4725209"/>
                </a:moveTo>
                <a:lnTo>
                  <a:pt x="3130129" y="4726061"/>
                </a:lnTo>
                <a:lnTo>
                  <a:pt x="3130981" y="4726061"/>
                </a:lnTo>
                <a:lnTo>
                  <a:pt x="3130981" y="4725209"/>
                </a:lnTo>
                <a:close/>
                <a:moveTo>
                  <a:pt x="3006849" y="4724987"/>
                </a:moveTo>
                <a:lnTo>
                  <a:pt x="3006849" y="4726283"/>
                </a:lnTo>
                <a:lnTo>
                  <a:pt x="3008145" y="4726283"/>
                </a:lnTo>
                <a:lnTo>
                  <a:pt x="3008145" y="4724987"/>
                </a:lnTo>
                <a:close/>
                <a:moveTo>
                  <a:pt x="2883792" y="4724987"/>
                </a:moveTo>
                <a:lnTo>
                  <a:pt x="2883792" y="4726283"/>
                </a:lnTo>
                <a:lnTo>
                  <a:pt x="2885088" y="4726283"/>
                </a:lnTo>
                <a:lnTo>
                  <a:pt x="2885088" y="4724987"/>
                </a:lnTo>
                <a:close/>
                <a:moveTo>
                  <a:pt x="2760513" y="4724764"/>
                </a:moveTo>
                <a:lnTo>
                  <a:pt x="2760513" y="4726505"/>
                </a:lnTo>
                <a:lnTo>
                  <a:pt x="2762253" y="4726505"/>
                </a:lnTo>
                <a:lnTo>
                  <a:pt x="2762253" y="4724764"/>
                </a:lnTo>
                <a:close/>
                <a:moveTo>
                  <a:pt x="2637233" y="4724542"/>
                </a:moveTo>
                <a:lnTo>
                  <a:pt x="2637233" y="4726727"/>
                </a:lnTo>
                <a:lnTo>
                  <a:pt x="2639418" y="4726727"/>
                </a:lnTo>
                <a:lnTo>
                  <a:pt x="2639418" y="4724542"/>
                </a:lnTo>
                <a:close/>
                <a:moveTo>
                  <a:pt x="2514176" y="4724542"/>
                </a:moveTo>
                <a:lnTo>
                  <a:pt x="2514176" y="4726727"/>
                </a:lnTo>
                <a:lnTo>
                  <a:pt x="2516361" y="4726727"/>
                </a:lnTo>
                <a:lnTo>
                  <a:pt x="2516361" y="4724542"/>
                </a:lnTo>
                <a:close/>
                <a:moveTo>
                  <a:pt x="2390896" y="4724358"/>
                </a:moveTo>
                <a:lnTo>
                  <a:pt x="2390896" y="4726950"/>
                </a:lnTo>
                <a:lnTo>
                  <a:pt x="2393488" y="4726950"/>
                </a:lnTo>
                <a:lnTo>
                  <a:pt x="2393488" y="4724358"/>
                </a:lnTo>
                <a:close/>
                <a:moveTo>
                  <a:pt x="2267654" y="4724135"/>
                </a:moveTo>
                <a:lnTo>
                  <a:pt x="2267654" y="4727172"/>
                </a:lnTo>
                <a:lnTo>
                  <a:pt x="2270691" y="4727172"/>
                </a:lnTo>
                <a:lnTo>
                  <a:pt x="2270691" y="4724135"/>
                </a:lnTo>
                <a:close/>
                <a:moveTo>
                  <a:pt x="2144374" y="4723876"/>
                </a:moveTo>
                <a:lnTo>
                  <a:pt x="2144374" y="4727357"/>
                </a:lnTo>
                <a:lnTo>
                  <a:pt x="2147855" y="4727357"/>
                </a:lnTo>
                <a:lnTo>
                  <a:pt x="2147855" y="4723876"/>
                </a:lnTo>
                <a:close/>
                <a:moveTo>
                  <a:pt x="2021095" y="4723654"/>
                </a:moveTo>
                <a:lnTo>
                  <a:pt x="2021095" y="4727579"/>
                </a:lnTo>
                <a:lnTo>
                  <a:pt x="2025020" y="4727579"/>
                </a:lnTo>
                <a:lnTo>
                  <a:pt x="2025020" y="4723654"/>
                </a:lnTo>
                <a:close/>
                <a:moveTo>
                  <a:pt x="1898037" y="4723654"/>
                </a:moveTo>
                <a:lnTo>
                  <a:pt x="1898037" y="4727579"/>
                </a:lnTo>
                <a:lnTo>
                  <a:pt x="1901962" y="4727579"/>
                </a:lnTo>
                <a:lnTo>
                  <a:pt x="1901962" y="4723654"/>
                </a:lnTo>
                <a:close/>
                <a:moveTo>
                  <a:pt x="1774758" y="4723468"/>
                </a:moveTo>
                <a:lnTo>
                  <a:pt x="1774758" y="4727801"/>
                </a:lnTo>
                <a:lnTo>
                  <a:pt x="1779091" y="4727801"/>
                </a:lnTo>
                <a:lnTo>
                  <a:pt x="1779091" y="4723468"/>
                </a:lnTo>
                <a:close/>
                <a:moveTo>
                  <a:pt x="1651478" y="4723247"/>
                </a:moveTo>
                <a:lnTo>
                  <a:pt x="1651478" y="4728024"/>
                </a:lnTo>
                <a:lnTo>
                  <a:pt x="1656255" y="4728024"/>
                </a:lnTo>
                <a:lnTo>
                  <a:pt x="1656255" y="4723247"/>
                </a:lnTo>
                <a:close/>
                <a:moveTo>
                  <a:pt x="1528421" y="4723247"/>
                </a:moveTo>
                <a:lnTo>
                  <a:pt x="1528421" y="4728024"/>
                </a:lnTo>
                <a:lnTo>
                  <a:pt x="1533198" y="4728024"/>
                </a:lnTo>
                <a:lnTo>
                  <a:pt x="1533198" y="4723247"/>
                </a:lnTo>
                <a:close/>
                <a:moveTo>
                  <a:pt x="1159212" y="4723247"/>
                </a:moveTo>
                <a:lnTo>
                  <a:pt x="1159212" y="4728024"/>
                </a:lnTo>
                <a:lnTo>
                  <a:pt x="1163989" y="4728024"/>
                </a:lnTo>
                <a:lnTo>
                  <a:pt x="1163989" y="4723247"/>
                </a:lnTo>
                <a:close/>
                <a:moveTo>
                  <a:pt x="790040" y="4723247"/>
                </a:moveTo>
                <a:lnTo>
                  <a:pt x="790040" y="4728024"/>
                </a:lnTo>
                <a:lnTo>
                  <a:pt x="794817" y="4728024"/>
                </a:lnTo>
                <a:lnTo>
                  <a:pt x="794817" y="4723247"/>
                </a:lnTo>
                <a:close/>
                <a:moveTo>
                  <a:pt x="666983" y="4723247"/>
                </a:moveTo>
                <a:lnTo>
                  <a:pt x="666983" y="4728024"/>
                </a:lnTo>
                <a:lnTo>
                  <a:pt x="671760" y="4728024"/>
                </a:lnTo>
                <a:lnTo>
                  <a:pt x="671760" y="4723247"/>
                </a:lnTo>
                <a:close/>
                <a:moveTo>
                  <a:pt x="543925" y="4723247"/>
                </a:moveTo>
                <a:lnTo>
                  <a:pt x="543925" y="4728024"/>
                </a:lnTo>
                <a:lnTo>
                  <a:pt x="548702" y="4728024"/>
                </a:lnTo>
                <a:lnTo>
                  <a:pt x="548702" y="4723247"/>
                </a:lnTo>
                <a:close/>
                <a:moveTo>
                  <a:pt x="1405142" y="4723024"/>
                </a:moveTo>
                <a:lnTo>
                  <a:pt x="1405142" y="4728246"/>
                </a:lnTo>
                <a:lnTo>
                  <a:pt x="1410364" y="4728246"/>
                </a:lnTo>
                <a:lnTo>
                  <a:pt x="1410364" y="4723024"/>
                </a:lnTo>
                <a:close/>
                <a:moveTo>
                  <a:pt x="1282084" y="4723024"/>
                </a:moveTo>
                <a:lnTo>
                  <a:pt x="1282084" y="4728246"/>
                </a:lnTo>
                <a:lnTo>
                  <a:pt x="1287305" y="4728246"/>
                </a:lnTo>
                <a:lnTo>
                  <a:pt x="1287305" y="4723024"/>
                </a:lnTo>
                <a:close/>
                <a:moveTo>
                  <a:pt x="1035933" y="4723024"/>
                </a:moveTo>
                <a:lnTo>
                  <a:pt x="1035933" y="4728246"/>
                </a:lnTo>
                <a:lnTo>
                  <a:pt x="1041154" y="4728246"/>
                </a:lnTo>
                <a:lnTo>
                  <a:pt x="1041154" y="4723024"/>
                </a:lnTo>
                <a:close/>
                <a:moveTo>
                  <a:pt x="912875" y="4723024"/>
                </a:moveTo>
                <a:lnTo>
                  <a:pt x="912875" y="4728246"/>
                </a:lnTo>
                <a:lnTo>
                  <a:pt x="918097" y="4728246"/>
                </a:lnTo>
                <a:lnTo>
                  <a:pt x="918097" y="4723024"/>
                </a:lnTo>
                <a:close/>
                <a:moveTo>
                  <a:pt x="420646" y="4723024"/>
                </a:moveTo>
                <a:lnTo>
                  <a:pt x="420646" y="4728246"/>
                </a:lnTo>
                <a:lnTo>
                  <a:pt x="425868" y="4728246"/>
                </a:lnTo>
                <a:lnTo>
                  <a:pt x="425868" y="4723024"/>
                </a:lnTo>
                <a:close/>
                <a:moveTo>
                  <a:pt x="297589" y="4723024"/>
                </a:moveTo>
                <a:lnTo>
                  <a:pt x="297589" y="4728246"/>
                </a:lnTo>
                <a:lnTo>
                  <a:pt x="302811" y="4728246"/>
                </a:lnTo>
                <a:lnTo>
                  <a:pt x="302811" y="4723024"/>
                </a:lnTo>
                <a:close/>
                <a:moveTo>
                  <a:pt x="174531" y="4723024"/>
                </a:moveTo>
                <a:lnTo>
                  <a:pt x="174531" y="4728246"/>
                </a:lnTo>
                <a:lnTo>
                  <a:pt x="179753" y="4728246"/>
                </a:lnTo>
                <a:lnTo>
                  <a:pt x="179753" y="4723024"/>
                </a:lnTo>
                <a:close/>
                <a:moveTo>
                  <a:pt x="51474" y="4723024"/>
                </a:moveTo>
                <a:lnTo>
                  <a:pt x="51474" y="4728246"/>
                </a:lnTo>
                <a:lnTo>
                  <a:pt x="56696" y="4728246"/>
                </a:lnTo>
                <a:lnTo>
                  <a:pt x="56696" y="4723024"/>
                </a:lnTo>
                <a:close/>
                <a:moveTo>
                  <a:pt x="4360961" y="4602337"/>
                </a:moveTo>
                <a:lnTo>
                  <a:pt x="4360961" y="4602781"/>
                </a:lnTo>
                <a:lnTo>
                  <a:pt x="4361405" y="4602781"/>
                </a:lnTo>
                <a:lnTo>
                  <a:pt x="4361405" y="4602337"/>
                </a:lnTo>
                <a:close/>
                <a:moveTo>
                  <a:pt x="4237904" y="4602337"/>
                </a:moveTo>
                <a:lnTo>
                  <a:pt x="4237904" y="4602781"/>
                </a:lnTo>
                <a:lnTo>
                  <a:pt x="4238348" y="4602781"/>
                </a:lnTo>
                <a:lnTo>
                  <a:pt x="4238348" y="4602337"/>
                </a:lnTo>
                <a:close/>
                <a:moveTo>
                  <a:pt x="4114847" y="4602337"/>
                </a:moveTo>
                <a:lnTo>
                  <a:pt x="4114847" y="4602781"/>
                </a:lnTo>
                <a:lnTo>
                  <a:pt x="4115291" y="4602781"/>
                </a:lnTo>
                <a:lnTo>
                  <a:pt x="4115291" y="4602337"/>
                </a:lnTo>
                <a:close/>
                <a:moveTo>
                  <a:pt x="3991789" y="4602337"/>
                </a:moveTo>
                <a:lnTo>
                  <a:pt x="3991789" y="4602781"/>
                </a:lnTo>
                <a:lnTo>
                  <a:pt x="3992234" y="4602781"/>
                </a:lnTo>
                <a:lnTo>
                  <a:pt x="3992234" y="4602337"/>
                </a:lnTo>
                <a:close/>
                <a:moveTo>
                  <a:pt x="3868732" y="4602337"/>
                </a:moveTo>
                <a:lnTo>
                  <a:pt x="3868732" y="4602781"/>
                </a:lnTo>
                <a:lnTo>
                  <a:pt x="3869176" y="4602781"/>
                </a:lnTo>
                <a:lnTo>
                  <a:pt x="3869176" y="4602337"/>
                </a:lnTo>
                <a:close/>
                <a:moveTo>
                  <a:pt x="3745675" y="4602337"/>
                </a:moveTo>
                <a:lnTo>
                  <a:pt x="3745675" y="4602781"/>
                </a:lnTo>
                <a:lnTo>
                  <a:pt x="3746119" y="4602781"/>
                </a:lnTo>
                <a:lnTo>
                  <a:pt x="3746119" y="4602337"/>
                </a:lnTo>
                <a:close/>
                <a:moveTo>
                  <a:pt x="3622617" y="4602337"/>
                </a:moveTo>
                <a:lnTo>
                  <a:pt x="3622617" y="4602781"/>
                </a:lnTo>
                <a:lnTo>
                  <a:pt x="3623061" y="4602781"/>
                </a:lnTo>
                <a:lnTo>
                  <a:pt x="3623061" y="4602337"/>
                </a:lnTo>
                <a:close/>
                <a:moveTo>
                  <a:pt x="3499523" y="4602337"/>
                </a:moveTo>
                <a:lnTo>
                  <a:pt x="3499523" y="4602781"/>
                </a:lnTo>
                <a:lnTo>
                  <a:pt x="3499967" y="4602781"/>
                </a:lnTo>
                <a:lnTo>
                  <a:pt x="3499967" y="4602337"/>
                </a:lnTo>
                <a:close/>
                <a:moveTo>
                  <a:pt x="3376281" y="4602152"/>
                </a:moveTo>
                <a:lnTo>
                  <a:pt x="3376281" y="4603004"/>
                </a:lnTo>
                <a:lnTo>
                  <a:pt x="3377133" y="4603004"/>
                </a:lnTo>
                <a:lnTo>
                  <a:pt x="3377133" y="4602152"/>
                </a:lnTo>
                <a:close/>
                <a:moveTo>
                  <a:pt x="3253186" y="4602152"/>
                </a:moveTo>
                <a:lnTo>
                  <a:pt x="3253186" y="4603004"/>
                </a:lnTo>
                <a:lnTo>
                  <a:pt x="3254038" y="4603004"/>
                </a:lnTo>
                <a:lnTo>
                  <a:pt x="3254038" y="4602152"/>
                </a:lnTo>
                <a:close/>
                <a:moveTo>
                  <a:pt x="3129944" y="4601930"/>
                </a:moveTo>
                <a:lnTo>
                  <a:pt x="3129944" y="4603226"/>
                </a:lnTo>
                <a:lnTo>
                  <a:pt x="3131240" y="4603226"/>
                </a:lnTo>
                <a:lnTo>
                  <a:pt x="3131240" y="4601930"/>
                </a:lnTo>
                <a:close/>
                <a:moveTo>
                  <a:pt x="3006849" y="4601930"/>
                </a:moveTo>
                <a:lnTo>
                  <a:pt x="3006849" y="4603226"/>
                </a:lnTo>
                <a:lnTo>
                  <a:pt x="3008145" y="4603226"/>
                </a:lnTo>
                <a:lnTo>
                  <a:pt x="3008145" y="4601930"/>
                </a:lnTo>
                <a:close/>
                <a:moveTo>
                  <a:pt x="2883607" y="4601708"/>
                </a:moveTo>
                <a:lnTo>
                  <a:pt x="2883607" y="4603448"/>
                </a:lnTo>
                <a:lnTo>
                  <a:pt x="2885347" y="4603448"/>
                </a:lnTo>
                <a:lnTo>
                  <a:pt x="2885347" y="4601708"/>
                </a:lnTo>
                <a:close/>
                <a:moveTo>
                  <a:pt x="2760327" y="4601485"/>
                </a:moveTo>
                <a:lnTo>
                  <a:pt x="2760327" y="4603670"/>
                </a:lnTo>
                <a:lnTo>
                  <a:pt x="2762512" y="4603670"/>
                </a:lnTo>
                <a:lnTo>
                  <a:pt x="2762512" y="4601485"/>
                </a:lnTo>
                <a:close/>
                <a:moveTo>
                  <a:pt x="2637048" y="4601300"/>
                </a:moveTo>
                <a:lnTo>
                  <a:pt x="2637048" y="4603892"/>
                </a:lnTo>
                <a:lnTo>
                  <a:pt x="2639640" y="4603892"/>
                </a:lnTo>
                <a:lnTo>
                  <a:pt x="2639640" y="4601300"/>
                </a:lnTo>
                <a:close/>
                <a:moveTo>
                  <a:pt x="2513768" y="4601040"/>
                </a:moveTo>
                <a:lnTo>
                  <a:pt x="2513768" y="4604077"/>
                </a:lnTo>
                <a:lnTo>
                  <a:pt x="2516805" y="4604077"/>
                </a:lnTo>
                <a:lnTo>
                  <a:pt x="2516805" y="4601040"/>
                </a:lnTo>
                <a:close/>
                <a:moveTo>
                  <a:pt x="2390489" y="4600819"/>
                </a:moveTo>
                <a:lnTo>
                  <a:pt x="2390489" y="4604300"/>
                </a:lnTo>
                <a:lnTo>
                  <a:pt x="2393970" y="4604300"/>
                </a:lnTo>
                <a:lnTo>
                  <a:pt x="2393970" y="4600819"/>
                </a:lnTo>
                <a:close/>
                <a:moveTo>
                  <a:pt x="2267209" y="4600597"/>
                </a:moveTo>
                <a:lnTo>
                  <a:pt x="2267209" y="4604522"/>
                </a:lnTo>
                <a:lnTo>
                  <a:pt x="2271134" y="4604522"/>
                </a:lnTo>
                <a:lnTo>
                  <a:pt x="2271134" y="4600597"/>
                </a:lnTo>
                <a:close/>
                <a:moveTo>
                  <a:pt x="2143930" y="4600411"/>
                </a:moveTo>
                <a:lnTo>
                  <a:pt x="2143930" y="4604744"/>
                </a:lnTo>
                <a:lnTo>
                  <a:pt x="2148263" y="4604744"/>
                </a:lnTo>
                <a:lnTo>
                  <a:pt x="2148263" y="4600411"/>
                </a:lnTo>
                <a:close/>
                <a:moveTo>
                  <a:pt x="2020650" y="4600189"/>
                </a:moveTo>
                <a:lnTo>
                  <a:pt x="2020650" y="4604966"/>
                </a:lnTo>
                <a:lnTo>
                  <a:pt x="2025427" y="4604966"/>
                </a:lnTo>
                <a:lnTo>
                  <a:pt x="2025427" y="4600189"/>
                </a:lnTo>
                <a:close/>
                <a:moveTo>
                  <a:pt x="1897371" y="4599967"/>
                </a:moveTo>
                <a:lnTo>
                  <a:pt x="1897371" y="4605188"/>
                </a:lnTo>
                <a:lnTo>
                  <a:pt x="1902592" y="4605188"/>
                </a:lnTo>
                <a:lnTo>
                  <a:pt x="1902592" y="4599967"/>
                </a:lnTo>
                <a:close/>
                <a:moveTo>
                  <a:pt x="1774091" y="4599782"/>
                </a:moveTo>
                <a:lnTo>
                  <a:pt x="1774091" y="4605411"/>
                </a:lnTo>
                <a:lnTo>
                  <a:pt x="1779720" y="4605411"/>
                </a:lnTo>
                <a:lnTo>
                  <a:pt x="1779720" y="4599782"/>
                </a:lnTo>
                <a:close/>
                <a:moveTo>
                  <a:pt x="1650812" y="4599560"/>
                </a:moveTo>
                <a:lnTo>
                  <a:pt x="1650812" y="4605633"/>
                </a:lnTo>
                <a:lnTo>
                  <a:pt x="1656885" y="4605633"/>
                </a:lnTo>
                <a:lnTo>
                  <a:pt x="1656885" y="4599560"/>
                </a:lnTo>
                <a:close/>
                <a:moveTo>
                  <a:pt x="1527754" y="4599560"/>
                </a:moveTo>
                <a:lnTo>
                  <a:pt x="1527754" y="4605633"/>
                </a:lnTo>
                <a:lnTo>
                  <a:pt x="1533827" y="4605633"/>
                </a:lnTo>
                <a:lnTo>
                  <a:pt x="1533827" y="4599560"/>
                </a:lnTo>
                <a:close/>
                <a:moveTo>
                  <a:pt x="1404475" y="4599300"/>
                </a:moveTo>
                <a:lnTo>
                  <a:pt x="1404475" y="4605818"/>
                </a:lnTo>
                <a:lnTo>
                  <a:pt x="1410993" y="4605818"/>
                </a:lnTo>
                <a:lnTo>
                  <a:pt x="1410993" y="4599300"/>
                </a:lnTo>
                <a:close/>
                <a:moveTo>
                  <a:pt x="1281418" y="4599300"/>
                </a:moveTo>
                <a:lnTo>
                  <a:pt x="1281418" y="4605818"/>
                </a:lnTo>
                <a:lnTo>
                  <a:pt x="1287936" y="4605818"/>
                </a:lnTo>
                <a:lnTo>
                  <a:pt x="1287936" y="4599300"/>
                </a:lnTo>
                <a:close/>
                <a:moveTo>
                  <a:pt x="1158138" y="4599078"/>
                </a:moveTo>
                <a:lnTo>
                  <a:pt x="1158138" y="4606040"/>
                </a:lnTo>
                <a:lnTo>
                  <a:pt x="1165100" y="4606040"/>
                </a:lnTo>
                <a:lnTo>
                  <a:pt x="1165100" y="4599078"/>
                </a:lnTo>
                <a:close/>
                <a:moveTo>
                  <a:pt x="1035081" y="4599078"/>
                </a:moveTo>
                <a:lnTo>
                  <a:pt x="1035081" y="4606040"/>
                </a:lnTo>
                <a:lnTo>
                  <a:pt x="1042043" y="4606040"/>
                </a:lnTo>
                <a:lnTo>
                  <a:pt x="1042043" y="4599078"/>
                </a:lnTo>
                <a:close/>
                <a:moveTo>
                  <a:pt x="912024" y="4599078"/>
                </a:moveTo>
                <a:lnTo>
                  <a:pt x="912024" y="4606040"/>
                </a:lnTo>
                <a:lnTo>
                  <a:pt x="918986" y="4606040"/>
                </a:lnTo>
                <a:lnTo>
                  <a:pt x="918986" y="4599078"/>
                </a:lnTo>
                <a:close/>
                <a:moveTo>
                  <a:pt x="788966" y="4599078"/>
                </a:moveTo>
                <a:lnTo>
                  <a:pt x="788966" y="4606040"/>
                </a:lnTo>
                <a:lnTo>
                  <a:pt x="795928" y="4606040"/>
                </a:lnTo>
                <a:lnTo>
                  <a:pt x="795928" y="4599078"/>
                </a:lnTo>
                <a:close/>
                <a:moveTo>
                  <a:pt x="665909" y="4599078"/>
                </a:moveTo>
                <a:lnTo>
                  <a:pt x="665909" y="4606040"/>
                </a:lnTo>
                <a:lnTo>
                  <a:pt x="672871" y="4606040"/>
                </a:lnTo>
                <a:lnTo>
                  <a:pt x="672871" y="4599078"/>
                </a:lnTo>
                <a:close/>
                <a:moveTo>
                  <a:pt x="542629" y="4598893"/>
                </a:moveTo>
                <a:lnTo>
                  <a:pt x="542629" y="4606262"/>
                </a:lnTo>
                <a:lnTo>
                  <a:pt x="549998" y="4606262"/>
                </a:lnTo>
                <a:lnTo>
                  <a:pt x="549998" y="4598893"/>
                </a:lnTo>
                <a:close/>
                <a:moveTo>
                  <a:pt x="419572" y="4598893"/>
                </a:moveTo>
                <a:lnTo>
                  <a:pt x="419572" y="4606262"/>
                </a:lnTo>
                <a:lnTo>
                  <a:pt x="426941" y="4606262"/>
                </a:lnTo>
                <a:lnTo>
                  <a:pt x="426941" y="4598893"/>
                </a:lnTo>
                <a:close/>
                <a:moveTo>
                  <a:pt x="296515" y="4598893"/>
                </a:moveTo>
                <a:lnTo>
                  <a:pt x="296515" y="4606262"/>
                </a:lnTo>
                <a:lnTo>
                  <a:pt x="303884" y="4606262"/>
                </a:lnTo>
                <a:lnTo>
                  <a:pt x="303884" y="4598893"/>
                </a:lnTo>
                <a:close/>
                <a:moveTo>
                  <a:pt x="50400" y="4598893"/>
                </a:moveTo>
                <a:lnTo>
                  <a:pt x="50400" y="4606262"/>
                </a:lnTo>
                <a:lnTo>
                  <a:pt x="57769" y="4606262"/>
                </a:lnTo>
                <a:lnTo>
                  <a:pt x="57769" y="4598893"/>
                </a:lnTo>
                <a:close/>
                <a:moveTo>
                  <a:pt x="173235" y="4598671"/>
                </a:moveTo>
                <a:lnTo>
                  <a:pt x="173235" y="4606485"/>
                </a:lnTo>
                <a:lnTo>
                  <a:pt x="181049" y="4606485"/>
                </a:lnTo>
                <a:lnTo>
                  <a:pt x="181049" y="4598671"/>
                </a:lnTo>
                <a:close/>
                <a:moveTo>
                  <a:pt x="4360961" y="4479280"/>
                </a:moveTo>
                <a:lnTo>
                  <a:pt x="4360961" y="4479724"/>
                </a:lnTo>
                <a:lnTo>
                  <a:pt x="4361405" y="4479724"/>
                </a:lnTo>
                <a:lnTo>
                  <a:pt x="4361405" y="4479280"/>
                </a:lnTo>
                <a:close/>
                <a:moveTo>
                  <a:pt x="4237904" y="4479280"/>
                </a:moveTo>
                <a:lnTo>
                  <a:pt x="4237904" y="4479724"/>
                </a:lnTo>
                <a:lnTo>
                  <a:pt x="4238348" y="4479724"/>
                </a:lnTo>
                <a:lnTo>
                  <a:pt x="4238348" y="4479280"/>
                </a:lnTo>
                <a:close/>
                <a:moveTo>
                  <a:pt x="4114847" y="4479280"/>
                </a:moveTo>
                <a:lnTo>
                  <a:pt x="4114847" y="4479724"/>
                </a:lnTo>
                <a:lnTo>
                  <a:pt x="4115291" y="4479724"/>
                </a:lnTo>
                <a:lnTo>
                  <a:pt x="4115291" y="4479280"/>
                </a:lnTo>
                <a:close/>
                <a:moveTo>
                  <a:pt x="3991789" y="4479280"/>
                </a:moveTo>
                <a:lnTo>
                  <a:pt x="3991789" y="4479724"/>
                </a:lnTo>
                <a:lnTo>
                  <a:pt x="3992234" y="4479724"/>
                </a:lnTo>
                <a:lnTo>
                  <a:pt x="3992234" y="4479280"/>
                </a:lnTo>
                <a:close/>
                <a:moveTo>
                  <a:pt x="3868732" y="4479280"/>
                </a:moveTo>
                <a:lnTo>
                  <a:pt x="3868732" y="4479724"/>
                </a:lnTo>
                <a:lnTo>
                  <a:pt x="3869176" y="4479724"/>
                </a:lnTo>
                <a:lnTo>
                  <a:pt x="3869176" y="4479280"/>
                </a:lnTo>
                <a:close/>
                <a:moveTo>
                  <a:pt x="3745675" y="4479280"/>
                </a:moveTo>
                <a:lnTo>
                  <a:pt x="3745675" y="4479724"/>
                </a:lnTo>
                <a:lnTo>
                  <a:pt x="3746119" y="4479724"/>
                </a:lnTo>
                <a:lnTo>
                  <a:pt x="3746119" y="4479280"/>
                </a:lnTo>
                <a:close/>
                <a:moveTo>
                  <a:pt x="3622617" y="4479280"/>
                </a:moveTo>
                <a:lnTo>
                  <a:pt x="3622617" y="4479724"/>
                </a:lnTo>
                <a:lnTo>
                  <a:pt x="3623061" y="4479724"/>
                </a:lnTo>
                <a:lnTo>
                  <a:pt x="3623061" y="4479280"/>
                </a:lnTo>
                <a:close/>
                <a:moveTo>
                  <a:pt x="3499338" y="4479094"/>
                </a:moveTo>
                <a:lnTo>
                  <a:pt x="3499338" y="4479946"/>
                </a:lnTo>
                <a:lnTo>
                  <a:pt x="3500190" y="4479946"/>
                </a:lnTo>
                <a:lnTo>
                  <a:pt x="3500190" y="4479094"/>
                </a:lnTo>
                <a:close/>
                <a:moveTo>
                  <a:pt x="3376281" y="4479094"/>
                </a:moveTo>
                <a:lnTo>
                  <a:pt x="3376281" y="4479946"/>
                </a:lnTo>
                <a:lnTo>
                  <a:pt x="3377133" y="4479946"/>
                </a:lnTo>
                <a:lnTo>
                  <a:pt x="3377133" y="4479094"/>
                </a:lnTo>
                <a:close/>
                <a:moveTo>
                  <a:pt x="3253001" y="4478872"/>
                </a:moveTo>
                <a:lnTo>
                  <a:pt x="3253001" y="4480168"/>
                </a:lnTo>
                <a:lnTo>
                  <a:pt x="3254297" y="4480168"/>
                </a:lnTo>
                <a:lnTo>
                  <a:pt x="3254297" y="4478872"/>
                </a:lnTo>
                <a:close/>
                <a:moveTo>
                  <a:pt x="3129944" y="4478872"/>
                </a:moveTo>
                <a:lnTo>
                  <a:pt x="3129944" y="4480168"/>
                </a:lnTo>
                <a:lnTo>
                  <a:pt x="3131240" y="4480168"/>
                </a:lnTo>
                <a:lnTo>
                  <a:pt x="3131240" y="4478872"/>
                </a:lnTo>
                <a:close/>
                <a:moveTo>
                  <a:pt x="3006664" y="4478650"/>
                </a:moveTo>
                <a:lnTo>
                  <a:pt x="3006664" y="4480391"/>
                </a:lnTo>
                <a:lnTo>
                  <a:pt x="3008404" y="4480391"/>
                </a:lnTo>
                <a:lnTo>
                  <a:pt x="3008404" y="4478650"/>
                </a:lnTo>
                <a:close/>
                <a:moveTo>
                  <a:pt x="2883385" y="4478428"/>
                </a:moveTo>
                <a:lnTo>
                  <a:pt x="2883385" y="4480613"/>
                </a:lnTo>
                <a:lnTo>
                  <a:pt x="2885570" y="4480613"/>
                </a:lnTo>
                <a:lnTo>
                  <a:pt x="2885570" y="4478428"/>
                </a:lnTo>
                <a:close/>
                <a:moveTo>
                  <a:pt x="2760105" y="4478243"/>
                </a:moveTo>
                <a:lnTo>
                  <a:pt x="2760105" y="4480835"/>
                </a:lnTo>
                <a:lnTo>
                  <a:pt x="2762697" y="4480835"/>
                </a:lnTo>
                <a:lnTo>
                  <a:pt x="2762697" y="4478243"/>
                </a:lnTo>
                <a:close/>
                <a:moveTo>
                  <a:pt x="2636826" y="4477983"/>
                </a:moveTo>
                <a:lnTo>
                  <a:pt x="2636826" y="4481020"/>
                </a:lnTo>
                <a:lnTo>
                  <a:pt x="2639863" y="4481020"/>
                </a:lnTo>
                <a:lnTo>
                  <a:pt x="2639863" y="4477983"/>
                </a:lnTo>
                <a:close/>
                <a:moveTo>
                  <a:pt x="2513546" y="4477761"/>
                </a:moveTo>
                <a:lnTo>
                  <a:pt x="2513546" y="4481242"/>
                </a:lnTo>
                <a:lnTo>
                  <a:pt x="2517027" y="4481242"/>
                </a:lnTo>
                <a:lnTo>
                  <a:pt x="2517027" y="4477761"/>
                </a:lnTo>
                <a:close/>
                <a:moveTo>
                  <a:pt x="2390267" y="4477539"/>
                </a:moveTo>
                <a:lnTo>
                  <a:pt x="2390267" y="4481464"/>
                </a:lnTo>
                <a:lnTo>
                  <a:pt x="2394192" y="4481464"/>
                </a:lnTo>
                <a:lnTo>
                  <a:pt x="2394192" y="4477539"/>
                </a:lnTo>
                <a:close/>
                <a:moveTo>
                  <a:pt x="2266765" y="4477132"/>
                </a:moveTo>
                <a:lnTo>
                  <a:pt x="2266765" y="4481909"/>
                </a:lnTo>
                <a:lnTo>
                  <a:pt x="2271542" y="4481909"/>
                </a:lnTo>
                <a:lnTo>
                  <a:pt x="2271542" y="4477132"/>
                </a:lnTo>
                <a:close/>
                <a:moveTo>
                  <a:pt x="2143485" y="4476909"/>
                </a:moveTo>
                <a:lnTo>
                  <a:pt x="2143485" y="4482131"/>
                </a:lnTo>
                <a:lnTo>
                  <a:pt x="2148706" y="4482131"/>
                </a:lnTo>
                <a:lnTo>
                  <a:pt x="2148706" y="4476909"/>
                </a:lnTo>
                <a:close/>
                <a:moveTo>
                  <a:pt x="2020206" y="4476724"/>
                </a:moveTo>
                <a:lnTo>
                  <a:pt x="2020206" y="4482353"/>
                </a:lnTo>
                <a:lnTo>
                  <a:pt x="2025835" y="4482353"/>
                </a:lnTo>
                <a:lnTo>
                  <a:pt x="2025835" y="4476724"/>
                </a:lnTo>
                <a:close/>
                <a:moveTo>
                  <a:pt x="1896704" y="4476243"/>
                </a:moveTo>
                <a:lnTo>
                  <a:pt x="1896704" y="4482761"/>
                </a:lnTo>
                <a:lnTo>
                  <a:pt x="1903222" y="4482761"/>
                </a:lnTo>
                <a:lnTo>
                  <a:pt x="1903222" y="4476243"/>
                </a:lnTo>
                <a:close/>
                <a:moveTo>
                  <a:pt x="1773425" y="4476021"/>
                </a:moveTo>
                <a:lnTo>
                  <a:pt x="1773425" y="4482983"/>
                </a:lnTo>
                <a:lnTo>
                  <a:pt x="1780387" y="4482983"/>
                </a:lnTo>
                <a:lnTo>
                  <a:pt x="1780387" y="4476021"/>
                </a:lnTo>
                <a:close/>
                <a:moveTo>
                  <a:pt x="1650182" y="4475836"/>
                </a:moveTo>
                <a:lnTo>
                  <a:pt x="1650182" y="4483205"/>
                </a:lnTo>
                <a:lnTo>
                  <a:pt x="1657551" y="4483205"/>
                </a:lnTo>
                <a:lnTo>
                  <a:pt x="1657551" y="4475836"/>
                </a:lnTo>
                <a:close/>
                <a:moveTo>
                  <a:pt x="1526903" y="4475613"/>
                </a:moveTo>
                <a:lnTo>
                  <a:pt x="1526903" y="4483427"/>
                </a:lnTo>
                <a:lnTo>
                  <a:pt x="1534717" y="4483427"/>
                </a:lnTo>
                <a:lnTo>
                  <a:pt x="1534717" y="4475613"/>
                </a:lnTo>
                <a:close/>
                <a:moveTo>
                  <a:pt x="1403623" y="4475391"/>
                </a:moveTo>
                <a:lnTo>
                  <a:pt x="1403623" y="4483649"/>
                </a:lnTo>
                <a:lnTo>
                  <a:pt x="1411881" y="4483649"/>
                </a:lnTo>
                <a:lnTo>
                  <a:pt x="1411881" y="4475391"/>
                </a:lnTo>
                <a:close/>
                <a:moveTo>
                  <a:pt x="1280344" y="4475169"/>
                </a:moveTo>
                <a:lnTo>
                  <a:pt x="1280344" y="4483872"/>
                </a:lnTo>
                <a:lnTo>
                  <a:pt x="1289047" y="4483872"/>
                </a:lnTo>
                <a:lnTo>
                  <a:pt x="1289047" y="4475169"/>
                </a:lnTo>
                <a:close/>
                <a:moveTo>
                  <a:pt x="1157064" y="4474984"/>
                </a:moveTo>
                <a:lnTo>
                  <a:pt x="1157064" y="4484094"/>
                </a:lnTo>
                <a:lnTo>
                  <a:pt x="1166174" y="4484094"/>
                </a:lnTo>
                <a:lnTo>
                  <a:pt x="1166174" y="4474984"/>
                </a:lnTo>
                <a:close/>
                <a:moveTo>
                  <a:pt x="1034007" y="4474984"/>
                </a:moveTo>
                <a:lnTo>
                  <a:pt x="1034007" y="4484094"/>
                </a:lnTo>
                <a:lnTo>
                  <a:pt x="1043117" y="4484094"/>
                </a:lnTo>
                <a:lnTo>
                  <a:pt x="1043117" y="4474984"/>
                </a:lnTo>
                <a:close/>
                <a:moveTo>
                  <a:pt x="910727" y="4474725"/>
                </a:moveTo>
                <a:lnTo>
                  <a:pt x="910727" y="4484279"/>
                </a:lnTo>
                <a:lnTo>
                  <a:pt x="920281" y="4484279"/>
                </a:lnTo>
                <a:lnTo>
                  <a:pt x="920281" y="4474725"/>
                </a:lnTo>
                <a:close/>
                <a:moveTo>
                  <a:pt x="787670" y="4474725"/>
                </a:moveTo>
                <a:lnTo>
                  <a:pt x="787670" y="4484279"/>
                </a:lnTo>
                <a:lnTo>
                  <a:pt x="797224" y="4484279"/>
                </a:lnTo>
                <a:lnTo>
                  <a:pt x="797224" y="4474725"/>
                </a:lnTo>
                <a:close/>
                <a:moveTo>
                  <a:pt x="664613" y="4474725"/>
                </a:moveTo>
                <a:lnTo>
                  <a:pt x="664613" y="4484279"/>
                </a:lnTo>
                <a:lnTo>
                  <a:pt x="674167" y="4484279"/>
                </a:lnTo>
                <a:lnTo>
                  <a:pt x="674167" y="4474725"/>
                </a:lnTo>
                <a:close/>
                <a:moveTo>
                  <a:pt x="541333" y="4474502"/>
                </a:moveTo>
                <a:lnTo>
                  <a:pt x="541333" y="4484501"/>
                </a:lnTo>
                <a:lnTo>
                  <a:pt x="551332" y="4484501"/>
                </a:lnTo>
                <a:lnTo>
                  <a:pt x="551332" y="4474502"/>
                </a:lnTo>
                <a:close/>
                <a:moveTo>
                  <a:pt x="418276" y="4474502"/>
                </a:moveTo>
                <a:lnTo>
                  <a:pt x="418276" y="4484501"/>
                </a:lnTo>
                <a:lnTo>
                  <a:pt x="428275" y="4484501"/>
                </a:lnTo>
                <a:lnTo>
                  <a:pt x="428275" y="4474502"/>
                </a:lnTo>
                <a:close/>
                <a:moveTo>
                  <a:pt x="294996" y="4474317"/>
                </a:moveTo>
                <a:lnTo>
                  <a:pt x="294996" y="4484723"/>
                </a:lnTo>
                <a:lnTo>
                  <a:pt x="305402" y="4484723"/>
                </a:lnTo>
                <a:lnTo>
                  <a:pt x="305402" y="4474317"/>
                </a:lnTo>
                <a:close/>
                <a:moveTo>
                  <a:pt x="171939" y="4474317"/>
                </a:moveTo>
                <a:lnTo>
                  <a:pt x="171939" y="4484723"/>
                </a:lnTo>
                <a:lnTo>
                  <a:pt x="182345" y="4484723"/>
                </a:lnTo>
                <a:lnTo>
                  <a:pt x="182345" y="4474317"/>
                </a:lnTo>
                <a:close/>
                <a:moveTo>
                  <a:pt x="48845" y="4474317"/>
                </a:moveTo>
                <a:lnTo>
                  <a:pt x="48845" y="4484723"/>
                </a:lnTo>
                <a:lnTo>
                  <a:pt x="59251" y="4484723"/>
                </a:lnTo>
                <a:lnTo>
                  <a:pt x="59251" y="4474317"/>
                </a:lnTo>
                <a:close/>
                <a:moveTo>
                  <a:pt x="4484019" y="4356223"/>
                </a:moveTo>
                <a:lnTo>
                  <a:pt x="4484019" y="4356667"/>
                </a:lnTo>
                <a:lnTo>
                  <a:pt x="4484463" y="4356667"/>
                </a:lnTo>
                <a:lnTo>
                  <a:pt x="4484463" y="4356223"/>
                </a:lnTo>
                <a:close/>
                <a:moveTo>
                  <a:pt x="4360961" y="4356223"/>
                </a:moveTo>
                <a:lnTo>
                  <a:pt x="4360961" y="4356667"/>
                </a:lnTo>
                <a:lnTo>
                  <a:pt x="4361405" y="4356667"/>
                </a:lnTo>
                <a:lnTo>
                  <a:pt x="4361405" y="4356223"/>
                </a:lnTo>
                <a:close/>
                <a:moveTo>
                  <a:pt x="4237904" y="4356223"/>
                </a:moveTo>
                <a:lnTo>
                  <a:pt x="4237904" y="4356667"/>
                </a:lnTo>
                <a:lnTo>
                  <a:pt x="4238348" y="4356667"/>
                </a:lnTo>
                <a:lnTo>
                  <a:pt x="4238348" y="4356223"/>
                </a:lnTo>
                <a:close/>
                <a:moveTo>
                  <a:pt x="4114847" y="4356223"/>
                </a:moveTo>
                <a:lnTo>
                  <a:pt x="4114847" y="4356667"/>
                </a:lnTo>
                <a:lnTo>
                  <a:pt x="4115291" y="4356667"/>
                </a:lnTo>
                <a:lnTo>
                  <a:pt x="4115291" y="4356223"/>
                </a:lnTo>
                <a:close/>
                <a:moveTo>
                  <a:pt x="3991789" y="4356223"/>
                </a:moveTo>
                <a:lnTo>
                  <a:pt x="3991789" y="4356667"/>
                </a:lnTo>
                <a:lnTo>
                  <a:pt x="3992234" y="4356667"/>
                </a:lnTo>
                <a:lnTo>
                  <a:pt x="3992234" y="4356223"/>
                </a:lnTo>
                <a:close/>
                <a:moveTo>
                  <a:pt x="3868732" y="4356223"/>
                </a:moveTo>
                <a:lnTo>
                  <a:pt x="3868732" y="4356667"/>
                </a:lnTo>
                <a:lnTo>
                  <a:pt x="3869176" y="4356667"/>
                </a:lnTo>
                <a:lnTo>
                  <a:pt x="3869176" y="4356223"/>
                </a:lnTo>
                <a:close/>
                <a:moveTo>
                  <a:pt x="3745675" y="4356223"/>
                </a:moveTo>
                <a:lnTo>
                  <a:pt x="3745675" y="4356667"/>
                </a:lnTo>
                <a:lnTo>
                  <a:pt x="3746119" y="4356667"/>
                </a:lnTo>
                <a:lnTo>
                  <a:pt x="3746119" y="4356223"/>
                </a:lnTo>
                <a:close/>
                <a:moveTo>
                  <a:pt x="3622617" y="4356223"/>
                </a:moveTo>
                <a:lnTo>
                  <a:pt x="3622617" y="4356667"/>
                </a:lnTo>
                <a:lnTo>
                  <a:pt x="3623061" y="4356667"/>
                </a:lnTo>
                <a:lnTo>
                  <a:pt x="3623061" y="4356223"/>
                </a:lnTo>
                <a:close/>
                <a:moveTo>
                  <a:pt x="3499338" y="4356037"/>
                </a:moveTo>
                <a:lnTo>
                  <a:pt x="3499338" y="4356889"/>
                </a:lnTo>
                <a:lnTo>
                  <a:pt x="3500190" y="4356889"/>
                </a:lnTo>
                <a:lnTo>
                  <a:pt x="3500190" y="4356037"/>
                </a:lnTo>
                <a:close/>
                <a:moveTo>
                  <a:pt x="3376281" y="4356037"/>
                </a:moveTo>
                <a:lnTo>
                  <a:pt x="3376281" y="4356889"/>
                </a:lnTo>
                <a:lnTo>
                  <a:pt x="3377133" y="4356889"/>
                </a:lnTo>
                <a:lnTo>
                  <a:pt x="3377133" y="4356037"/>
                </a:lnTo>
                <a:close/>
                <a:moveTo>
                  <a:pt x="3253001" y="4355815"/>
                </a:moveTo>
                <a:lnTo>
                  <a:pt x="3253001" y="4357111"/>
                </a:lnTo>
                <a:lnTo>
                  <a:pt x="3254297" y="4357111"/>
                </a:lnTo>
                <a:lnTo>
                  <a:pt x="3254297" y="4355815"/>
                </a:lnTo>
                <a:close/>
                <a:moveTo>
                  <a:pt x="3129722" y="4355593"/>
                </a:moveTo>
                <a:lnTo>
                  <a:pt x="3129722" y="4357333"/>
                </a:lnTo>
                <a:lnTo>
                  <a:pt x="3131462" y="4357333"/>
                </a:lnTo>
                <a:lnTo>
                  <a:pt x="3131462" y="4355593"/>
                </a:lnTo>
                <a:close/>
                <a:moveTo>
                  <a:pt x="3006442" y="4355370"/>
                </a:moveTo>
                <a:lnTo>
                  <a:pt x="3006442" y="4357555"/>
                </a:lnTo>
                <a:lnTo>
                  <a:pt x="3008627" y="4357555"/>
                </a:lnTo>
                <a:lnTo>
                  <a:pt x="3008627" y="4355370"/>
                </a:lnTo>
                <a:close/>
                <a:moveTo>
                  <a:pt x="2883163" y="4355149"/>
                </a:moveTo>
                <a:lnTo>
                  <a:pt x="2883163" y="4357741"/>
                </a:lnTo>
                <a:lnTo>
                  <a:pt x="2885755" y="4357741"/>
                </a:lnTo>
                <a:lnTo>
                  <a:pt x="2885755" y="4355149"/>
                </a:lnTo>
                <a:close/>
                <a:moveTo>
                  <a:pt x="2759883" y="4354926"/>
                </a:moveTo>
                <a:lnTo>
                  <a:pt x="2759883" y="4357963"/>
                </a:lnTo>
                <a:lnTo>
                  <a:pt x="2762920" y="4357963"/>
                </a:lnTo>
                <a:lnTo>
                  <a:pt x="2762920" y="4354926"/>
                </a:lnTo>
                <a:close/>
                <a:moveTo>
                  <a:pt x="2636604" y="4354704"/>
                </a:moveTo>
                <a:lnTo>
                  <a:pt x="2636604" y="4358185"/>
                </a:lnTo>
                <a:lnTo>
                  <a:pt x="2640085" y="4358185"/>
                </a:lnTo>
                <a:lnTo>
                  <a:pt x="2640085" y="4354704"/>
                </a:lnTo>
                <a:close/>
                <a:moveTo>
                  <a:pt x="2513102" y="4354296"/>
                </a:moveTo>
                <a:lnTo>
                  <a:pt x="2513102" y="4358629"/>
                </a:lnTo>
                <a:lnTo>
                  <a:pt x="2517435" y="4358629"/>
                </a:lnTo>
                <a:lnTo>
                  <a:pt x="2517435" y="4354296"/>
                </a:lnTo>
                <a:close/>
                <a:moveTo>
                  <a:pt x="2389822" y="4354075"/>
                </a:moveTo>
                <a:lnTo>
                  <a:pt x="2389822" y="4358852"/>
                </a:lnTo>
                <a:lnTo>
                  <a:pt x="2394599" y="4358852"/>
                </a:lnTo>
                <a:lnTo>
                  <a:pt x="2394599" y="4354075"/>
                </a:lnTo>
                <a:close/>
                <a:moveTo>
                  <a:pt x="2266321" y="4353667"/>
                </a:moveTo>
                <a:lnTo>
                  <a:pt x="2266321" y="4359296"/>
                </a:lnTo>
                <a:lnTo>
                  <a:pt x="2271950" y="4359296"/>
                </a:lnTo>
                <a:lnTo>
                  <a:pt x="2271950" y="4353667"/>
                </a:lnTo>
                <a:close/>
                <a:moveTo>
                  <a:pt x="2143041" y="4353408"/>
                </a:moveTo>
                <a:lnTo>
                  <a:pt x="2143041" y="4359481"/>
                </a:lnTo>
                <a:lnTo>
                  <a:pt x="2149114" y="4359481"/>
                </a:lnTo>
                <a:lnTo>
                  <a:pt x="2149114" y="4353408"/>
                </a:lnTo>
                <a:close/>
                <a:moveTo>
                  <a:pt x="2019576" y="4352963"/>
                </a:moveTo>
                <a:lnTo>
                  <a:pt x="2019576" y="4359925"/>
                </a:lnTo>
                <a:lnTo>
                  <a:pt x="2026538" y="4359925"/>
                </a:lnTo>
                <a:lnTo>
                  <a:pt x="2026538" y="4352963"/>
                </a:lnTo>
                <a:close/>
                <a:moveTo>
                  <a:pt x="1896075" y="4352556"/>
                </a:moveTo>
                <a:lnTo>
                  <a:pt x="1896075" y="4360370"/>
                </a:lnTo>
                <a:lnTo>
                  <a:pt x="1903889" y="4360370"/>
                </a:lnTo>
                <a:lnTo>
                  <a:pt x="1903889" y="4352556"/>
                </a:lnTo>
                <a:close/>
                <a:moveTo>
                  <a:pt x="1772795" y="4352334"/>
                </a:moveTo>
                <a:lnTo>
                  <a:pt x="1772795" y="4360592"/>
                </a:lnTo>
                <a:lnTo>
                  <a:pt x="1781053" y="4360592"/>
                </a:lnTo>
                <a:lnTo>
                  <a:pt x="1781053" y="4352334"/>
                </a:lnTo>
                <a:close/>
                <a:moveTo>
                  <a:pt x="1649294" y="4351889"/>
                </a:moveTo>
                <a:lnTo>
                  <a:pt x="1649294" y="4360999"/>
                </a:lnTo>
                <a:lnTo>
                  <a:pt x="1658404" y="4360999"/>
                </a:lnTo>
                <a:lnTo>
                  <a:pt x="1658404" y="4351889"/>
                </a:lnTo>
                <a:close/>
                <a:moveTo>
                  <a:pt x="1526014" y="4351668"/>
                </a:moveTo>
                <a:lnTo>
                  <a:pt x="1526014" y="4361222"/>
                </a:lnTo>
                <a:lnTo>
                  <a:pt x="1535568" y="4361222"/>
                </a:lnTo>
                <a:lnTo>
                  <a:pt x="1535568" y="4351668"/>
                </a:lnTo>
                <a:close/>
                <a:moveTo>
                  <a:pt x="1402512" y="4351260"/>
                </a:moveTo>
                <a:lnTo>
                  <a:pt x="1402512" y="4361666"/>
                </a:lnTo>
                <a:lnTo>
                  <a:pt x="1412918" y="4361666"/>
                </a:lnTo>
                <a:lnTo>
                  <a:pt x="1412918" y="4351260"/>
                </a:lnTo>
                <a:close/>
                <a:moveTo>
                  <a:pt x="1279233" y="4351038"/>
                </a:moveTo>
                <a:lnTo>
                  <a:pt x="1279233" y="4361888"/>
                </a:lnTo>
                <a:lnTo>
                  <a:pt x="1290083" y="4361888"/>
                </a:lnTo>
                <a:lnTo>
                  <a:pt x="1290083" y="4351038"/>
                </a:lnTo>
                <a:close/>
                <a:moveTo>
                  <a:pt x="1155953" y="4350815"/>
                </a:moveTo>
                <a:lnTo>
                  <a:pt x="1155953" y="4362110"/>
                </a:lnTo>
                <a:lnTo>
                  <a:pt x="1167248" y="4362110"/>
                </a:lnTo>
                <a:lnTo>
                  <a:pt x="1167248" y="4350815"/>
                </a:lnTo>
                <a:close/>
                <a:moveTo>
                  <a:pt x="1032674" y="4350594"/>
                </a:moveTo>
                <a:lnTo>
                  <a:pt x="1032674" y="4362333"/>
                </a:lnTo>
                <a:lnTo>
                  <a:pt x="1044413" y="4362333"/>
                </a:lnTo>
                <a:lnTo>
                  <a:pt x="1044413" y="4350594"/>
                </a:lnTo>
                <a:close/>
                <a:moveTo>
                  <a:pt x="909431" y="4350372"/>
                </a:moveTo>
                <a:lnTo>
                  <a:pt x="909431" y="4362518"/>
                </a:lnTo>
                <a:lnTo>
                  <a:pt x="921577" y="4362518"/>
                </a:lnTo>
                <a:lnTo>
                  <a:pt x="921577" y="4350372"/>
                </a:lnTo>
                <a:close/>
                <a:moveTo>
                  <a:pt x="786337" y="4350372"/>
                </a:moveTo>
                <a:lnTo>
                  <a:pt x="786337" y="4362518"/>
                </a:lnTo>
                <a:lnTo>
                  <a:pt x="798483" y="4362518"/>
                </a:lnTo>
                <a:lnTo>
                  <a:pt x="798483" y="4350372"/>
                </a:lnTo>
                <a:close/>
                <a:moveTo>
                  <a:pt x="663094" y="4350149"/>
                </a:moveTo>
                <a:lnTo>
                  <a:pt x="663094" y="4362740"/>
                </a:lnTo>
                <a:lnTo>
                  <a:pt x="675685" y="4362740"/>
                </a:lnTo>
                <a:lnTo>
                  <a:pt x="675685" y="4350149"/>
                </a:lnTo>
                <a:close/>
                <a:moveTo>
                  <a:pt x="539815" y="4349927"/>
                </a:moveTo>
                <a:lnTo>
                  <a:pt x="539815" y="4362962"/>
                </a:lnTo>
                <a:lnTo>
                  <a:pt x="552850" y="4362962"/>
                </a:lnTo>
                <a:lnTo>
                  <a:pt x="552850" y="4349927"/>
                </a:lnTo>
                <a:close/>
                <a:moveTo>
                  <a:pt x="416758" y="4349927"/>
                </a:moveTo>
                <a:lnTo>
                  <a:pt x="416758" y="4362962"/>
                </a:lnTo>
                <a:lnTo>
                  <a:pt x="429793" y="4362962"/>
                </a:lnTo>
                <a:lnTo>
                  <a:pt x="429793" y="4349927"/>
                </a:lnTo>
                <a:close/>
                <a:moveTo>
                  <a:pt x="293478" y="4349704"/>
                </a:moveTo>
                <a:lnTo>
                  <a:pt x="293478" y="4363184"/>
                </a:lnTo>
                <a:lnTo>
                  <a:pt x="306958" y="4363184"/>
                </a:lnTo>
                <a:lnTo>
                  <a:pt x="306958" y="4349704"/>
                </a:lnTo>
                <a:close/>
                <a:moveTo>
                  <a:pt x="170384" y="4349704"/>
                </a:moveTo>
                <a:lnTo>
                  <a:pt x="170384" y="4363184"/>
                </a:lnTo>
                <a:lnTo>
                  <a:pt x="183864" y="4363184"/>
                </a:lnTo>
                <a:lnTo>
                  <a:pt x="183864" y="4349704"/>
                </a:lnTo>
                <a:close/>
                <a:moveTo>
                  <a:pt x="47326" y="4349704"/>
                </a:moveTo>
                <a:lnTo>
                  <a:pt x="47326" y="4363184"/>
                </a:lnTo>
                <a:lnTo>
                  <a:pt x="60806" y="4363184"/>
                </a:lnTo>
                <a:lnTo>
                  <a:pt x="60806" y="4349704"/>
                </a:lnTo>
                <a:close/>
                <a:moveTo>
                  <a:pt x="4484019" y="4233165"/>
                </a:moveTo>
                <a:lnTo>
                  <a:pt x="4484019" y="4233609"/>
                </a:lnTo>
                <a:lnTo>
                  <a:pt x="4484463" y="4233609"/>
                </a:lnTo>
                <a:lnTo>
                  <a:pt x="4484463" y="4233165"/>
                </a:lnTo>
                <a:close/>
                <a:moveTo>
                  <a:pt x="4360961" y="4233165"/>
                </a:moveTo>
                <a:lnTo>
                  <a:pt x="4360961" y="4233609"/>
                </a:lnTo>
                <a:lnTo>
                  <a:pt x="4361405" y="4233609"/>
                </a:lnTo>
                <a:lnTo>
                  <a:pt x="4361405" y="4233165"/>
                </a:lnTo>
                <a:close/>
                <a:moveTo>
                  <a:pt x="4237904" y="4233165"/>
                </a:moveTo>
                <a:lnTo>
                  <a:pt x="4237904" y="4233609"/>
                </a:lnTo>
                <a:lnTo>
                  <a:pt x="4238348" y="4233609"/>
                </a:lnTo>
                <a:lnTo>
                  <a:pt x="4238348" y="4233165"/>
                </a:lnTo>
                <a:close/>
                <a:moveTo>
                  <a:pt x="4114847" y="4233165"/>
                </a:moveTo>
                <a:lnTo>
                  <a:pt x="4114847" y="4233609"/>
                </a:lnTo>
                <a:lnTo>
                  <a:pt x="4115291" y="4233609"/>
                </a:lnTo>
                <a:lnTo>
                  <a:pt x="4115291" y="4233165"/>
                </a:lnTo>
                <a:close/>
                <a:moveTo>
                  <a:pt x="3991789" y="4233165"/>
                </a:moveTo>
                <a:lnTo>
                  <a:pt x="3991789" y="4233609"/>
                </a:lnTo>
                <a:lnTo>
                  <a:pt x="3992234" y="4233609"/>
                </a:lnTo>
                <a:lnTo>
                  <a:pt x="3992234" y="4233165"/>
                </a:lnTo>
                <a:close/>
                <a:moveTo>
                  <a:pt x="3868732" y="4233165"/>
                </a:moveTo>
                <a:lnTo>
                  <a:pt x="3868732" y="4233609"/>
                </a:lnTo>
                <a:lnTo>
                  <a:pt x="3869176" y="4233609"/>
                </a:lnTo>
                <a:lnTo>
                  <a:pt x="3869176" y="4233165"/>
                </a:lnTo>
                <a:close/>
                <a:moveTo>
                  <a:pt x="3745675" y="4233165"/>
                </a:moveTo>
                <a:lnTo>
                  <a:pt x="3745675" y="4233609"/>
                </a:lnTo>
                <a:lnTo>
                  <a:pt x="3746119" y="4233609"/>
                </a:lnTo>
                <a:lnTo>
                  <a:pt x="3746119" y="4233165"/>
                </a:lnTo>
                <a:close/>
                <a:moveTo>
                  <a:pt x="3622395" y="4232979"/>
                </a:moveTo>
                <a:lnTo>
                  <a:pt x="3622395" y="4233831"/>
                </a:lnTo>
                <a:lnTo>
                  <a:pt x="3623247" y="4233831"/>
                </a:lnTo>
                <a:lnTo>
                  <a:pt x="3623247" y="4232979"/>
                </a:lnTo>
                <a:close/>
                <a:moveTo>
                  <a:pt x="3499338" y="4232979"/>
                </a:moveTo>
                <a:lnTo>
                  <a:pt x="3499338" y="4233831"/>
                </a:lnTo>
                <a:lnTo>
                  <a:pt x="3500190" y="4233831"/>
                </a:lnTo>
                <a:lnTo>
                  <a:pt x="3500190" y="4232979"/>
                </a:lnTo>
                <a:close/>
                <a:moveTo>
                  <a:pt x="3376058" y="4232758"/>
                </a:moveTo>
                <a:lnTo>
                  <a:pt x="3376058" y="4234054"/>
                </a:lnTo>
                <a:lnTo>
                  <a:pt x="3377354" y="4234054"/>
                </a:lnTo>
                <a:lnTo>
                  <a:pt x="3377354" y="4232758"/>
                </a:lnTo>
                <a:close/>
                <a:moveTo>
                  <a:pt x="3252779" y="4232536"/>
                </a:moveTo>
                <a:lnTo>
                  <a:pt x="3252779" y="4234276"/>
                </a:lnTo>
                <a:lnTo>
                  <a:pt x="3254519" y="4234276"/>
                </a:lnTo>
                <a:lnTo>
                  <a:pt x="3254519" y="4232536"/>
                </a:lnTo>
                <a:close/>
                <a:moveTo>
                  <a:pt x="3129722" y="4232536"/>
                </a:moveTo>
                <a:lnTo>
                  <a:pt x="3129722" y="4234276"/>
                </a:lnTo>
                <a:lnTo>
                  <a:pt x="3131462" y="4234276"/>
                </a:lnTo>
                <a:lnTo>
                  <a:pt x="3131462" y="4232536"/>
                </a:lnTo>
                <a:close/>
                <a:moveTo>
                  <a:pt x="3006220" y="4232091"/>
                </a:moveTo>
                <a:lnTo>
                  <a:pt x="3006220" y="4234683"/>
                </a:lnTo>
                <a:lnTo>
                  <a:pt x="3008812" y="4234683"/>
                </a:lnTo>
                <a:lnTo>
                  <a:pt x="3008812" y="4232091"/>
                </a:lnTo>
                <a:close/>
                <a:moveTo>
                  <a:pt x="2882940" y="4231868"/>
                </a:moveTo>
                <a:lnTo>
                  <a:pt x="2882940" y="4234905"/>
                </a:lnTo>
                <a:lnTo>
                  <a:pt x="2885977" y="4234905"/>
                </a:lnTo>
                <a:lnTo>
                  <a:pt x="2885977" y="4231868"/>
                </a:lnTo>
                <a:close/>
                <a:moveTo>
                  <a:pt x="2759661" y="4231647"/>
                </a:moveTo>
                <a:lnTo>
                  <a:pt x="2759661" y="4235128"/>
                </a:lnTo>
                <a:lnTo>
                  <a:pt x="2763142" y="4235128"/>
                </a:lnTo>
                <a:lnTo>
                  <a:pt x="2763142" y="4231647"/>
                </a:lnTo>
                <a:close/>
                <a:moveTo>
                  <a:pt x="2636159" y="4231239"/>
                </a:moveTo>
                <a:lnTo>
                  <a:pt x="2636159" y="4235572"/>
                </a:lnTo>
                <a:lnTo>
                  <a:pt x="2640492" y="4235572"/>
                </a:lnTo>
                <a:lnTo>
                  <a:pt x="2640492" y="4231239"/>
                </a:lnTo>
                <a:close/>
                <a:moveTo>
                  <a:pt x="2512880" y="4231017"/>
                </a:moveTo>
                <a:lnTo>
                  <a:pt x="2512880" y="4235794"/>
                </a:lnTo>
                <a:lnTo>
                  <a:pt x="2517657" y="4235794"/>
                </a:lnTo>
                <a:lnTo>
                  <a:pt x="2517657" y="4231017"/>
                </a:lnTo>
                <a:close/>
                <a:moveTo>
                  <a:pt x="2389378" y="4230573"/>
                </a:moveTo>
                <a:lnTo>
                  <a:pt x="2389378" y="4236202"/>
                </a:lnTo>
                <a:lnTo>
                  <a:pt x="2395007" y="4236202"/>
                </a:lnTo>
                <a:lnTo>
                  <a:pt x="2395007" y="4230573"/>
                </a:lnTo>
                <a:close/>
                <a:moveTo>
                  <a:pt x="2265913" y="4230128"/>
                </a:moveTo>
                <a:lnTo>
                  <a:pt x="2265913" y="4236646"/>
                </a:lnTo>
                <a:lnTo>
                  <a:pt x="2272431" y="4236646"/>
                </a:lnTo>
                <a:lnTo>
                  <a:pt x="2272431" y="4230128"/>
                </a:lnTo>
                <a:close/>
                <a:moveTo>
                  <a:pt x="2142412" y="4229721"/>
                </a:moveTo>
                <a:lnTo>
                  <a:pt x="2142412" y="4237090"/>
                </a:lnTo>
                <a:lnTo>
                  <a:pt x="2149781" y="4237090"/>
                </a:lnTo>
                <a:lnTo>
                  <a:pt x="2149781" y="4229721"/>
                </a:lnTo>
                <a:close/>
                <a:moveTo>
                  <a:pt x="2018910" y="4229277"/>
                </a:moveTo>
                <a:lnTo>
                  <a:pt x="2018910" y="4237535"/>
                </a:lnTo>
                <a:lnTo>
                  <a:pt x="2027168" y="4237535"/>
                </a:lnTo>
                <a:lnTo>
                  <a:pt x="2027168" y="4229277"/>
                </a:lnTo>
                <a:close/>
                <a:moveTo>
                  <a:pt x="1895408" y="4228832"/>
                </a:moveTo>
                <a:lnTo>
                  <a:pt x="1895408" y="4237942"/>
                </a:lnTo>
                <a:lnTo>
                  <a:pt x="1904518" y="4237942"/>
                </a:lnTo>
                <a:lnTo>
                  <a:pt x="1904518" y="4228832"/>
                </a:lnTo>
                <a:close/>
                <a:moveTo>
                  <a:pt x="1771906" y="4228387"/>
                </a:moveTo>
                <a:lnTo>
                  <a:pt x="1771906" y="4238386"/>
                </a:lnTo>
                <a:lnTo>
                  <a:pt x="1781905" y="4238386"/>
                </a:lnTo>
                <a:lnTo>
                  <a:pt x="1781905" y="4228387"/>
                </a:lnTo>
                <a:close/>
                <a:moveTo>
                  <a:pt x="1648442" y="4227981"/>
                </a:moveTo>
                <a:lnTo>
                  <a:pt x="1648442" y="4238831"/>
                </a:lnTo>
                <a:lnTo>
                  <a:pt x="1659292" y="4238831"/>
                </a:lnTo>
                <a:lnTo>
                  <a:pt x="1659292" y="4227981"/>
                </a:lnTo>
                <a:close/>
                <a:moveTo>
                  <a:pt x="1524940" y="4227536"/>
                </a:moveTo>
                <a:lnTo>
                  <a:pt x="1524940" y="4239275"/>
                </a:lnTo>
                <a:lnTo>
                  <a:pt x="1536679" y="4239275"/>
                </a:lnTo>
                <a:lnTo>
                  <a:pt x="1536679" y="4227536"/>
                </a:lnTo>
                <a:close/>
                <a:moveTo>
                  <a:pt x="1401438" y="4227092"/>
                </a:moveTo>
                <a:lnTo>
                  <a:pt x="1401438" y="4239683"/>
                </a:lnTo>
                <a:lnTo>
                  <a:pt x="1414029" y="4239683"/>
                </a:lnTo>
                <a:lnTo>
                  <a:pt x="1414029" y="4227092"/>
                </a:lnTo>
                <a:close/>
                <a:moveTo>
                  <a:pt x="1278159" y="4226870"/>
                </a:moveTo>
                <a:lnTo>
                  <a:pt x="1278159" y="4239905"/>
                </a:lnTo>
                <a:lnTo>
                  <a:pt x="1291194" y="4239905"/>
                </a:lnTo>
                <a:lnTo>
                  <a:pt x="1291194" y="4226870"/>
                </a:lnTo>
                <a:close/>
                <a:moveTo>
                  <a:pt x="1154657" y="4226462"/>
                </a:moveTo>
                <a:lnTo>
                  <a:pt x="1154657" y="4240349"/>
                </a:lnTo>
                <a:lnTo>
                  <a:pt x="1168544" y="4240349"/>
                </a:lnTo>
                <a:lnTo>
                  <a:pt x="1168544" y="4226462"/>
                </a:lnTo>
                <a:close/>
                <a:moveTo>
                  <a:pt x="1031378" y="4226240"/>
                </a:moveTo>
                <a:lnTo>
                  <a:pt x="1031378" y="4240571"/>
                </a:lnTo>
                <a:lnTo>
                  <a:pt x="1045709" y="4240571"/>
                </a:lnTo>
                <a:lnTo>
                  <a:pt x="1045709" y="4226240"/>
                </a:lnTo>
                <a:close/>
                <a:moveTo>
                  <a:pt x="908098" y="4226017"/>
                </a:moveTo>
                <a:lnTo>
                  <a:pt x="908098" y="4240793"/>
                </a:lnTo>
                <a:lnTo>
                  <a:pt x="922874" y="4240793"/>
                </a:lnTo>
                <a:lnTo>
                  <a:pt x="922874" y="4226017"/>
                </a:lnTo>
                <a:close/>
                <a:moveTo>
                  <a:pt x="784633" y="4225573"/>
                </a:moveTo>
                <a:lnTo>
                  <a:pt x="784633" y="4241201"/>
                </a:lnTo>
                <a:lnTo>
                  <a:pt x="800261" y="4241201"/>
                </a:lnTo>
                <a:lnTo>
                  <a:pt x="800261" y="4225573"/>
                </a:lnTo>
                <a:close/>
                <a:moveTo>
                  <a:pt x="661539" y="4225573"/>
                </a:moveTo>
                <a:lnTo>
                  <a:pt x="661539" y="4241201"/>
                </a:lnTo>
                <a:lnTo>
                  <a:pt x="677167" y="4241201"/>
                </a:lnTo>
                <a:lnTo>
                  <a:pt x="677167" y="4225573"/>
                </a:lnTo>
                <a:close/>
                <a:moveTo>
                  <a:pt x="538297" y="4225351"/>
                </a:moveTo>
                <a:lnTo>
                  <a:pt x="538297" y="4241423"/>
                </a:lnTo>
                <a:lnTo>
                  <a:pt x="554369" y="4241423"/>
                </a:lnTo>
                <a:lnTo>
                  <a:pt x="554369" y="4225351"/>
                </a:lnTo>
                <a:close/>
                <a:moveTo>
                  <a:pt x="415017" y="4225129"/>
                </a:moveTo>
                <a:lnTo>
                  <a:pt x="415017" y="4241645"/>
                </a:lnTo>
                <a:lnTo>
                  <a:pt x="431533" y="4241645"/>
                </a:lnTo>
                <a:lnTo>
                  <a:pt x="431533" y="4225129"/>
                </a:lnTo>
                <a:close/>
                <a:moveTo>
                  <a:pt x="291738" y="4224943"/>
                </a:moveTo>
                <a:lnTo>
                  <a:pt x="291738" y="4241867"/>
                </a:lnTo>
                <a:lnTo>
                  <a:pt x="308662" y="4241867"/>
                </a:lnTo>
                <a:lnTo>
                  <a:pt x="308662" y="4224943"/>
                </a:lnTo>
                <a:close/>
                <a:moveTo>
                  <a:pt x="168680" y="4224943"/>
                </a:moveTo>
                <a:lnTo>
                  <a:pt x="168680" y="4241867"/>
                </a:lnTo>
                <a:lnTo>
                  <a:pt x="185604" y="4241867"/>
                </a:lnTo>
                <a:lnTo>
                  <a:pt x="185604" y="4224943"/>
                </a:lnTo>
                <a:close/>
                <a:moveTo>
                  <a:pt x="45586" y="4224943"/>
                </a:moveTo>
                <a:lnTo>
                  <a:pt x="45586" y="4241867"/>
                </a:lnTo>
                <a:lnTo>
                  <a:pt x="62510" y="4241867"/>
                </a:lnTo>
                <a:lnTo>
                  <a:pt x="62510" y="4224943"/>
                </a:lnTo>
                <a:close/>
                <a:moveTo>
                  <a:pt x="4484019" y="4110108"/>
                </a:moveTo>
                <a:lnTo>
                  <a:pt x="4484019" y="4110552"/>
                </a:lnTo>
                <a:lnTo>
                  <a:pt x="4484463" y="4110552"/>
                </a:lnTo>
                <a:lnTo>
                  <a:pt x="4484463" y="4110108"/>
                </a:lnTo>
                <a:close/>
                <a:moveTo>
                  <a:pt x="4360961" y="4110108"/>
                </a:moveTo>
                <a:lnTo>
                  <a:pt x="4360961" y="4110552"/>
                </a:lnTo>
                <a:lnTo>
                  <a:pt x="4361405" y="4110552"/>
                </a:lnTo>
                <a:lnTo>
                  <a:pt x="4361405" y="4110108"/>
                </a:lnTo>
                <a:close/>
                <a:moveTo>
                  <a:pt x="4237904" y="4110108"/>
                </a:moveTo>
                <a:lnTo>
                  <a:pt x="4237904" y="4110552"/>
                </a:lnTo>
                <a:lnTo>
                  <a:pt x="4238348" y="4110552"/>
                </a:lnTo>
                <a:lnTo>
                  <a:pt x="4238348" y="4110108"/>
                </a:lnTo>
                <a:close/>
                <a:moveTo>
                  <a:pt x="4114847" y="4110108"/>
                </a:moveTo>
                <a:lnTo>
                  <a:pt x="4114847" y="4110552"/>
                </a:lnTo>
                <a:lnTo>
                  <a:pt x="4115291" y="4110552"/>
                </a:lnTo>
                <a:lnTo>
                  <a:pt x="4115291" y="4110108"/>
                </a:lnTo>
                <a:close/>
                <a:moveTo>
                  <a:pt x="3991789" y="4110108"/>
                </a:moveTo>
                <a:lnTo>
                  <a:pt x="3991789" y="4110552"/>
                </a:lnTo>
                <a:lnTo>
                  <a:pt x="3992234" y="4110552"/>
                </a:lnTo>
                <a:lnTo>
                  <a:pt x="3992234" y="4110108"/>
                </a:lnTo>
                <a:close/>
                <a:moveTo>
                  <a:pt x="3868732" y="4110108"/>
                </a:moveTo>
                <a:lnTo>
                  <a:pt x="3868732" y="4110552"/>
                </a:lnTo>
                <a:lnTo>
                  <a:pt x="3869176" y="4110552"/>
                </a:lnTo>
                <a:lnTo>
                  <a:pt x="3869176" y="4110108"/>
                </a:lnTo>
                <a:close/>
                <a:moveTo>
                  <a:pt x="3745675" y="4110108"/>
                </a:moveTo>
                <a:lnTo>
                  <a:pt x="3745675" y="4110552"/>
                </a:lnTo>
                <a:lnTo>
                  <a:pt x="3746119" y="4110552"/>
                </a:lnTo>
                <a:lnTo>
                  <a:pt x="3746119" y="4110108"/>
                </a:lnTo>
                <a:close/>
                <a:moveTo>
                  <a:pt x="3622395" y="4109922"/>
                </a:moveTo>
                <a:lnTo>
                  <a:pt x="3622395" y="4110774"/>
                </a:lnTo>
                <a:lnTo>
                  <a:pt x="3623247" y="4110774"/>
                </a:lnTo>
                <a:lnTo>
                  <a:pt x="3623247" y="4109922"/>
                </a:lnTo>
                <a:close/>
                <a:moveTo>
                  <a:pt x="3499338" y="4109922"/>
                </a:moveTo>
                <a:lnTo>
                  <a:pt x="3499338" y="4110774"/>
                </a:lnTo>
                <a:lnTo>
                  <a:pt x="3500190" y="4110774"/>
                </a:lnTo>
                <a:lnTo>
                  <a:pt x="3500190" y="4109922"/>
                </a:lnTo>
                <a:close/>
                <a:moveTo>
                  <a:pt x="3376058" y="4109700"/>
                </a:moveTo>
                <a:lnTo>
                  <a:pt x="3376058" y="4110996"/>
                </a:lnTo>
                <a:lnTo>
                  <a:pt x="3377354" y="4110996"/>
                </a:lnTo>
                <a:lnTo>
                  <a:pt x="3377354" y="4109700"/>
                </a:lnTo>
                <a:close/>
                <a:moveTo>
                  <a:pt x="3252779" y="4109478"/>
                </a:moveTo>
                <a:lnTo>
                  <a:pt x="3252779" y="4111219"/>
                </a:lnTo>
                <a:lnTo>
                  <a:pt x="3254519" y="4111219"/>
                </a:lnTo>
                <a:lnTo>
                  <a:pt x="3254519" y="4109478"/>
                </a:lnTo>
                <a:close/>
                <a:moveTo>
                  <a:pt x="3129499" y="4109219"/>
                </a:moveTo>
                <a:lnTo>
                  <a:pt x="3129499" y="4111404"/>
                </a:lnTo>
                <a:lnTo>
                  <a:pt x="3131684" y="4111404"/>
                </a:lnTo>
                <a:lnTo>
                  <a:pt x="3131684" y="4109219"/>
                </a:lnTo>
                <a:close/>
                <a:moveTo>
                  <a:pt x="3006220" y="4109034"/>
                </a:moveTo>
                <a:lnTo>
                  <a:pt x="3006220" y="4111626"/>
                </a:lnTo>
                <a:lnTo>
                  <a:pt x="3008812" y="4111626"/>
                </a:lnTo>
                <a:lnTo>
                  <a:pt x="3008812" y="4109034"/>
                </a:lnTo>
                <a:close/>
                <a:moveTo>
                  <a:pt x="2882718" y="4108589"/>
                </a:moveTo>
                <a:lnTo>
                  <a:pt x="2882718" y="4112070"/>
                </a:lnTo>
                <a:lnTo>
                  <a:pt x="2886199" y="4112070"/>
                </a:lnTo>
                <a:lnTo>
                  <a:pt x="2886199" y="4108589"/>
                </a:lnTo>
                <a:close/>
                <a:moveTo>
                  <a:pt x="2759439" y="4108367"/>
                </a:moveTo>
                <a:lnTo>
                  <a:pt x="2759439" y="4112292"/>
                </a:lnTo>
                <a:lnTo>
                  <a:pt x="2763364" y="4112292"/>
                </a:lnTo>
                <a:lnTo>
                  <a:pt x="2763364" y="4108367"/>
                </a:lnTo>
                <a:close/>
                <a:moveTo>
                  <a:pt x="2635937" y="4107960"/>
                </a:moveTo>
                <a:lnTo>
                  <a:pt x="2635937" y="4112737"/>
                </a:lnTo>
                <a:lnTo>
                  <a:pt x="2640714" y="4112737"/>
                </a:lnTo>
                <a:lnTo>
                  <a:pt x="2640714" y="4107960"/>
                </a:lnTo>
                <a:close/>
                <a:moveTo>
                  <a:pt x="2512472" y="4107515"/>
                </a:moveTo>
                <a:lnTo>
                  <a:pt x="2512472" y="4113144"/>
                </a:lnTo>
                <a:lnTo>
                  <a:pt x="2518101" y="4113144"/>
                </a:lnTo>
                <a:lnTo>
                  <a:pt x="2518101" y="4107515"/>
                </a:lnTo>
                <a:close/>
                <a:moveTo>
                  <a:pt x="2388971" y="4107071"/>
                </a:moveTo>
                <a:lnTo>
                  <a:pt x="2388971" y="4113589"/>
                </a:lnTo>
                <a:lnTo>
                  <a:pt x="2395489" y="4113589"/>
                </a:lnTo>
                <a:lnTo>
                  <a:pt x="2395489" y="4107071"/>
                </a:lnTo>
                <a:close/>
                <a:moveTo>
                  <a:pt x="2265469" y="4106664"/>
                </a:moveTo>
                <a:lnTo>
                  <a:pt x="2265469" y="4114033"/>
                </a:lnTo>
                <a:lnTo>
                  <a:pt x="2272838" y="4114033"/>
                </a:lnTo>
                <a:lnTo>
                  <a:pt x="2272838" y="4106664"/>
                </a:lnTo>
                <a:close/>
                <a:moveTo>
                  <a:pt x="2141745" y="4105959"/>
                </a:moveTo>
                <a:lnTo>
                  <a:pt x="2141745" y="4114662"/>
                </a:lnTo>
                <a:lnTo>
                  <a:pt x="2150447" y="4114662"/>
                </a:lnTo>
                <a:lnTo>
                  <a:pt x="2150447" y="4105959"/>
                </a:lnTo>
                <a:close/>
                <a:moveTo>
                  <a:pt x="2018243" y="4105553"/>
                </a:moveTo>
                <a:lnTo>
                  <a:pt x="2018243" y="4115107"/>
                </a:lnTo>
                <a:lnTo>
                  <a:pt x="2027797" y="4115107"/>
                </a:lnTo>
                <a:lnTo>
                  <a:pt x="2027797" y="4105553"/>
                </a:lnTo>
                <a:close/>
                <a:moveTo>
                  <a:pt x="1894779" y="4105145"/>
                </a:moveTo>
                <a:lnTo>
                  <a:pt x="1894779" y="4115551"/>
                </a:lnTo>
                <a:lnTo>
                  <a:pt x="1905185" y="4115551"/>
                </a:lnTo>
                <a:lnTo>
                  <a:pt x="1905185" y="4105145"/>
                </a:lnTo>
                <a:close/>
                <a:moveTo>
                  <a:pt x="1771055" y="4104442"/>
                </a:moveTo>
                <a:lnTo>
                  <a:pt x="1771055" y="4116181"/>
                </a:lnTo>
                <a:lnTo>
                  <a:pt x="1782794" y="4116181"/>
                </a:lnTo>
                <a:lnTo>
                  <a:pt x="1782794" y="4104442"/>
                </a:lnTo>
                <a:close/>
                <a:moveTo>
                  <a:pt x="1647553" y="4104034"/>
                </a:moveTo>
                <a:lnTo>
                  <a:pt x="1647553" y="4116625"/>
                </a:lnTo>
                <a:lnTo>
                  <a:pt x="1660144" y="4116625"/>
                </a:lnTo>
                <a:lnTo>
                  <a:pt x="1660144" y="4104034"/>
                </a:lnTo>
                <a:close/>
                <a:moveTo>
                  <a:pt x="1523829" y="4103405"/>
                </a:moveTo>
                <a:lnTo>
                  <a:pt x="1523829" y="4117292"/>
                </a:lnTo>
                <a:lnTo>
                  <a:pt x="1537716" y="4117292"/>
                </a:lnTo>
                <a:lnTo>
                  <a:pt x="1537716" y="4103405"/>
                </a:lnTo>
                <a:close/>
                <a:moveTo>
                  <a:pt x="1400364" y="4102960"/>
                </a:moveTo>
                <a:lnTo>
                  <a:pt x="1400364" y="4117736"/>
                </a:lnTo>
                <a:lnTo>
                  <a:pt x="1415140" y="4117736"/>
                </a:lnTo>
                <a:lnTo>
                  <a:pt x="1415140" y="4102960"/>
                </a:lnTo>
                <a:close/>
                <a:moveTo>
                  <a:pt x="1276863" y="4102515"/>
                </a:moveTo>
                <a:lnTo>
                  <a:pt x="1276863" y="4118143"/>
                </a:lnTo>
                <a:lnTo>
                  <a:pt x="1292490" y="4118143"/>
                </a:lnTo>
                <a:lnTo>
                  <a:pt x="1292490" y="4102515"/>
                </a:lnTo>
                <a:close/>
                <a:moveTo>
                  <a:pt x="1153361" y="4102072"/>
                </a:moveTo>
                <a:lnTo>
                  <a:pt x="1153361" y="4118588"/>
                </a:lnTo>
                <a:lnTo>
                  <a:pt x="1169877" y="4118588"/>
                </a:lnTo>
                <a:lnTo>
                  <a:pt x="1169877" y="4102072"/>
                </a:lnTo>
                <a:close/>
                <a:moveTo>
                  <a:pt x="1029859" y="4101664"/>
                </a:moveTo>
                <a:lnTo>
                  <a:pt x="1029859" y="4119032"/>
                </a:lnTo>
                <a:lnTo>
                  <a:pt x="1047227" y="4119032"/>
                </a:lnTo>
                <a:lnTo>
                  <a:pt x="1047227" y="4101664"/>
                </a:lnTo>
                <a:close/>
                <a:moveTo>
                  <a:pt x="906358" y="4101183"/>
                </a:moveTo>
                <a:lnTo>
                  <a:pt x="906358" y="4119440"/>
                </a:lnTo>
                <a:lnTo>
                  <a:pt x="924615" y="4119440"/>
                </a:lnTo>
                <a:lnTo>
                  <a:pt x="924615" y="4101183"/>
                </a:lnTo>
                <a:close/>
                <a:moveTo>
                  <a:pt x="783078" y="4100998"/>
                </a:moveTo>
                <a:lnTo>
                  <a:pt x="783078" y="4119662"/>
                </a:lnTo>
                <a:lnTo>
                  <a:pt x="801742" y="4119662"/>
                </a:lnTo>
                <a:lnTo>
                  <a:pt x="801742" y="4100998"/>
                </a:lnTo>
                <a:close/>
                <a:moveTo>
                  <a:pt x="659613" y="4100553"/>
                </a:moveTo>
                <a:lnTo>
                  <a:pt x="659613" y="4120106"/>
                </a:lnTo>
                <a:lnTo>
                  <a:pt x="679166" y="4120106"/>
                </a:lnTo>
                <a:lnTo>
                  <a:pt x="679166" y="4100553"/>
                </a:lnTo>
                <a:close/>
                <a:moveTo>
                  <a:pt x="536334" y="4100331"/>
                </a:moveTo>
                <a:lnTo>
                  <a:pt x="536334" y="4120328"/>
                </a:lnTo>
                <a:lnTo>
                  <a:pt x="556331" y="4120328"/>
                </a:lnTo>
                <a:lnTo>
                  <a:pt x="556331" y="4100331"/>
                </a:lnTo>
                <a:close/>
                <a:moveTo>
                  <a:pt x="413054" y="4100146"/>
                </a:moveTo>
                <a:lnTo>
                  <a:pt x="413054" y="4120551"/>
                </a:lnTo>
                <a:lnTo>
                  <a:pt x="433459" y="4120551"/>
                </a:lnTo>
                <a:lnTo>
                  <a:pt x="433459" y="4100146"/>
                </a:lnTo>
                <a:close/>
                <a:moveTo>
                  <a:pt x="43882" y="4100146"/>
                </a:moveTo>
                <a:lnTo>
                  <a:pt x="43882" y="4120551"/>
                </a:lnTo>
                <a:lnTo>
                  <a:pt x="64287" y="4120551"/>
                </a:lnTo>
                <a:lnTo>
                  <a:pt x="64287" y="4100146"/>
                </a:lnTo>
                <a:close/>
                <a:moveTo>
                  <a:pt x="289775" y="4099924"/>
                </a:moveTo>
                <a:lnTo>
                  <a:pt x="289775" y="4120773"/>
                </a:lnTo>
                <a:lnTo>
                  <a:pt x="310624" y="4120773"/>
                </a:lnTo>
                <a:lnTo>
                  <a:pt x="310624" y="4099924"/>
                </a:lnTo>
                <a:close/>
                <a:moveTo>
                  <a:pt x="166718" y="4099924"/>
                </a:moveTo>
                <a:lnTo>
                  <a:pt x="166718" y="4120773"/>
                </a:lnTo>
                <a:lnTo>
                  <a:pt x="187567" y="4120773"/>
                </a:lnTo>
                <a:lnTo>
                  <a:pt x="187567" y="4099924"/>
                </a:lnTo>
                <a:close/>
                <a:moveTo>
                  <a:pt x="4484019" y="3987051"/>
                </a:moveTo>
                <a:lnTo>
                  <a:pt x="4484019" y="3987495"/>
                </a:lnTo>
                <a:lnTo>
                  <a:pt x="4484463" y="3987495"/>
                </a:lnTo>
                <a:lnTo>
                  <a:pt x="4484463" y="3987051"/>
                </a:lnTo>
                <a:close/>
                <a:moveTo>
                  <a:pt x="4360961" y="3987051"/>
                </a:moveTo>
                <a:lnTo>
                  <a:pt x="4360961" y="3987495"/>
                </a:lnTo>
                <a:lnTo>
                  <a:pt x="4361405" y="3987495"/>
                </a:lnTo>
                <a:lnTo>
                  <a:pt x="4361405" y="3987051"/>
                </a:lnTo>
                <a:close/>
                <a:moveTo>
                  <a:pt x="4237904" y="3987051"/>
                </a:moveTo>
                <a:lnTo>
                  <a:pt x="4237904" y="3987495"/>
                </a:lnTo>
                <a:lnTo>
                  <a:pt x="4238348" y="3987495"/>
                </a:lnTo>
                <a:lnTo>
                  <a:pt x="4238348" y="3987051"/>
                </a:lnTo>
                <a:close/>
                <a:moveTo>
                  <a:pt x="4114847" y="3987051"/>
                </a:moveTo>
                <a:lnTo>
                  <a:pt x="4114847" y="3987495"/>
                </a:lnTo>
                <a:lnTo>
                  <a:pt x="4115291" y="3987495"/>
                </a:lnTo>
                <a:lnTo>
                  <a:pt x="4115291" y="3987051"/>
                </a:lnTo>
                <a:close/>
                <a:moveTo>
                  <a:pt x="3991789" y="3987051"/>
                </a:moveTo>
                <a:lnTo>
                  <a:pt x="3991789" y="3987495"/>
                </a:lnTo>
                <a:lnTo>
                  <a:pt x="3992234" y="3987495"/>
                </a:lnTo>
                <a:lnTo>
                  <a:pt x="3992234" y="3987051"/>
                </a:lnTo>
                <a:close/>
                <a:moveTo>
                  <a:pt x="3868732" y="3987051"/>
                </a:moveTo>
                <a:lnTo>
                  <a:pt x="3868732" y="3987495"/>
                </a:lnTo>
                <a:lnTo>
                  <a:pt x="3869176" y="3987495"/>
                </a:lnTo>
                <a:lnTo>
                  <a:pt x="3869176" y="3987051"/>
                </a:lnTo>
                <a:close/>
                <a:moveTo>
                  <a:pt x="3745453" y="3986865"/>
                </a:moveTo>
                <a:lnTo>
                  <a:pt x="3745453" y="3987717"/>
                </a:lnTo>
                <a:lnTo>
                  <a:pt x="3746305" y="3987717"/>
                </a:lnTo>
                <a:lnTo>
                  <a:pt x="3746305" y="3986865"/>
                </a:lnTo>
                <a:close/>
                <a:moveTo>
                  <a:pt x="3622395" y="3986865"/>
                </a:moveTo>
                <a:lnTo>
                  <a:pt x="3622395" y="3987717"/>
                </a:lnTo>
                <a:lnTo>
                  <a:pt x="3623247" y="3987717"/>
                </a:lnTo>
                <a:lnTo>
                  <a:pt x="3623247" y="3986865"/>
                </a:lnTo>
                <a:close/>
                <a:moveTo>
                  <a:pt x="3499116" y="3986643"/>
                </a:moveTo>
                <a:lnTo>
                  <a:pt x="3499116" y="3987939"/>
                </a:lnTo>
                <a:lnTo>
                  <a:pt x="3500412" y="3987939"/>
                </a:lnTo>
                <a:lnTo>
                  <a:pt x="3500412" y="3986643"/>
                </a:lnTo>
                <a:close/>
                <a:moveTo>
                  <a:pt x="3376058" y="3986643"/>
                </a:moveTo>
                <a:lnTo>
                  <a:pt x="3376058" y="3987939"/>
                </a:lnTo>
                <a:lnTo>
                  <a:pt x="3377354" y="3987939"/>
                </a:lnTo>
                <a:lnTo>
                  <a:pt x="3377354" y="3986643"/>
                </a:lnTo>
                <a:close/>
                <a:moveTo>
                  <a:pt x="3252779" y="3986421"/>
                </a:moveTo>
                <a:lnTo>
                  <a:pt x="3252779" y="3988161"/>
                </a:lnTo>
                <a:lnTo>
                  <a:pt x="3254519" y="3988161"/>
                </a:lnTo>
                <a:lnTo>
                  <a:pt x="3254519" y="3986421"/>
                </a:lnTo>
                <a:close/>
                <a:moveTo>
                  <a:pt x="3129277" y="3985977"/>
                </a:moveTo>
                <a:lnTo>
                  <a:pt x="3129277" y="3988569"/>
                </a:lnTo>
                <a:lnTo>
                  <a:pt x="3131869" y="3988569"/>
                </a:lnTo>
                <a:lnTo>
                  <a:pt x="3131869" y="3985977"/>
                </a:lnTo>
                <a:close/>
                <a:moveTo>
                  <a:pt x="3005998" y="3985754"/>
                </a:moveTo>
                <a:lnTo>
                  <a:pt x="3005998" y="3988791"/>
                </a:lnTo>
                <a:lnTo>
                  <a:pt x="3009035" y="3988791"/>
                </a:lnTo>
                <a:lnTo>
                  <a:pt x="3009035" y="3985754"/>
                </a:lnTo>
                <a:close/>
                <a:moveTo>
                  <a:pt x="2882496" y="3985310"/>
                </a:moveTo>
                <a:lnTo>
                  <a:pt x="2882496" y="3989235"/>
                </a:lnTo>
                <a:lnTo>
                  <a:pt x="2886421" y="3989235"/>
                </a:lnTo>
                <a:lnTo>
                  <a:pt x="2886421" y="3985310"/>
                </a:lnTo>
                <a:close/>
                <a:moveTo>
                  <a:pt x="2759216" y="3985124"/>
                </a:moveTo>
                <a:lnTo>
                  <a:pt x="2759216" y="3989457"/>
                </a:lnTo>
                <a:lnTo>
                  <a:pt x="2763549" y="3989457"/>
                </a:lnTo>
                <a:lnTo>
                  <a:pt x="2763549" y="3985124"/>
                </a:lnTo>
                <a:close/>
                <a:moveTo>
                  <a:pt x="2635715" y="3984643"/>
                </a:moveTo>
                <a:lnTo>
                  <a:pt x="2635715" y="3989865"/>
                </a:lnTo>
                <a:lnTo>
                  <a:pt x="2640936" y="3989865"/>
                </a:lnTo>
                <a:lnTo>
                  <a:pt x="2640936" y="3984643"/>
                </a:lnTo>
                <a:close/>
                <a:moveTo>
                  <a:pt x="2512028" y="3984013"/>
                </a:moveTo>
                <a:lnTo>
                  <a:pt x="2512028" y="3990531"/>
                </a:lnTo>
                <a:lnTo>
                  <a:pt x="2518546" y="3990531"/>
                </a:lnTo>
                <a:lnTo>
                  <a:pt x="2518546" y="3984013"/>
                </a:lnTo>
                <a:close/>
                <a:moveTo>
                  <a:pt x="2388526" y="3983607"/>
                </a:moveTo>
                <a:lnTo>
                  <a:pt x="2388526" y="3990976"/>
                </a:lnTo>
                <a:lnTo>
                  <a:pt x="2395895" y="3990976"/>
                </a:lnTo>
                <a:lnTo>
                  <a:pt x="2395895" y="3983607"/>
                </a:lnTo>
                <a:close/>
                <a:moveTo>
                  <a:pt x="2264802" y="3982902"/>
                </a:moveTo>
                <a:lnTo>
                  <a:pt x="2264802" y="3991605"/>
                </a:lnTo>
                <a:lnTo>
                  <a:pt x="2273504" y="3991605"/>
                </a:lnTo>
                <a:lnTo>
                  <a:pt x="2273504" y="3982902"/>
                </a:lnTo>
                <a:close/>
                <a:moveTo>
                  <a:pt x="2141301" y="3982496"/>
                </a:moveTo>
                <a:lnTo>
                  <a:pt x="2141301" y="3992050"/>
                </a:lnTo>
                <a:lnTo>
                  <a:pt x="2150855" y="3992050"/>
                </a:lnTo>
                <a:lnTo>
                  <a:pt x="2150855" y="3982496"/>
                </a:lnTo>
                <a:close/>
                <a:moveTo>
                  <a:pt x="2017614" y="3981866"/>
                </a:moveTo>
                <a:lnTo>
                  <a:pt x="2017614" y="3992716"/>
                </a:lnTo>
                <a:lnTo>
                  <a:pt x="2028464" y="3992716"/>
                </a:lnTo>
                <a:lnTo>
                  <a:pt x="2028464" y="3981866"/>
                </a:lnTo>
                <a:close/>
                <a:moveTo>
                  <a:pt x="1893890" y="3981200"/>
                </a:moveTo>
                <a:lnTo>
                  <a:pt x="1893890" y="3993346"/>
                </a:lnTo>
                <a:lnTo>
                  <a:pt x="1906037" y="3993346"/>
                </a:lnTo>
                <a:lnTo>
                  <a:pt x="1906037" y="3981200"/>
                </a:lnTo>
                <a:close/>
                <a:moveTo>
                  <a:pt x="1770166" y="3980532"/>
                </a:moveTo>
                <a:lnTo>
                  <a:pt x="1770166" y="3994012"/>
                </a:lnTo>
                <a:lnTo>
                  <a:pt x="1783646" y="3994012"/>
                </a:lnTo>
                <a:lnTo>
                  <a:pt x="1783646" y="3980532"/>
                </a:lnTo>
                <a:close/>
                <a:moveTo>
                  <a:pt x="1646479" y="3979866"/>
                </a:moveTo>
                <a:lnTo>
                  <a:pt x="1646479" y="3994642"/>
                </a:lnTo>
                <a:lnTo>
                  <a:pt x="1661255" y="3994642"/>
                </a:lnTo>
                <a:lnTo>
                  <a:pt x="1661255" y="3979866"/>
                </a:lnTo>
                <a:close/>
                <a:moveTo>
                  <a:pt x="1522755" y="3979236"/>
                </a:moveTo>
                <a:lnTo>
                  <a:pt x="1522755" y="3995308"/>
                </a:lnTo>
                <a:lnTo>
                  <a:pt x="1538827" y="3995308"/>
                </a:lnTo>
                <a:lnTo>
                  <a:pt x="1538827" y="3979236"/>
                </a:lnTo>
                <a:close/>
                <a:moveTo>
                  <a:pt x="1399031" y="3978607"/>
                </a:moveTo>
                <a:lnTo>
                  <a:pt x="1399031" y="3995975"/>
                </a:lnTo>
                <a:lnTo>
                  <a:pt x="1416399" y="3995975"/>
                </a:lnTo>
                <a:lnTo>
                  <a:pt x="1416399" y="3978607"/>
                </a:lnTo>
                <a:close/>
                <a:moveTo>
                  <a:pt x="1275567" y="3978125"/>
                </a:moveTo>
                <a:lnTo>
                  <a:pt x="1275567" y="3996382"/>
                </a:lnTo>
                <a:lnTo>
                  <a:pt x="1293824" y="3996382"/>
                </a:lnTo>
                <a:lnTo>
                  <a:pt x="1293824" y="3978125"/>
                </a:lnTo>
                <a:close/>
                <a:moveTo>
                  <a:pt x="1151843" y="3977496"/>
                </a:moveTo>
                <a:lnTo>
                  <a:pt x="1151843" y="3997049"/>
                </a:lnTo>
                <a:lnTo>
                  <a:pt x="1171396" y="3997049"/>
                </a:lnTo>
                <a:lnTo>
                  <a:pt x="1171396" y="3977496"/>
                </a:lnTo>
                <a:close/>
                <a:moveTo>
                  <a:pt x="1028341" y="3977088"/>
                </a:moveTo>
                <a:lnTo>
                  <a:pt x="1028341" y="3997493"/>
                </a:lnTo>
                <a:lnTo>
                  <a:pt x="1048746" y="3997493"/>
                </a:lnTo>
                <a:lnTo>
                  <a:pt x="1048746" y="3977088"/>
                </a:lnTo>
                <a:close/>
                <a:moveTo>
                  <a:pt x="904839" y="3976608"/>
                </a:moveTo>
                <a:lnTo>
                  <a:pt x="904839" y="3997901"/>
                </a:lnTo>
                <a:lnTo>
                  <a:pt x="926132" y="3997901"/>
                </a:lnTo>
                <a:lnTo>
                  <a:pt x="926132" y="3976608"/>
                </a:lnTo>
                <a:close/>
                <a:moveTo>
                  <a:pt x="781375" y="3976200"/>
                </a:moveTo>
                <a:lnTo>
                  <a:pt x="781375" y="3998345"/>
                </a:lnTo>
                <a:lnTo>
                  <a:pt x="803520" y="3998345"/>
                </a:lnTo>
                <a:lnTo>
                  <a:pt x="803520" y="3976200"/>
                </a:lnTo>
                <a:close/>
                <a:moveTo>
                  <a:pt x="657873" y="3975755"/>
                </a:moveTo>
                <a:lnTo>
                  <a:pt x="657873" y="3998789"/>
                </a:lnTo>
                <a:lnTo>
                  <a:pt x="680907" y="3998789"/>
                </a:lnTo>
                <a:lnTo>
                  <a:pt x="680907" y="3975755"/>
                </a:lnTo>
                <a:close/>
                <a:moveTo>
                  <a:pt x="534593" y="3975571"/>
                </a:moveTo>
                <a:lnTo>
                  <a:pt x="534593" y="3999012"/>
                </a:lnTo>
                <a:lnTo>
                  <a:pt x="558034" y="3999012"/>
                </a:lnTo>
                <a:lnTo>
                  <a:pt x="558034" y="3975571"/>
                </a:lnTo>
                <a:close/>
                <a:moveTo>
                  <a:pt x="411314" y="3975348"/>
                </a:moveTo>
                <a:lnTo>
                  <a:pt x="411314" y="3999234"/>
                </a:lnTo>
                <a:lnTo>
                  <a:pt x="435200" y="3999234"/>
                </a:lnTo>
                <a:lnTo>
                  <a:pt x="435200" y="3975348"/>
                </a:lnTo>
                <a:close/>
                <a:moveTo>
                  <a:pt x="41920" y="3975089"/>
                </a:moveTo>
                <a:lnTo>
                  <a:pt x="41920" y="3999419"/>
                </a:lnTo>
                <a:lnTo>
                  <a:pt x="66250" y="3999419"/>
                </a:lnTo>
                <a:lnTo>
                  <a:pt x="66250" y="3975089"/>
                </a:lnTo>
                <a:close/>
                <a:moveTo>
                  <a:pt x="287812" y="3974867"/>
                </a:moveTo>
                <a:lnTo>
                  <a:pt x="287812" y="3999641"/>
                </a:lnTo>
                <a:lnTo>
                  <a:pt x="312586" y="3999641"/>
                </a:lnTo>
                <a:lnTo>
                  <a:pt x="312586" y="3974867"/>
                </a:lnTo>
                <a:close/>
                <a:moveTo>
                  <a:pt x="164755" y="3974867"/>
                </a:moveTo>
                <a:lnTo>
                  <a:pt x="164755" y="3999641"/>
                </a:lnTo>
                <a:lnTo>
                  <a:pt x="189529" y="3999641"/>
                </a:lnTo>
                <a:lnTo>
                  <a:pt x="189529" y="3974867"/>
                </a:lnTo>
                <a:close/>
                <a:moveTo>
                  <a:pt x="4484019" y="3863993"/>
                </a:moveTo>
                <a:lnTo>
                  <a:pt x="4484019" y="3864437"/>
                </a:lnTo>
                <a:lnTo>
                  <a:pt x="4484463" y="3864437"/>
                </a:lnTo>
                <a:lnTo>
                  <a:pt x="4484463" y="3863993"/>
                </a:lnTo>
                <a:close/>
                <a:moveTo>
                  <a:pt x="4360961" y="3863993"/>
                </a:moveTo>
                <a:lnTo>
                  <a:pt x="4360961" y="3864437"/>
                </a:lnTo>
                <a:lnTo>
                  <a:pt x="4361405" y="3864437"/>
                </a:lnTo>
                <a:lnTo>
                  <a:pt x="4361405" y="3863993"/>
                </a:lnTo>
                <a:close/>
                <a:moveTo>
                  <a:pt x="4237904" y="3863993"/>
                </a:moveTo>
                <a:lnTo>
                  <a:pt x="4237904" y="3864437"/>
                </a:lnTo>
                <a:lnTo>
                  <a:pt x="4238348" y="3864437"/>
                </a:lnTo>
                <a:lnTo>
                  <a:pt x="4238348" y="3863993"/>
                </a:lnTo>
                <a:close/>
                <a:moveTo>
                  <a:pt x="4114847" y="3863993"/>
                </a:moveTo>
                <a:lnTo>
                  <a:pt x="4114847" y="3864437"/>
                </a:lnTo>
                <a:lnTo>
                  <a:pt x="4115291" y="3864437"/>
                </a:lnTo>
                <a:lnTo>
                  <a:pt x="4115291" y="3863993"/>
                </a:lnTo>
                <a:close/>
                <a:moveTo>
                  <a:pt x="3991789" y="3863993"/>
                </a:moveTo>
                <a:lnTo>
                  <a:pt x="3991789" y="3864437"/>
                </a:lnTo>
                <a:lnTo>
                  <a:pt x="3992234" y="3864437"/>
                </a:lnTo>
                <a:lnTo>
                  <a:pt x="3992234" y="3863993"/>
                </a:lnTo>
                <a:close/>
                <a:moveTo>
                  <a:pt x="3868732" y="3863993"/>
                </a:moveTo>
                <a:lnTo>
                  <a:pt x="3868732" y="3864437"/>
                </a:lnTo>
                <a:lnTo>
                  <a:pt x="3869176" y="3864437"/>
                </a:lnTo>
                <a:lnTo>
                  <a:pt x="3869176" y="3863993"/>
                </a:lnTo>
                <a:close/>
                <a:moveTo>
                  <a:pt x="3745453" y="3863807"/>
                </a:moveTo>
                <a:lnTo>
                  <a:pt x="3745453" y="3864659"/>
                </a:lnTo>
                <a:lnTo>
                  <a:pt x="3746305" y="3864659"/>
                </a:lnTo>
                <a:lnTo>
                  <a:pt x="3746305" y="3863807"/>
                </a:lnTo>
                <a:close/>
                <a:moveTo>
                  <a:pt x="3622395" y="3863807"/>
                </a:moveTo>
                <a:lnTo>
                  <a:pt x="3622395" y="3864659"/>
                </a:lnTo>
                <a:lnTo>
                  <a:pt x="3623247" y="3864659"/>
                </a:lnTo>
                <a:lnTo>
                  <a:pt x="3623247" y="3863807"/>
                </a:lnTo>
                <a:close/>
                <a:moveTo>
                  <a:pt x="3499116" y="3863586"/>
                </a:moveTo>
                <a:lnTo>
                  <a:pt x="3499116" y="3864882"/>
                </a:lnTo>
                <a:lnTo>
                  <a:pt x="3500412" y="3864882"/>
                </a:lnTo>
                <a:lnTo>
                  <a:pt x="3500412" y="3863586"/>
                </a:lnTo>
                <a:close/>
                <a:moveTo>
                  <a:pt x="3375836" y="3863326"/>
                </a:moveTo>
                <a:lnTo>
                  <a:pt x="3375836" y="3865067"/>
                </a:lnTo>
                <a:lnTo>
                  <a:pt x="3377576" y="3865067"/>
                </a:lnTo>
                <a:lnTo>
                  <a:pt x="3377576" y="3863326"/>
                </a:lnTo>
                <a:close/>
                <a:moveTo>
                  <a:pt x="3252557" y="3863104"/>
                </a:moveTo>
                <a:lnTo>
                  <a:pt x="3252557" y="3865289"/>
                </a:lnTo>
                <a:lnTo>
                  <a:pt x="3254742" y="3865289"/>
                </a:lnTo>
                <a:lnTo>
                  <a:pt x="3254742" y="3863104"/>
                </a:lnTo>
                <a:close/>
                <a:moveTo>
                  <a:pt x="3129277" y="3862919"/>
                </a:moveTo>
                <a:lnTo>
                  <a:pt x="3129277" y="3865511"/>
                </a:lnTo>
                <a:lnTo>
                  <a:pt x="3131869" y="3865511"/>
                </a:lnTo>
                <a:lnTo>
                  <a:pt x="3131869" y="3862919"/>
                </a:lnTo>
                <a:close/>
                <a:moveTo>
                  <a:pt x="3005776" y="3862475"/>
                </a:moveTo>
                <a:lnTo>
                  <a:pt x="3005776" y="3865956"/>
                </a:lnTo>
                <a:lnTo>
                  <a:pt x="3009257" y="3865956"/>
                </a:lnTo>
                <a:lnTo>
                  <a:pt x="3009257" y="3862475"/>
                </a:lnTo>
                <a:close/>
                <a:moveTo>
                  <a:pt x="2882496" y="3862253"/>
                </a:moveTo>
                <a:lnTo>
                  <a:pt x="2882496" y="3866178"/>
                </a:lnTo>
                <a:lnTo>
                  <a:pt x="2886421" y="3866178"/>
                </a:lnTo>
                <a:lnTo>
                  <a:pt x="2886421" y="3862253"/>
                </a:lnTo>
                <a:close/>
                <a:moveTo>
                  <a:pt x="2758994" y="3861808"/>
                </a:moveTo>
                <a:lnTo>
                  <a:pt x="2758994" y="3866585"/>
                </a:lnTo>
                <a:lnTo>
                  <a:pt x="2763771" y="3866585"/>
                </a:lnTo>
                <a:lnTo>
                  <a:pt x="2763771" y="3861808"/>
                </a:lnTo>
                <a:close/>
                <a:moveTo>
                  <a:pt x="2635307" y="3861179"/>
                </a:moveTo>
                <a:lnTo>
                  <a:pt x="2635307" y="3867252"/>
                </a:lnTo>
                <a:lnTo>
                  <a:pt x="2641380" y="3867252"/>
                </a:lnTo>
                <a:lnTo>
                  <a:pt x="2641380" y="3861179"/>
                </a:lnTo>
                <a:close/>
                <a:moveTo>
                  <a:pt x="2511806" y="3860734"/>
                </a:moveTo>
                <a:lnTo>
                  <a:pt x="2511806" y="3867696"/>
                </a:lnTo>
                <a:lnTo>
                  <a:pt x="2518768" y="3867696"/>
                </a:lnTo>
                <a:lnTo>
                  <a:pt x="2518768" y="3860734"/>
                </a:lnTo>
                <a:close/>
                <a:moveTo>
                  <a:pt x="2388082" y="3860068"/>
                </a:moveTo>
                <a:lnTo>
                  <a:pt x="2388082" y="3868326"/>
                </a:lnTo>
                <a:lnTo>
                  <a:pt x="2396340" y="3868326"/>
                </a:lnTo>
                <a:lnTo>
                  <a:pt x="2396340" y="3860068"/>
                </a:lnTo>
                <a:close/>
                <a:moveTo>
                  <a:pt x="2264395" y="3859438"/>
                </a:moveTo>
                <a:lnTo>
                  <a:pt x="2264395" y="3868992"/>
                </a:lnTo>
                <a:lnTo>
                  <a:pt x="2273949" y="3868992"/>
                </a:lnTo>
                <a:lnTo>
                  <a:pt x="2273949" y="3859438"/>
                </a:lnTo>
                <a:close/>
                <a:moveTo>
                  <a:pt x="2140671" y="3858809"/>
                </a:moveTo>
                <a:lnTo>
                  <a:pt x="2140671" y="3869659"/>
                </a:lnTo>
                <a:lnTo>
                  <a:pt x="2151521" y="3869659"/>
                </a:lnTo>
                <a:lnTo>
                  <a:pt x="2151521" y="3858809"/>
                </a:lnTo>
                <a:close/>
                <a:moveTo>
                  <a:pt x="2016947" y="3858141"/>
                </a:moveTo>
                <a:lnTo>
                  <a:pt x="2016947" y="3870288"/>
                </a:lnTo>
                <a:lnTo>
                  <a:pt x="2029094" y="3870288"/>
                </a:lnTo>
                <a:lnTo>
                  <a:pt x="2029094" y="3858141"/>
                </a:lnTo>
                <a:close/>
                <a:moveTo>
                  <a:pt x="1893038" y="3857290"/>
                </a:moveTo>
                <a:lnTo>
                  <a:pt x="1893038" y="3871177"/>
                </a:lnTo>
                <a:lnTo>
                  <a:pt x="1906925" y="3871177"/>
                </a:lnTo>
                <a:lnTo>
                  <a:pt x="1906925" y="3857290"/>
                </a:lnTo>
                <a:close/>
                <a:moveTo>
                  <a:pt x="1769092" y="3856401"/>
                </a:moveTo>
                <a:lnTo>
                  <a:pt x="1769092" y="3872029"/>
                </a:lnTo>
                <a:lnTo>
                  <a:pt x="1784720" y="3872029"/>
                </a:lnTo>
                <a:lnTo>
                  <a:pt x="1784720" y="3856401"/>
                </a:lnTo>
                <a:close/>
                <a:moveTo>
                  <a:pt x="1645368" y="3855771"/>
                </a:moveTo>
                <a:lnTo>
                  <a:pt x="1645368" y="3872695"/>
                </a:lnTo>
                <a:lnTo>
                  <a:pt x="1662292" y="3872695"/>
                </a:lnTo>
                <a:lnTo>
                  <a:pt x="1662292" y="3855771"/>
                </a:lnTo>
                <a:close/>
                <a:moveTo>
                  <a:pt x="1521681" y="3855068"/>
                </a:moveTo>
                <a:lnTo>
                  <a:pt x="1521681" y="3873325"/>
                </a:lnTo>
                <a:lnTo>
                  <a:pt x="1539938" y="3873325"/>
                </a:lnTo>
                <a:lnTo>
                  <a:pt x="1539938" y="3855068"/>
                </a:lnTo>
                <a:close/>
                <a:moveTo>
                  <a:pt x="1397735" y="3854217"/>
                </a:moveTo>
                <a:lnTo>
                  <a:pt x="1397735" y="3874214"/>
                </a:lnTo>
                <a:lnTo>
                  <a:pt x="1417732" y="3874214"/>
                </a:lnTo>
                <a:lnTo>
                  <a:pt x="1417732" y="3854217"/>
                </a:lnTo>
                <a:close/>
                <a:moveTo>
                  <a:pt x="1274048" y="3853550"/>
                </a:moveTo>
                <a:lnTo>
                  <a:pt x="1274048" y="3874843"/>
                </a:lnTo>
                <a:lnTo>
                  <a:pt x="1295341" y="3874843"/>
                </a:lnTo>
                <a:lnTo>
                  <a:pt x="1295341" y="3853550"/>
                </a:lnTo>
                <a:close/>
                <a:moveTo>
                  <a:pt x="1150324" y="3852920"/>
                </a:moveTo>
                <a:lnTo>
                  <a:pt x="1150324" y="3875510"/>
                </a:lnTo>
                <a:lnTo>
                  <a:pt x="1172914" y="3875510"/>
                </a:lnTo>
                <a:lnTo>
                  <a:pt x="1172914" y="3852920"/>
                </a:lnTo>
                <a:close/>
                <a:moveTo>
                  <a:pt x="1026600" y="3852290"/>
                </a:moveTo>
                <a:lnTo>
                  <a:pt x="1026600" y="3876176"/>
                </a:lnTo>
                <a:lnTo>
                  <a:pt x="1050486" y="3876176"/>
                </a:lnTo>
                <a:lnTo>
                  <a:pt x="1050486" y="3852290"/>
                </a:lnTo>
                <a:close/>
                <a:moveTo>
                  <a:pt x="903099" y="3851810"/>
                </a:moveTo>
                <a:lnTo>
                  <a:pt x="903099" y="3876584"/>
                </a:lnTo>
                <a:lnTo>
                  <a:pt x="927873" y="3876584"/>
                </a:lnTo>
                <a:lnTo>
                  <a:pt x="927873" y="3851810"/>
                </a:lnTo>
                <a:close/>
                <a:moveTo>
                  <a:pt x="779412" y="3851179"/>
                </a:moveTo>
                <a:lnTo>
                  <a:pt x="779412" y="3877250"/>
                </a:lnTo>
                <a:lnTo>
                  <a:pt x="805483" y="3877250"/>
                </a:lnTo>
                <a:lnTo>
                  <a:pt x="805483" y="3851179"/>
                </a:lnTo>
                <a:close/>
                <a:moveTo>
                  <a:pt x="655910" y="3850773"/>
                </a:moveTo>
                <a:lnTo>
                  <a:pt x="655910" y="3877695"/>
                </a:lnTo>
                <a:lnTo>
                  <a:pt x="682832" y="3877695"/>
                </a:lnTo>
                <a:lnTo>
                  <a:pt x="682832" y="3850773"/>
                </a:lnTo>
                <a:close/>
                <a:moveTo>
                  <a:pt x="532409" y="3850291"/>
                </a:moveTo>
                <a:lnTo>
                  <a:pt x="532409" y="3878102"/>
                </a:lnTo>
                <a:lnTo>
                  <a:pt x="560220" y="3878102"/>
                </a:lnTo>
                <a:lnTo>
                  <a:pt x="560220" y="3850291"/>
                </a:lnTo>
                <a:close/>
                <a:moveTo>
                  <a:pt x="409129" y="3850106"/>
                </a:moveTo>
                <a:lnTo>
                  <a:pt x="409129" y="3878324"/>
                </a:lnTo>
                <a:lnTo>
                  <a:pt x="437347" y="3878324"/>
                </a:lnTo>
                <a:lnTo>
                  <a:pt x="437347" y="3850106"/>
                </a:lnTo>
                <a:close/>
                <a:moveTo>
                  <a:pt x="285849" y="3849883"/>
                </a:moveTo>
                <a:lnTo>
                  <a:pt x="285849" y="3878546"/>
                </a:lnTo>
                <a:lnTo>
                  <a:pt x="314512" y="3878546"/>
                </a:lnTo>
                <a:lnTo>
                  <a:pt x="314512" y="3849883"/>
                </a:lnTo>
                <a:close/>
                <a:moveTo>
                  <a:pt x="39735" y="3849883"/>
                </a:moveTo>
                <a:lnTo>
                  <a:pt x="39735" y="3878546"/>
                </a:lnTo>
                <a:lnTo>
                  <a:pt x="68398" y="3878546"/>
                </a:lnTo>
                <a:lnTo>
                  <a:pt x="68398" y="3849883"/>
                </a:lnTo>
                <a:close/>
                <a:moveTo>
                  <a:pt x="162570" y="3849662"/>
                </a:moveTo>
                <a:lnTo>
                  <a:pt x="162570" y="3878769"/>
                </a:lnTo>
                <a:lnTo>
                  <a:pt x="191677" y="3878769"/>
                </a:lnTo>
                <a:lnTo>
                  <a:pt x="191677" y="3849662"/>
                </a:lnTo>
                <a:close/>
                <a:moveTo>
                  <a:pt x="4484019" y="3740936"/>
                </a:moveTo>
                <a:lnTo>
                  <a:pt x="4484019" y="3741380"/>
                </a:lnTo>
                <a:lnTo>
                  <a:pt x="4484463" y="3741380"/>
                </a:lnTo>
                <a:lnTo>
                  <a:pt x="4484463" y="3740936"/>
                </a:lnTo>
                <a:close/>
                <a:moveTo>
                  <a:pt x="4360961" y="3740936"/>
                </a:moveTo>
                <a:lnTo>
                  <a:pt x="4360961" y="3741380"/>
                </a:lnTo>
                <a:lnTo>
                  <a:pt x="4361405" y="3741380"/>
                </a:lnTo>
                <a:lnTo>
                  <a:pt x="4361405" y="3740936"/>
                </a:lnTo>
                <a:close/>
                <a:moveTo>
                  <a:pt x="4237904" y="3740936"/>
                </a:moveTo>
                <a:lnTo>
                  <a:pt x="4237904" y="3741380"/>
                </a:lnTo>
                <a:lnTo>
                  <a:pt x="4238348" y="3741380"/>
                </a:lnTo>
                <a:lnTo>
                  <a:pt x="4238348" y="3740936"/>
                </a:lnTo>
                <a:close/>
                <a:moveTo>
                  <a:pt x="4114847" y="3740936"/>
                </a:moveTo>
                <a:lnTo>
                  <a:pt x="4114847" y="3741380"/>
                </a:lnTo>
                <a:lnTo>
                  <a:pt x="4115291" y="3741380"/>
                </a:lnTo>
                <a:lnTo>
                  <a:pt x="4115291" y="3740936"/>
                </a:lnTo>
                <a:close/>
                <a:moveTo>
                  <a:pt x="3991789" y="3740936"/>
                </a:moveTo>
                <a:lnTo>
                  <a:pt x="3991789" y="3741380"/>
                </a:lnTo>
                <a:lnTo>
                  <a:pt x="3992234" y="3741380"/>
                </a:lnTo>
                <a:lnTo>
                  <a:pt x="3992234" y="3740936"/>
                </a:lnTo>
                <a:close/>
                <a:moveTo>
                  <a:pt x="3868732" y="3740936"/>
                </a:moveTo>
                <a:lnTo>
                  <a:pt x="3868732" y="3741380"/>
                </a:lnTo>
                <a:lnTo>
                  <a:pt x="3869176" y="3741380"/>
                </a:lnTo>
                <a:lnTo>
                  <a:pt x="3869176" y="3740936"/>
                </a:lnTo>
                <a:close/>
                <a:moveTo>
                  <a:pt x="3745453" y="3740750"/>
                </a:moveTo>
                <a:lnTo>
                  <a:pt x="3745453" y="3741602"/>
                </a:lnTo>
                <a:lnTo>
                  <a:pt x="3746305" y="3741602"/>
                </a:lnTo>
                <a:lnTo>
                  <a:pt x="3746305" y="3740750"/>
                </a:lnTo>
                <a:close/>
                <a:moveTo>
                  <a:pt x="3622395" y="3740750"/>
                </a:moveTo>
                <a:lnTo>
                  <a:pt x="3622395" y="3741602"/>
                </a:lnTo>
                <a:lnTo>
                  <a:pt x="3623247" y="3741602"/>
                </a:lnTo>
                <a:lnTo>
                  <a:pt x="3623247" y="3740750"/>
                </a:lnTo>
                <a:close/>
                <a:moveTo>
                  <a:pt x="3499116" y="3740491"/>
                </a:moveTo>
                <a:lnTo>
                  <a:pt x="3499116" y="3741787"/>
                </a:lnTo>
                <a:lnTo>
                  <a:pt x="3500412" y="3741787"/>
                </a:lnTo>
                <a:lnTo>
                  <a:pt x="3500412" y="3740491"/>
                </a:lnTo>
                <a:close/>
                <a:moveTo>
                  <a:pt x="3375836" y="3740269"/>
                </a:moveTo>
                <a:lnTo>
                  <a:pt x="3375836" y="3742009"/>
                </a:lnTo>
                <a:lnTo>
                  <a:pt x="3377576" y="3742009"/>
                </a:lnTo>
                <a:lnTo>
                  <a:pt x="3377576" y="3740269"/>
                </a:lnTo>
                <a:close/>
                <a:moveTo>
                  <a:pt x="3252557" y="3740047"/>
                </a:moveTo>
                <a:lnTo>
                  <a:pt x="3252557" y="3742232"/>
                </a:lnTo>
                <a:lnTo>
                  <a:pt x="3254742" y="3742232"/>
                </a:lnTo>
                <a:lnTo>
                  <a:pt x="3254742" y="3740047"/>
                </a:lnTo>
                <a:close/>
                <a:moveTo>
                  <a:pt x="3129055" y="3739639"/>
                </a:moveTo>
                <a:lnTo>
                  <a:pt x="3129055" y="3742676"/>
                </a:lnTo>
                <a:lnTo>
                  <a:pt x="3132092" y="3742676"/>
                </a:lnTo>
                <a:lnTo>
                  <a:pt x="3132092" y="3739639"/>
                </a:lnTo>
                <a:close/>
                <a:moveTo>
                  <a:pt x="3005776" y="3739417"/>
                </a:moveTo>
                <a:lnTo>
                  <a:pt x="3005776" y="3742898"/>
                </a:lnTo>
                <a:lnTo>
                  <a:pt x="3009257" y="3742898"/>
                </a:lnTo>
                <a:lnTo>
                  <a:pt x="3009257" y="3739417"/>
                </a:lnTo>
                <a:close/>
                <a:moveTo>
                  <a:pt x="2882274" y="3739010"/>
                </a:moveTo>
                <a:lnTo>
                  <a:pt x="2882274" y="3743343"/>
                </a:lnTo>
                <a:lnTo>
                  <a:pt x="2886607" y="3743343"/>
                </a:lnTo>
                <a:lnTo>
                  <a:pt x="2886607" y="3739010"/>
                </a:lnTo>
                <a:close/>
                <a:moveTo>
                  <a:pt x="2758587" y="3738343"/>
                </a:moveTo>
                <a:lnTo>
                  <a:pt x="2758587" y="3743972"/>
                </a:lnTo>
                <a:lnTo>
                  <a:pt x="2764216" y="3743972"/>
                </a:lnTo>
                <a:lnTo>
                  <a:pt x="2764216" y="3738343"/>
                </a:lnTo>
                <a:close/>
                <a:moveTo>
                  <a:pt x="2635085" y="3737899"/>
                </a:moveTo>
                <a:lnTo>
                  <a:pt x="2635085" y="3744417"/>
                </a:lnTo>
                <a:lnTo>
                  <a:pt x="2641603" y="3744417"/>
                </a:lnTo>
                <a:lnTo>
                  <a:pt x="2641603" y="3737899"/>
                </a:lnTo>
                <a:close/>
                <a:moveTo>
                  <a:pt x="2511361" y="3737232"/>
                </a:moveTo>
                <a:lnTo>
                  <a:pt x="2511361" y="3745046"/>
                </a:lnTo>
                <a:lnTo>
                  <a:pt x="2519175" y="3745046"/>
                </a:lnTo>
                <a:lnTo>
                  <a:pt x="2519175" y="3737232"/>
                </a:lnTo>
                <a:close/>
                <a:moveTo>
                  <a:pt x="2387674" y="3736603"/>
                </a:moveTo>
                <a:lnTo>
                  <a:pt x="2387674" y="3745713"/>
                </a:lnTo>
                <a:lnTo>
                  <a:pt x="2396784" y="3745713"/>
                </a:lnTo>
                <a:lnTo>
                  <a:pt x="2396784" y="3736603"/>
                </a:lnTo>
                <a:close/>
                <a:moveTo>
                  <a:pt x="2263728" y="3735751"/>
                </a:moveTo>
                <a:lnTo>
                  <a:pt x="2263728" y="3746601"/>
                </a:lnTo>
                <a:lnTo>
                  <a:pt x="2274578" y="3746601"/>
                </a:lnTo>
                <a:lnTo>
                  <a:pt x="2274578" y="3735751"/>
                </a:lnTo>
                <a:close/>
                <a:moveTo>
                  <a:pt x="2140004" y="3735084"/>
                </a:moveTo>
                <a:lnTo>
                  <a:pt x="2140004" y="3747231"/>
                </a:lnTo>
                <a:lnTo>
                  <a:pt x="2152151" y="3747231"/>
                </a:lnTo>
                <a:lnTo>
                  <a:pt x="2152151" y="3735084"/>
                </a:lnTo>
                <a:close/>
                <a:moveTo>
                  <a:pt x="2016095" y="3734233"/>
                </a:moveTo>
                <a:lnTo>
                  <a:pt x="2016095" y="3748120"/>
                </a:lnTo>
                <a:lnTo>
                  <a:pt x="2029982" y="3748120"/>
                </a:lnTo>
                <a:lnTo>
                  <a:pt x="2029982" y="3734233"/>
                </a:lnTo>
                <a:close/>
                <a:moveTo>
                  <a:pt x="1892149" y="3733344"/>
                </a:moveTo>
                <a:lnTo>
                  <a:pt x="1892149" y="3748971"/>
                </a:lnTo>
                <a:lnTo>
                  <a:pt x="1907776" y="3748971"/>
                </a:lnTo>
                <a:lnTo>
                  <a:pt x="1907776" y="3733344"/>
                </a:lnTo>
                <a:close/>
                <a:moveTo>
                  <a:pt x="1768240" y="3732455"/>
                </a:moveTo>
                <a:lnTo>
                  <a:pt x="1768240" y="3749823"/>
                </a:lnTo>
                <a:lnTo>
                  <a:pt x="1785608" y="3749823"/>
                </a:lnTo>
                <a:lnTo>
                  <a:pt x="1785608" y="3732455"/>
                </a:lnTo>
                <a:close/>
                <a:moveTo>
                  <a:pt x="1644294" y="3731604"/>
                </a:moveTo>
                <a:lnTo>
                  <a:pt x="1644294" y="3750712"/>
                </a:lnTo>
                <a:lnTo>
                  <a:pt x="1663402" y="3750712"/>
                </a:lnTo>
                <a:lnTo>
                  <a:pt x="1663402" y="3731604"/>
                </a:lnTo>
                <a:close/>
                <a:moveTo>
                  <a:pt x="1520385" y="3730715"/>
                </a:moveTo>
                <a:lnTo>
                  <a:pt x="1520385" y="3751564"/>
                </a:lnTo>
                <a:lnTo>
                  <a:pt x="1541234" y="3751564"/>
                </a:lnTo>
                <a:lnTo>
                  <a:pt x="1541234" y="3730715"/>
                </a:lnTo>
                <a:close/>
                <a:moveTo>
                  <a:pt x="1396439" y="3729863"/>
                </a:moveTo>
                <a:lnTo>
                  <a:pt x="1396439" y="3752452"/>
                </a:lnTo>
                <a:lnTo>
                  <a:pt x="1419029" y="3752452"/>
                </a:lnTo>
                <a:lnTo>
                  <a:pt x="1419029" y="3729863"/>
                </a:lnTo>
                <a:close/>
                <a:moveTo>
                  <a:pt x="1272530" y="3728974"/>
                </a:moveTo>
                <a:lnTo>
                  <a:pt x="1272530" y="3753304"/>
                </a:lnTo>
                <a:lnTo>
                  <a:pt x="1296860" y="3753304"/>
                </a:lnTo>
                <a:lnTo>
                  <a:pt x="1296860" y="3728974"/>
                </a:lnTo>
                <a:close/>
                <a:moveTo>
                  <a:pt x="1148806" y="3728345"/>
                </a:moveTo>
                <a:lnTo>
                  <a:pt x="1148806" y="3753971"/>
                </a:lnTo>
                <a:lnTo>
                  <a:pt x="1174432" y="3753971"/>
                </a:lnTo>
                <a:lnTo>
                  <a:pt x="1174432" y="3728345"/>
                </a:lnTo>
                <a:close/>
                <a:moveTo>
                  <a:pt x="1024860" y="3727456"/>
                </a:moveTo>
                <a:lnTo>
                  <a:pt x="1024860" y="3754823"/>
                </a:lnTo>
                <a:lnTo>
                  <a:pt x="1052227" y="3754823"/>
                </a:lnTo>
                <a:lnTo>
                  <a:pt x="1052227" y="3727456"/>
                </a:lnTo>
                <a:close/>
                <a:moveTo>
                  <a:pt x="901173" y="3726826"/>
                </a:moveTo>
                <a:lnTo>
                  <a:pt x="901173" y="3755489"/>
                </a:lnTo>
                <a:lnTo>
                  <a:pt x="929836" y="3755489"/>
                </a:lnTo>
                <a:lnTo>
                  <a:pt x="929836" y="3726826"/>
                </a:lnTo>
                <a:close/>
                <a:moveTo>
                  <a:pt x="777449" y="3726197"/>
                </a:moveTo>
                <a:lnTo>
                  <a:pt x="777449" y="3756156"/>
                </a:lnTo>
                <a:lnTo>
                  <a:pt x="807408" y="3756156"/>
                </a:lnTo>
                <a:lnTo>
                  <a:pt x="807408" y="3726197"/>
                </a:lnTo>
                <a:close/>
                <a:moveTo>
                  <a:pt x="653948" y="3725715"/>
                </a:moveTo>
                <a:lnTo>
                  <a:pt x="653948" y="3756563"/>
                </a:lnTo>
                <a:lnTo>
                  <a:pt x="684796" y="3756563"/>
                </a:lnTo>
                <a:lnTo>
                  <a:pt x="684796" y="3725715"/>
                </a:lnTo>
                <a:close/>
                <a:moveTo>
                  <a:pt x="530446" y="3725308"/>
                </a:moveTo>
                <a:lnTo>
                  <a:pt x="530446" y="3757007"/>
                </a:lnTo>
                <a:lnTo>
                  <a:pt x="562145" y="3757007"/>
                </a:lnTo>
                <a:lnTo>
                  <a:pt x="562145" y="3725308"/>
                </a:lnTo>
                <a:close/>
                <a:moveTo>
                  <a:pt x="406981" y="3724864"/>
                </a:moveTo>
                <a:lnTo>
                  <a:pt x="406981" y="3757452"/>
                </a:lnTo>
                <a:lnTo>
                  <a:pt x="439569" y="3757452"/>
                </a:lnTo>
                <a:lnTo>
                  <a:pt x="439569" y="3724864"/>
                </a:lnTo>
                <a:close/>
                <a:moveTo>
                  <a:pt x="283702" y="3724679"/>
                </a:moveTo>
                <a:lnTo>
                  <a:pt x="283702" y="3757674"/>
                </a:lnTo>
                <a:lnTo>
                  <a:pt x="316698" y="3757674"/>
                </a:lnTo>
                <a:lnTo>
                  <a:pt x="316698" y="3724679"/>
                </a:lnTo>
                <a:close/>
                <a:moveTo>
                  <a:pt x="37587" y="3724679"/>
                </a:moveTo>
                <a:lnTo>
                  <a:pt x="37587" y="3757674"/>
                </a:lnTo>
                <a:lnTo>
                  <a:pt x="70583" y="3757674"/>
                </a:lnTo>
                <a:lnTo>
                  <a:pt x="70583" y="3724679"/>
                </a:lnTo>
                <a:close/>
                <a:moveTo>
                  <a:pt x="160422" y="3724419"/>
                </a:moveTo>
                <a:lnTo>
                  <a:pt x="160422" y="3757859"/>
                </a:lnTo>
                <a:lnTo>
                  <a:pt x="193862" y="3757859"/>
                </a:lnTo>
                <a:lnTo>
                  <a:pt x="193862" y="3724419"/>
                </a:lnTo>
                <a:close/>
                <a:moveTo>
                  <a:pt x="4484019" y="3617879"/>
                </a:moveTo>
                <a:lnTo>
                  <a:pt x="4484019" y="3618323"/>
                </a:lnTo>
                <a:lnTo>
                  <a:pt x="4484463" y="3618323"/>
                </a:lnTo>
                <a:lnTo>
                  <a:pt x="4484463" y="3617879"/>
                </a:lnTo>
                <a:close/>
                <a:moveTo>
                  <a:pt x="4360961" y="3617879"/>
                </a:moveTo>
                <a:lnTo>
                  <a:pt x="4360961" y="3618323"/>
                </a:lnTo>
                <a:lnTo>
                  <a:pt x="4361405" y="3618323"/>
                </a:lnTo>
                <a:lnTo>
                  <a:pt x="4361405" y="3617879"/>
                </a:lnTo>
                <a:close/>
                <a:moveTo>
                  <a:pt x="4237904" y="3617879"/>
                </a:moveTo>
                <a:lnTo>
                  <a:pt x="4237904" y="3618323"/>
                </a:lnTo>
                <a:lnTo>
                  <a:pt x="4238348" y="3618323"/>
                </a:lnTo>
                <a:lnTo>
                  <a:pt x="4238348" y="3617879"/>
                </a:lnTo>
                <a:close/>
                <a:moveTo>
                  <a:pt x="4114847" y="3617879"/>
                </a:moveTo>
                <a:lnTo>
                  <a:pt x="4114847" y="3618323"/>
                </a:lnTo>
                <a:lnTo>
                  <a:pt x="4115291" y="3618323"/>
                </a:lnTo>
                <a:lnTo>
                  <a:pt x="4115291" y="3617879"/>
                </a:lnTo>
                <a:close/>
                <a:moveTo>
                  <a:pt x="3991789" y="3617879"/>
                </a:moveTo>
                <a:lnTo>
                  <a:pt x="3991789" y="3618323"/>
                </a:lnTo>
                <a:lnTo>
                  <a:pt x="3992234" y="3618323"/>
                </a:lnTo>
                <a:lnTo>
                  <a:pt x="3992234" y="3617879"/>
                </a:lnTo>
                <a:close/>
                <a:moveTo>
                  <a:pt x="3868732" y="3617879"/>
                </a:moveTo>
                <a:lnTo>
                  <a:pt x="3868732" y="3618323"/>
                </a:lnTo>
                <a:lnTo>
                  <a:pt x="3869176" y="3618323"/>
                </a:lnTo>
                <a:lnTo>
                  <a:pt x="3869176" y="3617879"/>
                </a:lnTo>
                <a:close/>
                <a:moveTo>
                  <a:pt x="3745453" y="3617693"/>
                </a:moveTo>
                <a:lnTo>
                  <a:pt x="3745453" y="3618545"/>
                </a:lnTo>
                <a:lnTo>
                  <a:pt x="3746305" y="3618545"/>
                </a:lnTo>
                <a:lnTo>
                  <a:pt x="3746305" y="3617693"/>
                </a:lnTo>
                <a:close/>
                <a:moveTo>
                  <a:pt x="3622395" y="3617693"/>
                </a:moveTo>
                <a:lnTo>
                  <a:pt x="3622395" y="3618545"/>
                </a:lnTo>
                <a:lnTo>
                  <a:pt x="3623247" y="3618545"/>
                </a:lnTo>
                <a:lnTo>
                  <a:pt x="3623247" y="3617693"/>
                </a:lnTo>
                <a:close/>
                <a:moveTo>
                  <a:pt x="3499116" y="3617434"/>
                </a:moveTo>
                <a:lnTo>
                  <a:pt x="3499116" y="3618730"/>
                </a:lnTo>
                <a:lnTo>
                  <a:pt x="3500412" y="3618730"/>
                </a:lnTo>
                <a:lnTo>
                  <a:pt x="3500412" y="3617434"/>
                </a:lnTo>
                <a:close/>
                <a:moveTo>
                  <a:pt x="3375836" y="3617212"/>
                </a:moveTo>
                <a:lnTo>
                  <a:pt x="3375836" y="3618952"/>
                </a:lnTo>
                <a:lnTo>
                  <a:pt x="3377576" y="3618952"/>
                </a:lnTo>
                <a:lnTo>
                  <a:pt x="3377576" y="3617212"/>
                </a:lnTo>
                <a:close/>
                <a:moveTo>
                  <a:pt x="3252557" y="3616989"/>
                </a:moveTo>
                <a:lnTo>
                  <a:pt x="3252557" y="3619174"/>
                </a:lnTo>
                <a:lnTo>
                  <a:pt x="3254742" y="3619174"/>
                </a:lnTo>
                <a:lnTo>
                  <a:pt x="3254742" y="3616989"/>
                </a:lnTo>
                <a:close/>
                <a:moveTo>
                  <a:pt x="3129055" y="3616582"/>
                </a:moveTo>
                <a:lnTo>
                  <a:pt x="3129055" y="3619619"/>
                </a:lnTo>
                <a:lnTo>
                  <a:pt x="3132092" y="3619619"/>
                </a:lnTo>
                <a:lnTo>
                  <a:pt x="3132092" y="3616582"/>
                </a:lnTo>
                <a:close/>
                <a:moveTo>
                  <a:pt x="3005553" y="3616138"/>
                </a:moveTo>
                <a:lnTo>
                  <a:pt x="3005553" y="3620063"/>
                </a:lnTo>
                <a:lnTo>
                  <a:pt x="3009478" y="3620063"/>
                </a:lnTo>
                <a:lnTo>
                  <a:pt x="3009478" y="3616138"/>
                </a:lnTo>
                <a:close/>
                <a:moveTo>
                  <a:pt x="2882052" y="3615693"/>
                </a:moveTo>
                <a:lnTo>
                  <a:pt x="2882052" y="3620470"/>
                </a:lnTo>
                <a:lnTo>
                  <a:pt x="2886829" y="3620470"/>
                </a:lnTo>
                <a:lnTo>
                  <a:pt x="2886829" y="3615693"/>
                </a:lnTo>
                <a:close/>
                <a:moveTo>
                  <a:pt x="2758365" y="3615064"/>
                </a:moveTo>
                <a:lnTo>
                  <a:pt x="2758365" y="3621137"/>
                </a:lnTo>
                <a:lnTo>
                  <a:pt x="2764438" y="3621137"/>
                </a:lnTo>
                <a:lnTo>
                  <a:pt x="2764438" y="3615064"/>
                </a:lnTo>
                <a:close/>
                <a:moveTo>
                  <a:pt x="2634641" y="3614435"/>
                </a:moveTo>
                <a:lnTo>
                  <a:pt x="2634641" y="3621804"/>
                </a:lnTo>
                <a:lnTo>
                  <a:pt x="2642010" y="3621804"/>
                </a:lnTo>
                <a:lnTo>
                  <a:pt x="2642010" y="3614435"/>
                </a:lnTo>
                <a:close/>
                <a:moveTo>
                  <a:pt x="2510917" y="3613731"/>
                </a:moveTo>
                <a:lnTo>
                  <a:pt x="2510917" y="3622433"/>
                </a:lnTo>
                <a:lnTo>
                  <a:pt x="2519619" y="3622433"/>
                </a:lnTo>
                <a:lnTo>
                  <a:pt x="2519619" y="3613731"/>
                </a:lnTo>
                <a:close/>
                <a:moveTo>
                  <a:pt x="2387230" y="3613101"/>
                </a:moveTo>
                <a:lnTo>
                  <a:pt x="2387230" y="3623100"/>
                </a:lnTo>
                <a:lnTo>
                  <a:pt x="2397229" y="3623100"/>
                </a:lnTo>
                <a:lnTo>
                  <a:pt x="2397229" y="3613101"/>
                </a:lnTo>
                <a:close/>
                <a:moveTo>
                  <a:pt x="2263284" y="3612212"/>
                </a:moveTo>
                <a:lnTo>
                  <a:pt x="2263284" y="3623951"/>
                </a:lnTo>
                <a:lnTo>
                  <a:pt x="2275023" y="3623951"/>
                </a:lnTo>
                <a:lnTo>
                  <a:pt x="2275023" y="3612212"/>
                </a:lnTo>
                <a:close/>
                <a:moveTo>
                  <a:pt x="2139375" y="3611360"/>
                </a:moveTo>
                <a:lnTo>
                  <a:pt x="2139375" y="3624840"/>
                </a:lnTo>
                <a:lnTo>
                  <a:pt x="2152855" y="3624840"/>
                </a:lnTo>
                <a:lnTo>
                  <a:pt x="2152855" y="3611360"/>
                </a:lnTo>
                <a:close/>
                <a:moveTo>
                  <a:pt x="2015429" y="3610509"/>
                </a:moveTo>
                <a:lnTo>
                  <a:pt x="2015429" y="3625692"/>
                </a:lnTo>
                <a:lnTo>
                  <a:pt x="2030612" y="3625692"/>
                </a:lnTo>
                <a:lnTo>
                  <a:pt x="2030612" y="3610509"/>
                </a:lnTo>
                <a:close/>
                <a:moveTo>
                  <a:pt x="1891298" y="3609398"/>
                </a:moveTo>
                <a:lnTo>
                  <a:pt x="1891298" y="3626766"/>
                </a:lnTo>
                <a:lnTo>
                  <a:pt x="1908666" y="3626766"/>
                </a:lnTo>
                <a:lnTo>
                  <a:pt x="1908666" y="3609398"/>
                </a:lnTo>
                <a:close/>
                <a:moveTo>
                  <a:pt x="1767129" y="3608324"/>
                </a:moveTo>
                <a:lnTo>
                  <a:pt x="1767129" y="3627877"/>
                </a:lnTo>
                <a:lnTo>
                  <a:pt x="1786682" y="3627877"/>
                </a:lnTo>
                <a:lnTo>
                  <a:pt x="1786682" y="3608324"/>
                </a:lnTo>
                <a:close/>
                <a:moveTo>
                  <a:pt x="1643220" y="3607436"/>
                </a:moveTo>
                <a:lnTo>
                  <a:pt x="1643220" y="3628729"/>
                </a:lnTo>
                <a:lnTo>
                  <a:pt x="1664513" y="3628729"/>
                </a:lnTo>
                <a:lnTo>
                  <a:pt x="1664513" y="3607436"/>
                </a:lnTo>
                <a:close/>
                <a:moveTo>
                  <a:pt x="1519052" y="3606361"/>
                </a:moveTo>
                <a:lnTo>
                  <a:pt x="1519052" y="3629802"/>
                </a:lnTo>
                <a:lnTo>
                  <a:pt x="1542493" y="3629802"/>
                </a:lnTo>
                <a:lnTo>
                  <a:pt x="1542493" y="3606361"/>
                </a:lnTo>
                <a:close/>
                <a:moveTo>
                  <a:pt x="1395143" y="3605509"/>
                </a:moveTo>
                <a:lnTo>
                  <a:pt x="1395143" y="3630691"/>
                </a:lnTo>
                <a:lnTo>
                  <a:pt x="1420325" y="3630691"/>
                </a:lnTo>
                <a:lnTo>
                  <a:pt x="1420325" y="3605509"/>
                </a:lnTo>
                <a:close/>
                <a:moveTo>
                  <a:pt x="1271012" y="3604398"/>
                </a:moveTo>
                <a:lnTo>
                  <a:pt x="1271012" y="3631765"/>
                </a:lnTo>
                <a:lnTo>
                  <a:pt x="1298379" y="3631765"/>
                </a:lnTo>
                <a:lnTo>
                  <a:pt x="1298379" y="3604398"/>
                </a:lnTo>
                <a:close/>
                <a:moveTo>
                  <a:pt x="1147066" y="3603547"/>
                </a:moveTo>
                <a:lnTo>
                  <a:pt x="1147066" y="3632654"/>
                </a:lnTo>
                <a:lnTo>
                  <a:pt x="1176173" y="3632654"/>
                </a:lnTo>
                <a:lnTo>
                  <a:pt x="1176173" y="3603547"/>
                </a:lnTo>
                <a:close/>
                <a:moveTo>
                  <a:pt x="1023119" y="3602658"/>
                </a:moveTo>
                <a:lnTo>
                  <a:pt x="1023119" y="3633506"/>
                </a:lnTo>
                <a:lnTo>
                  <a:pt x="1053967" y="3633506"/>
                </a:lnTo>
                <a:lnTo>
                  <a:pt x="1053967" y="3602658"/>
                </a:lnTo>
                <a:close/>
                <a:moveTo>
                  <a:pt x="899210" y="3601806"/>
                </a:moveTo>
                <a:lnTo>
                  <a:pt x="899210" y="3634394"/>
                </a:lnTo>
                <a:lnTo>
                  <a:pt x="931798" y="3634394"/>
                </a:lnTo>
                <a:lnTo>
                  <a:pt x="931798" y="3601806"/>
                </a:lnTo>
                <a:close/>
                <a:moveTo>
                  <a:pt x="775487" y="3601140"/>
                </a:moveTo>
                <a:lnTo>
                  <a:pt x="775487" y="3635024"/>
                </a:lnTo>
                <a:lnTo>
                  <a:pt x="809371" y="3635024"/>
                </a:lnTo>
                <a:lnTo>
                  <a:pt x="809371" y="3601140"/>
                </a:lnTo>
                <a:close/>
                <a:moveTo>
                  <a:pt x="651800" y="3600511"/>
                </a:moveTo>
                <a:lnTo>
                  <a:pt x="651800" y="3635691"/>
                </a:lnTo>
                <a:lnTo>
                  <a:pt x="686980" y="3635691"/>
                </a:lnTo>
                <a:lnTo>
                  <a:pt x="686980" y="3600511"/>
                </a:lnTo>
                <a:close/>
                <a:moveTo>
                  <a:pt x="528298" y="3600103"/>
                </a:moveTo>
                <a:lnTo>
                  <a:pt x="528298" y="3636135"/>
                </a:lnTo>
                <a:lnTo>
                  <a:pt x="564330" y="3636135"/>
                </a:lnTo>
                <a:lnTo>
                  <a:pt x="564330" y="3600103"/>
                </a:lnTo>
                <a:close/>
                <a:moveTo>
                  <a:pt x="404796" y="3599621"/>
                </a:moveTo>
                <a:lnTo>
                  <a:pt x="404796" y="3636542"/>
                </a:lnTo>
                <a:lnTo>
                  <a:pt x="441717" y="3636542"/>
                </a:lnTo>
                <a:lnTo>
                  <a:pt x="441717" y="3599621"/>
                </a:lnTo>
                <a:close/>
                <a:moveTo>
                  <a:pt x="35402" y="3599399"/>
                </a:moveTo>
                <a:lnTo>
                  <a:pt x="35402" y="3636764"/>
                </a:lnTo>
                <a:lnTo>
                  <a:pt x="72767" y="3636764"/>
                </a:lnTo>
                <a:lnTo>
                  <a:pt x="72767" y="3599399"/>
                </a:lnTo>
                <a:close/>
                <a:moveTo>
                  <a:pt x="281295" y="3599214"/>
                </a:moveTo>
                <a:lnTo>
                  <a:pt x="281295" y="3636987"/>
                </a:lnTo>
                <a:lnTo>
                  <a:pt x="319068" y="3636987"/>
                </a:lnTo>
                <a:lnTo>
                  <a:pt x="319068" y="3599214"/>
                </a:lnTo>
                <a:close/>
                <a:moveTo>
                  <a:pt x="158015" y="3598992"/>
                </a:moveTo>
                <a:lnTo>
                  <a:pt x="158015" y="3637209"/>
                </a:lnTo>
                <a:lnTo>
                  <a:pt x="196232" y="3637209"/>
                </a:lnTo>
                <a:lnTo>
                  <a:pt x="196232" y="3598992"/>
                </a:lnTo>
                <a:close/>
                <a:moveTo>
                  <a:pt x="4484019" y="3494821"/>
                </a:moveTo>
                <a:lnTo>
                  <a:pt x="4484019" y="3495265"/>
                </a:lnTo>
                <a:lnTo>
                  <a:pt x="4484463" y="3495265"/>
                </a:lnTo>
                <a:lnTo>
                  <a:pt x="4484463" y="3494821"/>
                </a:lnTo>
                <a:close/>
                <a:moveTo>
                  <a:pt x="4360961" y="3494821"/>
                </a:moveTo>
                <a:lnTo>
                  <a:pt x="4360961" y="3495265"/>
                </a:lnTo>
                <a:lnTo>
                  <a:pt x="4361405" y="3495265"/>
                </a:lnTo>
                <a:lnTo>
                  <a:pt x="4361405" y="3494821"/>
                </a:lnTo>
                <a:close/>
                <a:moveTo>
                  <a:pt x="4237904" y="3494821"/>
                </a:moveTo>
                <a:lnTo>
                  <a:pt x="4237904" y="3495265"/>
                </a:lnTo>
                <a:lnTo>
                  <a:pt x="4238348" y="3495265"/>
                </a:lnTo>
                <a:lnTo>
                  <a:pt x="4238348" y="3494821"/>
                </a:lnTo>
                <a:close/>
                <a:moveTo>
                  <a:pt x="4114847" y="3494821"/>
                </a:moveTo>
                <a:lnTo>
                  <a:pt x="4114847" y="3495265"/>
                </a:lnTo>
                <a:lnTo>
                  <a:pt x="4115291" y="3495265"/>
                </a:lnTo>
                <a:lnTo>
                  <a:pt x="4115291" y="3494821"/>
                </a:lnTo>
                <a:close/>
                <a:moveTo>
                  <a:pt x="3991789" y="3494821"/>
                </a:moveTo>
                <a:lnTo>
                  <a:pt x="3991789" y="3495265"/>
                </a:lnTo>
                <a:lnTo>
                  <a:pt x="3992234" y="3495265"/>
                </a:lnTo>
                <a:lnTo>
                  <a:pt x="3992234" y="3494821"/>
                </a:lnTo>
                <a:close/>
                <a:moveTo>
                  <a:pt x="3868732" y="3494821"/>
                </a:moveTo>
                <a:lnTo>
                  <a:pt x="3868732" y="3495265"/>
                </a:lnTo>
                <a:lnTo>
                  <a:pt x="3869176" y="3495265"/>
                </a:lnTo>
                <a:lnTo>
                  <a:pt x="3869176" y="3494821"/>
                </a:lnTo>
                <a:close/>
                <a:moveTo>
                  <a:pt x="3745453" y="3494598"/>
                </a:moveTo>
                <a:lnTo>
                  <a:pt x="3745453" y="3495450"/>
                </a:lnTo>
                <a:lnTo>
                  <a:pt x="3746305" y="3495450"/>
                </a:lnTo>
                <a:lnTo>
                  <a:pt x="3746305" y="3494598"/>
                </a:lnTo>
                <a:close/>
                <a:moveTo>
                  <a:pt x="3622395" y="3494598"/>
                </a:moveTo>
                <a:lnTo>
                  <a:pt x="3622395" y="3495450"/>
                </a:lnTo>
                <a:lnTo>
                  <a:pt x="3623247" y="3495450"/>
                </a:lnTo>
                <a:lnTo>
                  <a:pt x="3623247" y="3494598"/>
                </a:lnTo>
                <a:close/>
                <a:moveTo>
                  <a:pt x="3499116" y="3494377"/>
                </a:moveTo>
                <a:lnTo>
                  <a:pt x="3499116" y="3495673"/>
                </a:lnTo>
                <a:lnTo>
                  <a:pt x="3500412" y="3495673"/>
                </a:lnTo>
                <a:lnTo>
                  <a:pt x="3500412" y="3494377"/>
                </a:lnTo>
                <a:close/>
                <a:moveTo>
                  <a:pt x="3375836" y="3494155"/>
                </a:moveTo>
                <a:lnTo>
                  <a:pt x="3375836" y="3495895"/>
                </a:lnTo>
                <a:lnTo>
                  <a:pt x="3377576" y="3495895"/>
                </a:lnTo>
                <a:lnTo>
                  <a:pt x="3377576" y="3494155"/>
                </a:lnTo>
                <a:close/>
                <a:moveTo>
                  <a:pt x="3252335" y="3493747"/>
                </a:moveTo>
                <a:lnTo>
                  <a:pt x="3252335" y="3496339"/>
                </a:lnTo>
                <a:lnTo>
                  <a:pt x="3254927" y="3496339"/>
                </a:lnTo>
                <a:lnTo>
                  <a:pt x="3254927" y="3493747"/>
                </a:lnTo>
                <a:close/>
                <a:moveTo>
                  <a:pt x="3129055" y="3493524"/>
                </a:moveTo>
                <a:lnTo>
                  <a:pt x="3129055" y="3496561"/>
                </a:lnTo>
                <a:lnTo>
                  <a:pt x="3132092" y="3496561"/>
                </a:lnTo>
                <a:lnTo>
                  <a:pt x="3132092" y="3493524"/>
                </a:lnTo>
                <a:close/>
                <a:moveTo>
                  <a:pt x="3005553" y="3493081"/>
                </a:moveTo>
                <a:lnTo>
                  <a:pt x="3005553" y="3497006"/>
                </a:lnTo>
                <a:lnTo>
                  <a:pt x="3009478" y="3497006"/>
                </a:lnTo>
                <a:lnTo>
                  <a:pt x="3009478" y="3493081"/>
                </a:lnTo>
                <a:close/>
                <a:moveTo>
                  <a:pt x="2881866" y="3492414"/>
                </a:moveTo>
                <a:lnTo>
                  <a:pt x="2881866" y="3497635"/>
                </a:lnTo>
                <a:lnTo>
                  <a:pt x="2887087" y="3497635"/>
                </a:lnTo>
                <a:lnTo>
                  <a:pt x="2887087" y="3492414"/>
                </a:lnTo>
                <a:close/>
                <a:moveTo>
                  <a:pt x="2758365" y="3492007"/>
                </a:moveTo>
                <a:lnTo>
                  <a:pt x="2758365" y="3498080"/>
                </a:lnTo>
                <a:lnTo>
                  <a:pt x="2764438" y="3498080"/>
                </a:lnTo>
                <a:lnTo>
                  <a:pt x="2764438" y="3492007"/>
                </a:lnTo>
                <a:close/>
                <a:moveTo>
                  <a:pt x="2634419" y="3491117"/>
                </a:moveTo>
                <a:lnTo>
                  <a:pt x="2634419" y="3498931"/>
                </a:lnTo>
                <a:lnTo>
                  <a:pt x="2642233" y="3498931"/>
                </a:lnTo>
                <a:lnTo>
                  <a:pt x="2642233" y="3491117"/>
                </a:lnTo>
                <a:close/>
                <a:moveTo>
                  <a:pt x="2510732" y="3490488"/>
                </a:moveTo>
                <a:lnTo>
                  <a:pt x="2510732" y="3499598"/>
                </a:lnTo>
                <a:lnTo>
                  <a:pt x="2519842" y="3499598"/>
                </a:lnTo>
                <a:lnTo>
                  <a:pt x="2519842" y="3490488"/>
                </a:lnTo>
                <a:close/>
                <a:moveTo>
                  <a:pt x="2386786" y="3489600"/>
                </a:moveTo>
                <a:lnTo>
                  <a:pt x="2386786" y="3500450"/>
                </a:lnTo>
                <a:lnTo>
                  <a:pt x="2397636" y="3500450"/>
                </a:lnTo>
                <a:lnTo>
                  <a:pt x="2397636" y="3489600"/>
                </a:lnTo>
                <a:close/>
                <a:moveTo>
                  <a:pt x="2262654" y="3488526"/>
                </a:moveTo>
                <a:lnTo>
                  <a:pt x="2262654" y="3501561"/>
                </a:lnTo>
                <a:lnTo>
                  <a:pt x="2275689" y="3501561"/>
                </a:lnTo>
                <a:lnTo>
                  <a:pt x="2275689" y="3488526"/>
                </a:lnTo>
                <a:close/>
                <a:moveTo>
                  <a:pt x="2138708" y="3487636"/>
                </a:moveTo>
                <a:lnTo>
                  <a:pt x="2138708" y="3502412"/>
                </a:lnTo>
                <a:lnTo>
                  <a:pt x="2153484" y="3502412"/>
                </a:lnTo>
                <a:lnTo>
                  <a:pt x="2153484" y="3487636"/>
                </a:lnTo>
                <a:close/>
                <a:moveTo>
                  <a:pt x="2014577" y="3486562"/>
                </a:moveTo>
                <a:lnTo>
                  <a:pt x="2014577" y="3503486"/>
                </a:lnTo>
                <a:lnTo>
                  <a:pt x="2031501" y="3503486"/>
                </a:lnTo>
                <a:lnTo>
                  <a:pt x="2031501" y="3486562"/>
                </a:lnTo>
                <a:close/>
                <a:moveTo>
                  <a:pt x="1890409" y="3485489"/>
                </a:moveTo>
                <a:lnTo>
                  <a:pt x="1890409" y="3504597"/>
                </a:lnTo>
                <a:lnTo>
                  <a:pt x="1909518" y="3504597"/>
                </a:lnTo>
                <a:lnTo>
                  <a:pt x="1909518" y="3485489"/>
                </a:lnTo>
                <a:close/>
                <a:moveTo>
                  <a:pt x="1766055" y="3484192"/>
                </a:moveTo>
                <a:lnTo>
                  <a:pt x="1766055" y="3505893"/>
                </a:lnTo>
                <a:lnTo>
                  <a:pt x="1787756" y="3505893"/>
                </a:lnTo>
                <a:lnTo>
                  <a:pt x="1787756" y="3484192"/>
                </a:lnTo>
                <a:close/>
                <a:moveTo>
                  <a:pt x="1641924" y="3483081"/>
                </a:moveTo>
                <a:lnTo>
                  <a:pt x="1641924" y="3506967"/>
                </a:lnTo>
                <a:lnTo>
                  <a:pt x="1665810" y="3506967"/>
                </a:lnTo>
                <a:lnTo>
                  <a:pt x="1665810" y="3483081"/>
                </a:lnTo>
                <a:close/>
                <a:moveTo>
                  <a:pt x="1517756" y="3482008"/>
                </a:moveTo>
                <a:lnTo>
                  <a:pt x="1517756" y="3508078"/>
                </a:lnTo>
                <a:lnTo>
                  <a:pt x="1543827" y="3508078"/>
                </a:lnTo>
                <a:lnTo>
                  <a:pt x="1543827" y="3482008"/>
                </a:lnTo>
                <a:close/>
                <a:moveTo>
                  <a:pt x="1393402" y="3480711"/>
                </a:moveTo>
                <a:lnTo>
                  <a:pt x="1393402" y="3509374"/>
                </a:lnTo>
                <a:lnTo>
                  <a:pt x="1422065" y="3509374"/>
                </a:lnTo>
                <a:lnTo>
                  <a:pt x="1422065" y="3480711"/>
                </a:lnTo>
                <a:close/>
                <a:moveTo>
                  <a:pt x="1269456" y="3479823"/>
                </a:moveTo>
                <a:lnTo>
                  <a:pt x="1269456" y="3510226"/>
                </a:lnTo>
                <a:lnTo>
                  <a:pt x="1299859" y="3510226"/>
                </a:lnTo>
                <a:lnTo>
                  <a:pt x="1299859" y="3479823"/>
                </a:lnTo>
                <a:close/>
                <a:moveTo>
                  <a:pt x="1145325" y="3478749"/>
                </a:moveTo>
                <a:lnTo>
                  <a:pt x="1145325" y="3511337"/>
                </a:lnTo>
                <a:lnTo>
                  <a:pt x="1177913" y="3511337"/>
                </a:lnTo>
                <a:lnTo>
                  <a:pt x="1177913" y="3478749"/>
                </a:lnTo>
                <a:close/>
                <a:moveTo>
                  <a:pt x="1021416" y="3477860"/>
                </a:moveTo>
                <a:lnTo>
                  <a:pt x="1021416" y="3512189"/>
                </a:lnTo>
                <a:lnTo>
                  <a:pt x="1055745" y="3512189"/>
                </a:lnTo>
                <a:lnTo>
                  <a:pt x="1055745" y="3477860"/>
                </a:lnTo>
                <a:close/>
                <a:moveTo>
                  <a:pt x="897248" y="3476787"/>
                </a:moveTo>
                <a:lnTo>
                  <a:pt x="897248" y="3513263"/>
                </a:lnTo>
                <a:lnTo>
                  <a:pt x="933725" y="3513263"/>
                </a:lnTo>
                <a:lnTo>
                  <a:pt x="933725" y="3476787"/>
                </a:lnTo>
                <a:close/>
                <a:moveTo>
                  <a:pt x="773339" y="3475935"/>
                </a:moveTo>
                <a:lnTo>
                  <a:pt x="773339" y="3514152"/>
                </a:lnTo>
                <a:lnTo>
                  <a:pt x="811556" y="3514152"/>
                </a:lnTo>
                <a:lnTo>
                  <a:pt x="811556" y="3475935"/>
                </a:lnTo>
                <a:close/>
                <a:moveTo>
                  <a:pt x="649615" y="3475268"/>
                </a:moveTo>
                <a:lnTo>
                  <a:pt x="649615" y="3514781"/>
                </a:lnTo>
                <a:lnTo>
                  <a:pt x="689128" y="3514781"/>
                </a:lnTo>
                <a:lnTo>
                  <a:pt x="689128" y="3475268"/>
                </a:lnTo>
                <a:close/>
                <a:moveTo>
                  <a:pt x="525891" y="3474639"/>
                </a:moveTo>
                <a:lnTo>
                  <a:pt x="525891" y="3515448"/>
                </a:lnTo>
                <a:lnTo>
                  <a:pt x="566700" y="3515448"/>
                </a:lnTo>
                <a:lnTo>
                  <a:pt x="566700" y="3474639"/>
                </a:lnTo>
                <a:close/>
                <a:moveTo>
                  <a:pt x="402389" y="3474194"/>
                </a:moveTo>
                <a:lnTo>
                  <a:pt x="402389" y="3515892"/>
                </a:lnTo>
                <a:lnTo>
                  <a:pt x="444087" y="3515892"/>
                </a:lnTo>
                <a:lnTo>
                  <a:pt x="444087" y="3474194"/>
                </a:lnTo>
                <a:close/>
                <a:moveTo>
                  <a:pt x="32995" y="3473971"/>
                </a:moveTo>
                <a:lnTo>
                  <a:pt x="32995" y="3516114"/>
                </a:lnTo>
                <a:lnTo>
                  <a:pt x="75137" y="3516114"/>
                </a:lnTo>
                <a:lnTo>
                  <a:pt x="75137" y="3473971"/>
                </a:lnTo>
                <a:close/>
                <a:moveTo>
                  <a:pt x="278924" y="3473749"/>
                </a:moveTo>
                <a:lnTo>
                  <a:pt x="278924" y="3516299"/>
                </a:lnTo>
                <a:lnTo>
                  <a:pt x="321474" y="3516299"/>
                </a:lnTo>
                <a:lnTo>
                  <a:pt x="321474" y="3473749"/>
                </a:lnTo>
                <a:close/>
                <a:moveTo>
                  <a:pt x="155645" y="3473528"/>
                </a:moveTo>
                <a:lnTo>
                  <a:pt x="155645" y="3516522"/>
                </a:lnTo>
                <a:lnTo>
                  <a:pt x="198639" y="3516522"/>
                </a:lnTo>
                <a:lnTo>
                  <a:pt x="198639" y="3473528"/>
                </a:lnTo>
                <a:close/>
                <a:moveTo>
                  <a:pt x="4484019" y="3371764"/>
                </a:moveTo>
                <a:lnTo>
                  <a:pt x="4484019" y="3372208"/>
                </a:lnTo>
                <a:lnTo>
                  <a:pt x="4484463" y="3372208"/>
                </a:lnTo>
                <a:lnTo>
                  <a:pt x="4484463" y="3371764"/>
                </a:lnTo>
                <a:close/>
                <a:moveTo>
                  <a:pt x="4360961" y="3371764"/>
                </a:moveTo>
                <a:lnTo>
                  <a:pt x="4360961" y="3372208"/>
                </a:lnTo>
                <a:lnTo>
                  <a:pt x="4361405" y="3372208"/>
                </a:lnTo>
                <a:lnTo>
                  <a:pt x="4361405" y="3371764"/>
                </a:lnTo>
                <a:close/>
                <a:moveTo>
                  <a:pt x="4237904" y="3371764"/>
                </a:moveTo>
                <a:lnTo>
                  <a:pt x="4237904" y="3372208"/>
                </a:lnTo>
                <a:lnTo>
                  <a:pt x="4238348" y="3372208"/>
                </a:lnTo>
                <a:lnTo>
                  <a:pt x="4238348" y="3371764"/>
                </a:lnTo>
                <a:close/>
                <a:moveTo>
                  <a:pt x="4114847" y="3371764"/>
                </a:moveTo>
                <a:lnTo>
                  <a:pt x="4114847" y="3372208"/>
                </a:lnTo>
                <a:lnTo>
                  <a:pt x="4115291" y="3372208"/>
                </a:lnTo>
                <a:lnTo>
                  <a:pt x="4115291" y="3371764"/>
                </a:lnTo>
                <a:close/>
                <a:moveTo>
                  <a:pt x="3991789" y="3371764"/>
                </a:moveTo>
                <a:lnTo>
                  <a:pt x="3991789" y="3372208"/>
                </a:lnTo>
                <a:lnTo>
                  <a:pt x="3992234" y="3372208"/>
                </a:lnTo>
                <a:lnTo>
                  <a:pt x="3992234" y="3371764"/>
                </a:lnTo>
                <a:close/>
                <a:moveTo>
                  <a:pt x="3868732" y="3371764"/>
                </a:moveTo>
                <a:lnTo>
                  <a:pt x="3868732" y="3372208"/>
                </a:lnTo>
                <a:lnTo>
                  <a:pt x="3869176" y="3372208"/>
                </a:lnTo>
                <a:lnTo>
                  <a:pt x="3869176" y="3371764"/>
                </a:lnTo>
                <a:close/>
                <a:moveTo>
                  <a:pt x="3745453" y="3371541"/>
                </a:moveTo>
                <a:lnTo>
                  <a:pt x="3745453" y="3372393"/>
                </a:lnTo>
                <a:lnTo>
                  <a:pt x="3746305" y="3372393"/>
                </a:lnTo>
                <a:lnTo>
                  <a:pt x="3746305" y="3371541"/>
                </a:lnTo>
                <a:close/>
                <a:moveTo>
                  <a:pt x="3622395" y="3371541"/>
                </a:moveTo>
                <a:lnTo>
                  <a:pt x="3622395" y="3372393"/>
                </a:lnTo>
                <a:lnTo>
                  <a:pt x="3623247" y="3372393"/>
                </a:lnTo>
                <a:lnTo>
                  <a:pt x="3623247" y="3371541"/>
                </a:lnTo>
                <a:close/>
                <a:moveTo>
                  <a:pt x="3499116" y="3371319"/>
                </a:moveTo>
                <a:lnTo>
                  <a:pt x="3499116" y="3372615"/>
                </a:lnTo>
                <a:lnTo>
                  <a:pt x="3500412" y="3372615"/>
                </a:lnTo>
                <a:lnTo>
                  <a:pt x="3500412" y="3371319"/>
                </a:lnTo>
                <a:close/>
                <a:moveTo>
                  <a:pt x="3375836" y="3371097"/>
                </a:moveTo>
                <a:lnTo>
                  <a:pt x="3375836" y="3372837"/>
                </a:lnTo>
                <a:lnTo>
                  <a:pt x="3377576" y="3372837"/>
                </a:lnTo>
                <a:lnTo>
                  <a:pt x="3377576" y="3371097"/>
                </a:lnTo>
                <a:close/>
                <a:moveTo>
                  <a:pt x="3252335" y="3370690"/>
                </a:moveTo>
                <a:lnTo>
                  <a:pt x="3252335" y="3373282"/>
                </a:lnTo>
                <a:lnTo>
                  <a:pt x="3254927" y="3373282"/>
                </a:lnTo>
                <a:lnTo>
                  <a:pt x="3254927" y="3370690"/>
                </a:lnTo>
                <a:close/>
                <a:moveTo>
                  <a:pt x="3129055" y="3370467"/>
                </a:moveTo>
                <a:lnTo>
                  <a:pt x="3129055" y="3373504"/>
                </a:lnTo>
                <a:lnTo>
                  <a:pt x="3132092" y="3373504"/>
                </a:lnTo>
                <a:lnTo>
                  <a:pt x="3132092" y="3370467"/>
                </a:lnTo>
                <a:close/>
                <a:moveTo>
                  <a:pt x="3005331" y="3369801"/>
                </a:moveTo>
                <a:lnTo>
                  <a:pt x="3005331" y="3374134"/>
                </a:lnTo>
                <a:lnTo>
                  <a:pt x="3009664" y="3374134"/>
                </a:lnTo>
                <a:lnTo>
                  <a:pt x="3009664" y="3369801"/>
                </a:lnTo>
                <a:close/>
                <a:moveTo>
                  <a:pt x="2881866" y="3369357"/>
                </a:moveTo>
                <a:lnTo>
                  <a:pt x="2881866" y="3374578"/>
                </a:lnTo>
                <a:lnTo>
                  <a:pt x="2887087" y="3374578"/>
                </a:lnTo>
                <a:lnTo>
                  <a:pt x="2887087" y="3369357"/>
                </a:lnTo>
                <a:close/>
                <a:moveTo>
                  <a:pt x="2758143" y="3368726"/>
                </a:moveTo>
                <a:lnTo>
                  <a:pt x="2758143" y="3375244"/>
                </a:lnTo>
                <a:lnTo>
                  <a:pt x="2764661" y="3375244"/>
                </a:lnTo>
                <a:lnTo>
                  <a:pt x="2764661" y="3368726"/>
                </a:lnTo>
                <a:close/>
                <a:moveTo>
                  <a:pt x="2634196" y="3367838"/>
                </a:moveTo>
                <a:lnTo>
                  <a:pt x="2634196" y="3376096"/>
                </a:lnTo>
                <a:lnTo>
                  <a:pt x="2642454" y="3376096"/>
                </a:lnTo>
                <a:lnTo>
                  <a:pt x="2642454" y="3367838"/>
                </a:lnTo>
                <a:close/>
                <a:moveTo>
                  <a:pt x="2510287" y="3366986"/>
                </a:moveTo>
                <a:lnTo>
                  <a:pt x="2510287" y="3376985"/>
                </a:lnTo>
                <a:lnTo>
                  <a:pt x="2520286" y="3376985"/>
                </a:lnTo>
                <a:lnTo>
                  <a:pt x="2520286" y="3366986"/>
                </a:lnTo>
                <a:close/>
                <a:moveTo>
                  <a:pt x="2386341" y="3366098"/>
                </a:moveTo>
                <a:lnTo>
                  <a:pt x="2386341" y="3377837"/>
                </a:lnTo>
                <a:lnTo>
                  <a:pt x="2398080" y="3377837"/>
                </a:lnTo>
                <a:lnTo>
                  <a:pt x="2398080" y="3366098"/>
                </a:lnTo>
                <a:close/>
                <a:moveTo>
                  <a:pt x="2262210" y="3365024"/>
                </a:moveTo>
                <a:lnTo>
                  <a:pt x="2262210" y="3378911"/>
                </a:lnTo>
                <a:lnTo>
                  <a:pt x="2276097" y="3378911"/>
                </a:lnTo>
                <a:lnTo>
                  <a:pt x="2276097" y="3365024"/>
                </a:lnTo>
                <a:close/>
                <a:moveTo>
                  <a:pt x="2138079" y="3363950"/>
                </a:moveTo>
                <a:lnTo>
                  <a:pt x="2138079" y="3380022"/>
                </a:lnTo>
                <a:lnTo>
                  <a:pt x="2154151" y="3380022"/>
                </a:lnTo>
                <a:lnTo>
                  <a:pt x="2154151" y="3363950"/>
                </a:lnTo>
                <a:close/>
                <a:moveTo>
                  <a:pt x="2013911" y="3362839"/>
                </a:moveTo>
                <a:lnTo>
                  <a:pt x="2013911" y="3381096"/>
                </a:lnTo>
                <a:lnTo>
                  <a:pt x="2032168" y="3381096"/>
                </a:lnTo>
                <a:lnTo>
                  <a:pt x="2032168" y="3362839"/>
                </a:lnTo>
                <a:close/>
                <a:moveTo>
                  <a:pt x="1889557" y="3361543"/>
                </a:moveTo>
                <a:lnTo>
                  <a:pt x="1889557" y="3382392"/>
                </a:lnTo>
                <a:lnTo>
                  <a:pt x="1910406" y="3382392"/>
                </a:lnTo>
                <a:lnTo>
                  <a:pt x="1910406" y="3361543"/>
                </a:lnTo>
                <a:close/>
                <a:moveTo>
                  <a:pt x="1764981" y="3360024"/>
                </a:moveTo>
                <a:lnTo>
                  <a:pt x="1764981" y="3383910"/>
                </a:lnTo>
                <a:lnTo>
                  <a:pt x="1788867" y="3383910"/>
                </a:lnTo>
                <a:lnTo>
                  <a:pt x="1788867" y="3360024"/>
                </a:lnTo>
                <a:close/>
                <a:moveTo>
                  <a:pt x="1640591" y="3358728"/>
                </a:moveTo>
                <a:lnTo>
                  <a:pt x="1640591" y="3385206"/>
                </a:lnTo>
                <a:lnTo>
                  <a:pt x="1667069" y="3385206"/>
                </a:lnTo>
                <a:lnTo>
                  <a:pt x="1667069" y="3358728"/>
                </a:lnTo>
                <a:close/>
                <a:moveTo>
                  <a:pt x="1516238" y="3357432"/>
                </a:moveTo>
                <a:lnTo>
                  <a:pt x="1516238" y="3386539"/>
                </a:lnTo>
                <a:lnTo>
                  <a:pt x="1545345" y="3386539"/>
                </a:lnTo>
                <a:lnTo>
                  <a:pt x="1545345" y="3357432"/>
                </a:lnTo>
                <a:close/>
                <a:moveTo>
                  <a:pt x="1392106" y="3356358"/>
                </a:moveTo>
                <a:lnTo>
                  <a:pt x="1392106" y="3387613"/>
                </a:lnTo>
                <a:lnTo>
                  <a:pt x="1423361" y="3387613"/>
                </a:lnTo>
                <a:lnTo>
                  <a:pt x="1423361" y="3356358"/>
                </a:lnTo>
                <a:close/>
                <a:moveTo>
                  <a:pt x="1267753" y="3355025"/>
                </a:moveTo>
                <a:lnTo>
                  <a:pt x="1267753" y="3388909"/>
                </a:lnTo>
                <a:lnTo>
                  <a:pt x="1301637" y="3388909"/>
                </a:lnTo>
                <a:lnTo>
                  <a:pt x="1301637" y="3355025"/>
                </a:lnTo>
                <a:close/>
                <a:moveTo>
                  <a:pt x="1143585" y="3353951"/>
                </a:moveTo>
                <a:lnTo>
                  <a:pt x="1143585" y="3389983"/>
                </a:lnTo>
                <a:lnTo>
                  <a:pt x="1179617" y="3389983"/>
                </a:lnTo>
                <a:lnTo>
                  <a:pt x="1179617" y="3353951"/>
                </a:lnTo>
                <a:close/>
                <a:moveTo>
                  <a:pt x="1019453" y="3352877"/>
                </a:moveTo>
                <a:lnTo>
                  <a:pt x="1019453" y="3391094"/>
                </a:lnTo>
                <a:lnTo>
                  <a:pt x="1057670" y="3391094"/>
                </a:lnTo>
                <a:lnTo>
                  <a:pt x="1057670" y="3352877"/>
                </a:lnTo>
                <a:close/>
                <a:moveTo>
                  <a:pt x="895285" y="3351766"/>
                </a:moveTo>
                <a:lnTo>
                  <a:pt x="895285" y="3392168"/>
                </a:lnTo>
                <a:lnTo>
                  <a:pt x="935687" y="3392168"/>
                </a:lnTo>
                <a:lnTo>
                  <a:pt x="935687" y="3351766"/>
                </a:lnTo>
                <a:close/>
                <a:moveTo>
                  <a:pt x="771376" y="3350915"/>
                </a:moveTo>
                <a:lnTo>
                  <a:pt x="771376" y="3393057"/>
                </a:lnTo>
                <a:lnTo>
                  <a:pt x="813518" y="3393057"/>
                </a:lnTo>
                <a:lnTo>
                  <a:pt x="813518" y="3350915"/>
                </a:lnTo>
                <a:close/>
                <a:moveTo>
                  <a:pt x="647430" y="3350026"/>
                </a:moveTo>
                <a:lnTo>
                  <a:pt x="647430" y="3393909"/>
                </a:lnTo>
                <a:lnTo>
                  <a:pt x="691313" y="3393909"/>
                </a:lnTo>
                <a:lnTo>
                  <a:pt x="691313" y="3350026"/>
                </a:lnTo>
                <a:close/>
                <a:moveTo>
                  <a:pt x="523743" y="3349396"/>
                </a:moveTo>
                <a:lnTo>
                  <a:pt x="523743" y="3394575"/>
                </a:lnTo>
                <a:lnTo>
                  <a:pt x="568922" y="3394575"/>
                </a:lnTo>
                <a:lnTo>
                  <a:pt x="568922" y="3349396"/>
                </a:lnTo>
                <a:close/>
                <a:moveTo>
                  <a:pt x="400019" y="3348730"/>
                </a:moveTo>
                <a:lnTo>
                  <a:pt x="400019" y="3395205"/>
                </a:lnTo>
                <a:lnTo>
                  <a:pt x="446494" y="3395205"/>
                </a:lnTo>
                <a:lnTo>
                  <a:pt x="446494" y="3348730"/>
                </a:lnTo>
                <a:close/>
                <a:moveTo>
                  <a:pt x="30625" y="3348508"/>
                </a:moveTo>
                <a:lnTo>
                  <a:pt x="30625" y="3395427"/>
                </a:lnTo>
                <a:lnTo>
                  <a:pt x="77545" y="3395427"/>
                </a:lnTo>
                <a:lnTo>
                  <a:pt x="77545" y="3348508"/>
                </a:lnTo>
                <a:close/>
                <a:moveTo>
                  <a:pt x="276517" y="3348322"/>
                </a:moveTo>
                <a:lnTo>
                  <a:pt x="276517" y="3395649"/>
                </a:lnTo>
                <a:lnTo>
                  <a:pt x="323844" y="3395649"/>
                </a:lnTo>
                <a:lnTo>
                  <a:pt x="323844" y="3348322"/>
                </a:lnTo>
                <a:close/>
                <a:moveTo>
                  <a:pt x="153238" y="3348100"/>
                </a:moveTo>
                <a:lnTo>
                  <a:pt x="153238" y="3395871"/>
                </a:lnTo>
                <a:lnTo>
                  <a:pt x="201009" y="3395871"/>
                </a:lnTo>
                <a:lnTo>
                  <a:pt x="201009" y="3348100"/>
                </a:lnTo>
                <a:close/>
                <a:moveTo>
                  <a:pt x="4484019" y="3248669"/>
                </a:moveTo>
                <a:lnTo>
                  <a:pt x="4484019" y="3249113"/>
                </a:lnTo>
                <a:lnTo>
                  <a:pt x="4484463" y="3249113"/>
                </a:lnTo>
                <a:lnTo>
                  <a:pt x="4484463" y="3248669"/>
                </a:lnTo>
                <a:close/>
                <a:moveTo>
                  <a:pt x="4360961" y="3248669"/>
                </a:moveTo>
                <a:lnTo>
                  <a:pt x="4360961" y="3249113"/>
                </a:lnTo>
                <a:lnTo>
                  <a:pt x="4361405" y="3249113"/>
                </a:lnTo>
                <a:lnTo>
                  <a:pt x="4361405" y="3248669"/>
                </a:lnTo>
                <a:close/>
                <a:moveTo>
                  <a:pt x="4237904" y="3248669"/>
                </a:moveTo>
                <a:lnTo>
                  <a:pt x="4237904" y="3249113"/>
                </a:lnTo>
                <a:lnTo>
                  <a:pt x="4238348" y="3249113"/>
                </a:lnTo>
                <a:lnTo>
                  <a:pt x="4238348" y="3248669"/>
                </a:lnTo>
                <a:close/>
                <a:moveTo>
                  <a:pt x="4114847" y="3248669"/>
                </a:moveTo>
                <a:lnTo>
                  <a:pt x="4114847" y="3249113"/>
                </a:lnTo>
                <a:lnTo>
                  <a:pt x="4115291" y="3249113"/>
                </a:lnTo>
                <a:lnTo>
                  <a:pt x="4115291" y="3248669"/>
                </a:lnTo>
                <a:close/>
                <a:moveTo>
                  <a:pt x="3991789" y="3248669"/>
                </a:moveTo>
                <a:lnTo>
                  <a:pt x="3991789" y="3249113"/>
                </a:lnTo>
                <a:lnTo>
                  <a:pt x="3992234" y="3249113"/>
                </a:lnTo>
                <a:lnTo>
                  <a:pt x="3992234" y="3248669"/>
                </a:lnTo>
                <a:close/>
                <a:moveTo>
                  <a:pt x="3868732" y="3248669"/>
                </a:moveTo>
                <a:lnTo>
                  <a:pt x="3868732" y="3249113"/>
                </a:lnTo>
                <a:lnTo>
                  <a:pt x="3869176" y="3249113"/>
                </a:lnTo>
                <a:lnTo>
                  <a:pt x="3869176" y="3248669"/>
                </a:lnTo>
                <a:close/>
                <a:moveTo>
                  <a:pt x="3745453" y="3248484"/>
                </a:moveTo>
                <a:lnTo>
                  <a:pt x="3745453" y="3249336"/>
                </a:lnTo>
                <a:lnTo>
                  <a:pt x="3746305" y="3249336"/>
                </a:lnTo>
                <a:lnTo>
                  <a:pt x="3746305" y="3248484"/>
                </a:lnTo>
                <a:close/>
                <a:moveTo>
                  <a:pt x="3622395" y="3248484"/>
                </a:moveTo>
                <a:lnTo>
                  <a:pt x="3622395" y="3249336"/>
                </a:lnTo>
                <a:lnTo>
                  <a:pt x="3623247" y="3249336"/>
                </a:lnTo>
                <a:lnTo>
                  <a:pt x="3623247" y="3248484"/>
                </a:lnTo>
                <a:close/>
                <a:moveTo>
                  <a:pt x="3499116" y="3248262"/>
                </a:moveTo>
                <a:lnTo>
                  <a:pt x="3499116" y="3249558"/>
                </a:lnTo>
                <a:lnTo>
                  <a:pt x="3500412" y="3249558"/>
                </a:lnTo>
                <a:lnTo>
                  <a:pt x="3500412" y="3248262"/>
                </a:lnTo>
                <a:close/>
                <a:moveTo>
                  <a:pt x="3375836" y="3248040"/>
                </a:moveTo>
                <a:lnTo>
                  <a:pt x="3375836" y="3249780"/>
                </a:lnTo>
                <a:lnTo>
                  <a:pt x="3377576" y="3249780"/>
                </a:lnTo>
                <a:lnTo>
                  <a:pt x="3377576" y="3248040"/>
                </a:lnTo>
                <a:close/>
                <a:moveTo>
                  <a:pt x="3252335" y="3247632"/>
                </a:moveTo>
                <a:lnTo>
                  <a:pt x="3252335" y="3250224"/>
                </a:lnTo>
                <a:lnTo>
                  <a:pt x="3254927" y="3250224"/>
                </a:lnTo>
                <a:lnTo>
                  <a:pt x="3254927" y="3247632"/>
                </a:lnTo>
                <a:close/>
                <a:moveTo>
                  <a:pt x="3128833" y="3247188"/>
                </a:moveTo>
                <a:lnTo>
                  <a:pt x="3128833" y="3250669"/>
                </a:lnTo>
                <a:lnTo>
                  <a:pt x="3132314" y="3250669"/>
                </a:lnTo>
                <a:lnTo>
                  <a:pt x="3132314" y="3247188"/>
                </a:lnTo>
                <a:close/>
                <a:moveTo>
                  <a:pt x="3005331" y="3246743"/>
                </a:moveTo>
                <a:lnTo>
                  <a:pt x="3005331" y="3251076"/>
                </a:lnTo>
                <a:lnTo>
                  <a:pt x="3009664" y="3251076"/>
                </a:lnTo>
                <a:lnTo>
                  <a:pt x="3009664" y="3246743"/>
                </a:lnTo>
                <a:close/>
                <a:moveTo>
                  <a:pt x="2881644" y="3246114"/>
                </a:moveTo>
                <a:lnTo>
                  <a:pt x="2881644" y="3251743"/>
                </a:lnTo>
                <a:lnTo>
                  <a:pt x="2887273" y="3251743"/>
                </a:lnTo>
                <a:lnTo>
                  <a:pt x="2887273" y="3246114"/>
                </a:lnTo>
                <a:close/>
                <a:moveTo>
                  <a:pt x="2757920" y="3245410"/>
                </a:moveTo>
                <a:lnTo>
                  <a:pt x="2757920" y="3252372"/>
                </a:lnTo>
                <a:lnTo>
                  <a:pt x="2764882" y="3252372"/>
                </a:lnTo>
                <a:lnTo>
                  <a:pt x="2764882" y="3245410"/>
                </a:lnTo>
                <a:close/>
                <a:moveTo>
                  <a:pt x="2634011" y="3244559"/>
                </a:moveTo>
                <a:lnTo>
                  <a:pt x="2634011" y="3253261"/>
                </a:lnTo>
                <a:lnTo>
                  <a:pt x="2642714" y="3253261"/>
                </a:lnTo>
                <a:lnTo>
                  <a:pt x="2642714" y="3244559"/>
                </a:lnTo>
                <a:close/>
                <a:moveTo>
                  <a:pt x="2510065" y="3243707"/>
                </a:moveTo>
                <a:lnTo>
                  <a:pt x="2510065" y="3254113"/>
                </a:lnTo>
                <a:lnTo>
                  <a:pt x="2520471" y="3254113"/>
                </a:lnTo>
                <a:lnTo>
                  <a:pt x="2520471" y="3243707"/>
                </a:lnTo>
                <a:close/>
                <a:moveTo>
                  <a:pt x="2385934" y="3242633"/>
                </a:moveTo>
                <a:lnTo>
                  <a:pt x="2385934" y="3255224"/>
                </a:lnTo>
                <a:lnTo>
                  <a:pt x="2398525" y="3255224"/>
                </a:lnTo>
                <a:lnTo>
                  <a:pt x="2398525" y="3242633"/>
                </a:lnTo>
                <a:close/>
                <a:moveTo>
                  <a:pt x="2261766" y="3241522"/>
                </a:moveTo>
                <a:lnTo>
                  <a:pt x="2261766" y="3256298"/>
                </a:lnTo>
                <a:lnTo>
                  <a:pt x="2276542" y="3256298"/>
                </a:lnTo>
                <a:lnTo>
                  <a:pt x="2276542" y="3241522"/>
                </a:lnTo>
                <a:close/>
                <a:moveTo>
                  <a:pt x="2137412" y="3240226"/>
                </a:moveTo>
                <a:lnTo>
                  <a:pt x="2137412" y="3257594"/>
                </a:lnTo>
                <a:lnTo>
                  <a:pt x="2154780" y="3257594"/>
                </a:lnTo>
                <a:lnTo>
                  <a:pt x="2154780" y="3240226"/>
                </a:lnTo>
                <a:close/>
                <a:moveTo>
                  <a:pt x="2013059" y="3238893"/>
                </a:moveTo>
                <a:lnTo>
                  <a:pt x="2013059" y="3258890"/>
                </a:lnTo>
                <a:lnTo>
                  <a:pt x="2033056" y="3258890"/>
                </a:lnTo>
                <a:lnTo>
                  <a:pt x="2033056" y="3238893"/>
                </a:lnTo>
                <a:close/>
                <a:moveTo>
                  <a:pt x="1888668" y="3237634"/>
                </a:moveTo>
                <a:lnTo>
                  <a:pt x="1888668" y="3260223"/>
                </a:lnTo>
                <a:lnTo>
                  <a:pt x="1911257" y="3260223"/>
                </a:lnTo>
                <a:lnTo>
                  <a:pt x="1911257" y="3237634"/>
                </a:lnTo>
                <a:close/>
                <a:moveTo>
                  <a:pt x="1764093" y="3236115"/>
                </a:moveTo>
                <a:lnTo>
                  <a:pt x="1764093" y="3261741"/>
                </a:lnTo>
                <a:lnTo>
                  <a:pt x="1789719" y="3261741"/>
                </a:lnTo>
                <a:lnTo>
                  <a:pt x="1789719" y="3236115"/>
                </a:lnTo>
                <a:close/>
                <a:moveTo>
                  <a:pt x="1639517" y="3234597"/>
                </a:moveTo>
                <a:lnTo>
                  <a:pt x="1639517" y="3263260"/>
                </a:lnTo>
                <a:lnTo>
                  <a:pt x="1668180" y="3263260"/>
                </a:lnTo>
                <a:lnTo>
                  <a:pt x="1668180" y="3234597"/>
                </a:lnTo>
                <a:close/>
                <a:moveTo>
                  <a:pt x="1514941" y="3233079"/>
                </a:moveTo>
                <a:lnTo>
                  <a:pt x="1514941" y="3264778"/>
                </a:lnTo>
                <a:lnTo>
                  <a:pt x="1546640" y="3264778"/>
                </a:lnTo>
                <a:lnTo>
                  <a:pt x="1546640" y="3233079"/>
                </a:lnTo>
                <a:close/>
                <a:moveTo>
                  <a:pt x="1390588" y="3231745"/>
                </a:moveTo>
                <a:lnTo>
                  <a:pt x="1390588" y="3266074"/>
                </a:lnTo>
                <a:lnTo>
                  <a:pt x="1424917" y="3266074"/>
                </a:lnTo>
                <a:lnTo>
                  <a:pt x="1424917" y="3231745"/>
                </a:lnTo>
                <a:close/>
                <a:moveTo>
                  <a:pt x="1266012" y="3230227"/>
                </a:moveTo>
                <a:lnTo>
                  <a:pt x="1266012" y="3267592"/>
                </a:lnTo>
                <a:lnTo>
                  <a:pt x="1303377" y="3267592"/>
                </a:lnTo>
                <a:lnTo>
                  <a:pt x="1303377" y="3230227"/>
                </a:lnTo>
                <a:close/>
                <a:moveTo>
                  <a:pt x="1141622" y="3228931"/>
                </a:moveTo>
                <a:lnTo>
                  <a:pt x="1141622" y="3268889"/>
                </a:lnTo>
                <a:lnTo>
                  <a:pt x="1181580" y="3268889"/>
                </a:lnTo>
                <a:lnTo>
                  <a:pt x="1181580" y="3228931"/>
                </a:lnTo>
                <a:close/>
                <a:moveTo>
                  <a:pt x="1017491" y="3227820"/>
                </a:moveTo>
                <a:lnTo>
                  <a:pt x="1017491" y="3269962"/>
                </a:lnTo>
                <a:lnTo>
                  <a:pt x="1059633" y="3269962"/>
                </a:lnTo>
                <a:lnTo>
                  <a:pt x="1059633" y="3227820"/>
                </a:lnTo>
                <a:close/>
                <a:moveTo>
                  <a:pt x="893359" y="3226783"/>
                </a:moveTo>
                <a:lnTo>
                  <a:pt x="893359" y="3271073"/>
                </a:lnTo>
                <a:lnTo>
                  <a:pt x="937649" y="3271073"/>
                </a:lnTo>
                <a:lnTo>
                  <a:pt x="937649" y="3226783"/>
                </a:lnTo>
                <a:close/>
                <a:moveTo>
                  <a:pt x="769191" y="3225672"/>
                </a:moveTo>
                <a:lnTo>
                  <a:pt x="769191" y="3272147"/>
                </a:lnTo>
                <a:lnTo>
                  <a:pt x="815666" y="3272147"/>
                </a:lnTo>
                <a:lnTo>
                  <a:pt x="815666" y="3225672"/>
                </a:lnTo>
                <a:close/>
                <a:moveTo>
                  <a:pt x="645282" y="3224820"/>
                </a:moveTo>
                <a:lnTo>
                  <a:pt x="645282" y="3273036"/>
                </a:lnTo>
                <a:lnTo>
                  <a:pt x="693498" y="3273036"/>
                </a:lnTo>
                <a:lnTo>
                  <a:pt x="693498" y="3224820"/>
                </a:lnTo>
                <a:close/>
                <a:moveTo>
                  <a:pt x="521336" y="3223932"/>
                </a:moveTo>
                <a:lnTo>
                  <a:pt x="521336" y="3273888"/>
                </a:lnTo>
                <a:lnTo>
                  <a:pt x="571292" y="3273888"/>
                </a:lnTo>
                <a:lnTo>
                  <a:pt x="571292" y="3223932"/>
                </a:lnTo>
                <a:close/>
                <a:moveTo>
                  <a:pt x="397612" y="3223302"/>
                </a:moveTo>
                <a:lnTo>
                  <a:pt x="397612" y="3274554"/>
                </a:lnTo>
                <a:lnTo>
                  <a:pt x="448864" y="3274554"/>
                </a:lnTo>
                <a:lnTo>
                  <a:pt x="448864" y="3223302"/>
                </a:lnTo>
                <a:close/>
                <a:moveTo>
                  <a:pt x="28218" y="3223043"/>
                </a:moveTo>
                <a:lnTo>
                  <a:pt x="28218" y="3274740"/>
                </a:lnTo>
                <a:lnTo>
                  <a:pt x="79915" y="3274740"/>
                </a:lnTo>
                <a:lnTo>
                  <a:pt x="79915" y="3223043"/>
                </a:lnTo>
                <a:close/>
                <a:moveTo>
                  <a:pt x="274147" y="3222858"/>
                </a:moveTo>
                <a:lnTo>
                  <a:pt x="274147" y="3274962"/>
                </a:lnTo>
                <a:lnTo>
                  <a:pt x="326251" y="3274962"/>
                </a:lnTo>
                <a:lnTo>
                  <a:pt x="326251" y="3222858"/>
                </a:lnTo>
                <a:close/>
                <a:moveTo>
                  <a:pt x="150646" y="3222413"/>
                </a:moveTo>
                <a:lnTo>
                  <a:pt x="150646" y="3275406"/>
                </a:lnTo>
                <a:lnTo>
                  <a:pt x="203639" y="3275406"/>
                </a:lnTo>
                <a:lnTo>
                  <a:pt x="203639" y="3222413"/>
                </a:lnTo>
                <a:close/>
                <a:moveTo>
                  <a:pt x="4484019" y="3125612"/>
                </a:moveTo>
                <a:lnTo>
                  <a:pt x="4484019" y="3126056"/>
                </a:lnTo>
                <a:lnTo>
                  <a:pt x="4484463" y="3126056"/>
                </a:lnTo>
                <a:lnTo>
                  <a:pt x="4484463" y="3125612"/>
                </a:lnTo>
                <a:close/>
                <a:moveTo>
                  <a:pt x="4360961" y="3125612"/>
                </a:moveTo>
                <a:lnTo>
                  <a:pt x="4360961" y="3126056"/>
                </a:lnTo>
                <a:lnTo>
                  <a:pt x="4361405" y="3126056"/>
                </a:lnTo>
                <a:lnTo>
                  <a:pt x="4361405" y="3125612"/>
                </a:lnTo>
                <a:close/>
                <a:moveTo>
                  <a:pt x="4237904" y="3125612"/>
                </a:moveTo>
                <a:lnTo>
                  <a:pt x="4237904" y="3126056"/>
                </a:lnTo>
                <a:lnTo>
                  <a:pt x="4238348" y="3126056"/>
                </a:lnTo>
                <a:lnTo>
                  <a:pt x="4238348" y="3125612"/>
                </a:lnTo>
                <a:close/>
                <a:moveTo>
                  <a:pt x="4114847" y="3125612"/>
                </a:moveTo>
                <a:lnTo>
                  <a:pt x="4114847" y="3126056"/>
                </a:lnTo>
                <a:lnTo>
                  <a:pt x="4115291" y="3126056"/>
                </a:lnTo>
                <a:lnTo>
                  <a:pt x="4115291" y="3125612"/>
                </a:lnTo>
                <a:close/>
                <a:moveTo>
                  <a:pt x="3991789" y="3125612"/>
                </a:moveTo>
                <a:lnTo>
                  <a:pt x="3991789" y="3126056"/>
                </a:lnTo>
                <a:lnTo>
                  <a:pt x="3992234" y="3126056"/>
                </a:lnTo>
                <a:lnTo>
                  <a:pt x="3992234" y="3125612"/>
                </a:lnTo>
                <a:close/>
                <a:moveTo>
                  <a:pt x="3868732" y="3125612"/>
                </a:moveTo>
                <a:lnTo>
                  <a:pt x="3868732" y="3126056"/>
                </a:lnTo>
                <a:lnTo>
                  <a:pt x="3869176" y="3126056"/>
                </a:lnTo>
                <a:lnTo>
                  <a:pt x="3869176" y="3125612"/>
                </a:lnTo>
                <a:close/>
                <a:moveTo>
                  <a:pt x="3745675" y="3125612"/>
                </a:moveTo>
                <a:lnTo>
                  <a:pt x="3745675" y="3126056"/>
                </a:lnTo>
                <a:lnTo>
                  <a:pt x="3746119" y="3126056"/>
                </a:lnTo>
                <a:lnTo>
                  <a:pt x="3746119" y="3125612"/>
                </a:lnTo>
                <a:close/>
                <a:moveTo>
                  <a:pt x="3622395" y="3125426"/>
                </a:moveTo>
                <a:lnTo>
                  <a:pt x="3622395" y="3126278"/>
                </a:lnTo>
                <a:lnTo>
                  <a:pt x="3623247" y="3126278"/>
                </a:lnTo>
                <a:lnTo>
                  <a:pt x="3623247" y="3125426"/>
                </a:lnTo>
                <a:close/>
                <a:moveTo>
                  <a:pt x="3499116" y="3125204"/>
                </a:moveTo>
                <a:lnTo>
                  <a:pt x="3499116" y="3126500"/>
                </a:lnTo>
                <a:lnTo>
                  <a:pt x="3500412" y="3126500"/>
                </a:lnTo>
                <a:lnTo>
                  <a:pt x="3500412" y="3125204"/>
                </a:lnTo>
                <a:close/>
                <a:moveTo>
                  <a:pt x="3375836" y="3124983"/>
                </a:moveTo>
                <a:lnTo>
                  <a:pt x="3375836" y="3126723"/>
                </a:lnTo>
                <a:lnTo>
                  <a:pt x="3377576" y="3126723"/>
                </a:lnTo>
                <a:lnTo>
                  <a:pt x="3377576" y="3124983"/>
                </a:lnTo>
                <a:close/>
                <a:moveTo>
                  <a:pt x="3252557" y="3124760"/>
                </a:moveTo>
                <a:lnTo>
                  <a:pt x="3252557" y="3126945"/>
                </a:lnTo>
                <a:lnTo>
                  <a:pt x="3254742" y="3126945"/>
                </a:lnTo>
                <a:lnTo>
                  <a:pt x="3254742" y="3124760"/>
                </a:lnTo>
                <a:close/>
                <a:moveTo>
                  <a:pt x="3128833" y="3124093"/>
                </a:moveTo>
                <a:lnTo>
                  <a:pt x="3128833" y="3127574"/>
                </a:lnTo>
                <a:lnTo>
                  <a:pt x="3132314" y="3127574"/>
                </a:lnTo>
                <a:lnTo>
                  <a:pt x="3132314" y="3124093"/>
                </a:lnTo>
                <a:close/>
                <a:moveTo>
                  <a:pt x="3005331" y="3123686"/>
                </a:moveTo>
                <a:lnTo>
                  <a:pt x="3005331" y="3128019"/>
                </a:lnTo>
                <a:lnTo>
                  <a:pt x="3009664" y="3128019"/>
                </a:lnTo>
                <a:lnTo>
                  <a:pt x="3009664" y="3123686"/>
                </a:lnTo>
                <a:close/>
                <a:moveTo>
                  <a:pt x="2881644" y="3123056"/>
                </a:moveTo>
                <a:lnTo>
                  <a:pt x="2881644" y="3128685"/>
                </a:lnTo>
                <a:lnTo>
                  <a:pt x="2887273" y="3128685"/>
                </a:lnTo>
                <a:lnTo>
                  <a:pt x="2887273" y="3123056"/>
                </a:lnTo>
                <a:close/>
                <a:moveTo>
                  <a:pt x="2757698" y="3122168"/>
                </a:moveTo>
                <a:lnTo>
                  <a:pt x="2757698" y="3129537"/>
                </a:lnTo>
                <a:lnTo>
                  <a:pt x="2765067" y="3129537"/>
                </a:lnTo>
                <a:lnTo>
                  <a:pt x="2765067" y="3122168"/>
                </a:lnTo>
                <a:close/>
                <a:moveTo>
                  <a:pt x="2633789" y="3121316"/>
                </a:moveTo>
                <a:lnTo>
                  <a:pt x="2633789" y="3130426"/>
                </a:lnTo>
                <a:lnTo>
                  <a:pt x="2642899" y="3130426"/>
                </a:lnTo>
                <a:lnTo>
                  <a:pt x="2642899" y="3121316"/>
                </a:lnTo>
                <a:close/>
                <a:moveTo>
                  <a:pt x="2509843" y="3120428"/>
                </a:moveTo>
                <a:lnTo>
                  <a:pt x="2509843" y="3131278"/>
                </a:lnTo>
                <a:lnTo>
                  <a:pt x="2520693" y="3131278"/>
                </a:lnTo>
                <a:lnTo>
                  <a:pt x="2520693" y="3120428"/>
                </a:lnTo>
                <a:close/>
                <a:moveTo>
                  <a:pt x="2385712" y="3119317"/>
                </a:moveTo>
                <a:lnTo>
                  <a:pt x="2385712" y="3132352"/>
                </a:lnTo>
                <a:lnTo>
                  <a:pt x="2398747" y="3132352"/>
                </a:lnTo>
                <a:lnTo>
                  <a:pt x="2398747" y="3119317"/>
                </a:lnTo>
                <a:close/>
                <a:moveTo>
                  <a:pt x="2261136" y="3117798"/>
                </a:moveTo>
                <a:lnTo>
                  <a:pt x="2261136" y="3133870"/>
                </a:lnTo>
                <a:lnTo>
                  <a:pt x="2277208" y="3133870"/>
                </a:lnTo>
                <a:lnTo>
                  <a:pt x="2277208" y="3117798"/>
                </a:lnTo>
                <a:close/>
                <a:moveTo>
                  <a:pt x="2136746" y="3116539"/>
                </a:moveTo>
                <a:lnTo>
                  <a:pt x="2136746" y="3135203"/>
                </a:lnTo>
                <a:lnTo>
                  <a:pt x="2155410" y="3135203"/>
                </a:lnTo>
                <a:lnTo>
                  <a:pt x="2155410" y="3116539"/>
                </a:lnTo>
                <a:close/>
                <a:moveTo>
                  <a:pt x="2012170" y="3115020"/>
                </a:moveTo>
                <a:lnTo>
                  <a:pt x="2012170" y="3136721"/>
                </a:lnTo>
                <a:lnTo>
                  <a:pt x="2033871" y="3136721"/>
                </a:lnTo>
                <a:lnTo>
                  <a:pt x="2033871" y="3115020"/>
                </a:lnTo>
                <a:close/>
                <a:moveTo>
                  <a:pt x="1887594" y="3113466"/>
                </a:moveTo>
                <a:lnTo>
                  <a:pt x="1887594" y="3138240"/>
                </a:lnTo>
                <a:lnTo>
                  <a:pt x="1912368" y="3138240"/>
                </a:lnTo>
                <a:lnTo>
                  <a:pt x="1912368" y="3113466"/>
                </a:lnTo>
                <a:close/>
                <a:moveTo>
                  <a:pt x="1763019" y="3111947"/>
                </a:moveTo>
                <a:lnTo>
                  <a:pt x="1763019" y="3139758"/>
                </a:lnTo>
                <a:lnTo>
                  <a:pt x="1790830" y="3139758"/>
                </a:lnTo>
                <a:lnTo>
                  <a:pt x="1790830" y="3111947"/>
                </a:lnTo>
                <a:close/>
                <a:moveTo>
                  <a:pt x="1638443" y="3110428"/>
                </a:moveTo>
                <a:lnTo>
                  <a:pt x="1638443" y="3141276"/>
                </a:lnTo>
                <a:lnTo>
                  <a:pt x="1669291" y="3141276"/>
                </a:lnTo>
                <a:lnTo>
                  <a:pt x="1669291" y="3110428"/>
                </a:lnTo>
                <a:close/>
                <a:moveTo>
                  <a:pt x="1513645" y="3108688"/>
                </a:moveTo>
                <a:lnTo>
                  <a:pt x="1513645" y="3143017"/>
                </a:lnTo>
                <a:lnTo>
                  <a:pt x="1547974" y="3143017"/>
                </a:lnTo>
                <a:lnTo>
                  <a:pt x="1547974" y="3108688"/>
                </a:lnTo>
                <a:close/>
                <a:moveTo>
                  <a:pt x="1389070" y="3107170"/>
                </a:moveTo>
                <a:lnTo>
                  <a:pt x="1389070" y="3144535"/>
                </a:lnTo>
                <a:lnTo>
                  <a:pt x="1426435" y="3144535"/>
                </a:lnTo>
                <a:lnTo>
                  <a:pt x="1426435" y="3107170"/>
                </a:lnTo>
                <a:close/>
                <a:moveTo>
                  <a:pt x="1264272" y="3105467"/>
                </a:moveTo>
                <a:lnTo>
                  <a:pt x="1264272" y="3146276"/>
                </a:lnTo>
                <a:lnTo>
                  <a:pt x="1305081" y="3146276"/>
                </a:lnTo>
                <a:lnTo>
                  <a:pt x="1305081" y="3105467"/>
                </a:lnTo>
                <a:close/>
                <a:moveTo>
                  <a:pt x="1139881" y="3104134"/>
                </a:moveTo>
                <a:lnTo>
                  <a:pt x="1139881" y="3147572"/>
                </a:lnTo>
                <a:lnTo>
                  <a:pt x="1183320" y="3147572"/>
                </a:lnTo>
                <a:lnTo>
                  <a:pt x="1183320" y="3104134"/>
                </a:lnTo>
                <a:close/>
                <a:moveTo>
                  <a:pt x="1015306" y="3102615"/>
                </a:moveTo>
                <a:lnTo>
                  <a:pt x="1015306" y="3149090"/>
                </a:lnTo>
                <a:lnTo>
                  <a:pt x="1061781" y="3149090"/>
                </a:lnTo>
                <a:lnTo>
                  <a:pt x="1061781" y="3102615"/>
                </a:lnTo>
                <a:close/>
                <a:moveTo>
                  <a:pt x="890952" y="3101318"/>
                </a:moveTo>
                <a:lnTo>
                  <a:pt x="890952" y="3150386"/>
                </a:lnTo>
                <a:lnTo>
                  <a:pt x="940019" y="3150386"/>
                </a:lnTo>
                <a:lnTo>
                  <a:pt x="940019" y="3101318"/>
                </a:lnTo>
                <a:close/>
                <a:moveTo>
                  <a:pt x="766821" y="3100245"/>
                </a:moveTo>
                <a:lnTo>
                  <a:pt x="766821" y="3151497"/>
                </a:lnTo>
                <a:lnTo>
                  <a:pt x="818073" y="3151497"/>
                </a:lnTo>
                <a:lnTo>
                  <a:pt x="818073" y="3100245"/>
                </a:lnTo>
                <a:close/>
                <a:moveTo>
                  <a:pt x="642875" y="3099356"/>
                </a:moveTo>
                <a:lnTo>
                  <a:pt x="642875" y="3152349"/>
                </a:lnTo>
                <a:lnTo>
                  <a:pt x="695868" y="3152349"/>
                </a:lnTo>
                <a:lnTo>
                  <a:pt x="695868" y="3099356"/>
                </a:lnTo>
                <a:close/>
                <a:moveTo>
                  <a:pt x="518966" y="3098468"/>
                </a:moveTo>
                <a:lnTo>
                  <a:pt x="518966" y="3153201"/>
                </a:lnTo>
                <a:lnTo>
                  <a:pt x="573699" y="3153201"/>
                </a:lnTo>
                <a:lnTo>
                  <a:pt x="573699" y="3098468"/>
                </a:lnTo>
                <a:close/>
                <a:moveTo>
                  <a:pt x="395242" y="3097837"/>
                </a:moveTo>
                <a:lnTo>
                  <a:pt x="395242" y="3153867"/>
                </a:lnTo>
                <a:lnTo>
                  <a:pt x="451271" y="3153867"/>
                </a:lnTo>
                <a:lnTo>
                  <a:pt x="451271" y="3097837"/>
                </a:lnTo>
                <a:close/>
                <a:moveTo>
                  <a:pt x="25626" y="3097431"/>
                </a:moveTo>
                <a:lnTo>
                  <a:pt x="25626" y="3154312"/>
                </a:lnTo>
                <a:lnTo>
                  <a:pt x="82507" y="3154312"/>
                </a:lnTo>
                <a:lnTo>
                  <a:pt x="82507" y="3097431"/>
                </a:lnTo>
                <a:close/>
                <a:moveTo>
                  <a:pt x="271518" y="3097209"/>
                </a:moveTo>
                <a:lnTo>
                  <a:pt x="271518" y="3154534"/>
                </a:lnTo>
                <a:lnTo>
                  <a:pt x="328844" y="3154534"/>
                </a:lnTo>
                <a:lnTo>
                  <a:pt x="328844" y="3097209"/>
                </a:lnTo>
                <a:close/>
                <a:moveTo>
                  <a:pt x="148016" y="3096727"/>
                </a:moveTo>
                <a:lnTo>
                  <a:pt x="148016" y="3154941"/>
                </a:lnTo>
                <a:lnTo>
                  <a:pt x="206230" y="3154941"/>
                </a:lnTo>
                <a:lnTo>
                  <a:pt x="206230" y="3096727"/>
                </a:lnTo>
                <a:close/>
                <a:moveTo>
                  <a:pt x="4360961" y="3002555"/>
                </a:moveTo>
                <a:lnTo>
                  <a:pt x="4360961" y="3002999"/>
                </a:lnTo>
                <a:lnTo>
                  <a:pt x="4361405" y="3002999"/>
                </a:lnTo>
                <a:lnTo>
                  <a:pt x="4361405" y="3002555"/>
                </a:lnTo>
                <a:close/>
                <a:moveTo>
                  <a:pt x="4237904" y="3002555"/>
                </a:moveTo>
                <a:lnTo>
                  <a:pt x="4237904" y="3002999"/>
                </a:lnTo>
                <a:lnTo>
                  <a:pt x="4238348" y="3002999"/>
                </a:lnTo>
                <a:lnTo>
                  <a:pt x="4238348" y="3002555"/>
                </a:lnTo>
                <a:close/>
                <a:moveTo>
                  <a:pt x="4114847" y="3002555"/>
                </a:moveTo>
                <a:lnTo>
                  <a:pt x="4114847" y="3002999"/>
                </a:lnTo>
                <a:lnTo>
                  <a:pt x="4115291" y="3002999"/>
                </a:lnTo>
                <a:lnTo>
                  <a:pt x="4115291" y="3002555"/>
                </a:lnTo>
                <a:close/>
                <a:moveTo>
                  <a:pt x="3991789" y="3002555"/>
                </a:moveTo>
                <a:lnTo>
                  <a:pt x="3991789" y="3002999"/>
                </a:lnTo>
                <a:lnTo>
                  <a:pt x="3992234" y="3002999"/>
                </a:lnTo>
                <a:lnTo>
                  <a:pt x="3992234" y="3002555"/>
                </a:lnTo>
                <a:close/>
                <a:moveTo>
                  <a:pt x="3868732" y="3002555"/>
                </a:moveTo>
                <a:lnTo>
                  <a:pt x="3868732" y="3002999"/>
                </a:lnTo>
                <a:lnTo>
                  <a:pt x="3869176" y="3002999"/>
                </a:lnTo>
                <a:lnTo>
                  <a:pt x="3869176" y="3002555"/>
                </a:lnTo>
                <a:close/>
                <a:moveTo>
                  <a:pt x="3745675" y="3002555"/>
                </a:moveTo>
                <a:lnTo>
                  <a:pt x="3745675" y="3002999"/>
                </a:lnTo>
                <a:lnTo>
                  <a:pt x="3746119" y="3002999"/>
                </a:lnTo>
                <a:lnTo>
                  <a:pt x="3746119" y="3002555"/>
                </a:lnTo>
                <a:close/>
                <a:moveTo>
                  <a:pt x="3622395" y="3002369"/>
                </a:moveTo>
                <a:lnTo>
                  <a:pt x="3622395" y="3003221"/>
                </a:lnTo>
                <a:lnTo>
                  <a:pt x="3623247" y="3003221"/>
                </a:lnTo>
                <a:lnTo>
                  <a:pt x="3623247" y="3002369"/>
                </a:lnTo>
                <a:close/>
                <a:moveTo>
                  <a:pt x="3499116" y="3002147"/>
                </a:moveTo>
                <a:lnTo>
                  <a:pt x="3499116" y="3003443"/>
                </a:lnTo>
                <a:lnTo>
                  <a:pt x="3500412" y="3003443"/>
                </a:lnTo>
                <a:lnTo>
                  <a:pt x="3500412" y="3002147"/>
                </a:lnTo>
                <a:close/>
                <a:moveTo>
                  <a:pt x="3375836" y="3001925"/>
                </a:moveTo>
                <a:lnTo>
                  <a:pt x="3375836" y="3003665"/>
                </a:lnTo>
                <a:lnTo>
                  <a:pt x="3377576" y="3003665"/>
                </a:lnTo>
                <a:lnTo>
                  <a:pt x="3377576" y="3001925"/>
                </a:lnTo>
                <a:close/>
                <a:moveTo>
                  <a:pt x="3252557" y="3001703"/>
                </a:moveTo>
                <a:lnTo>
                  <a:pt x="3252557" y="3003888"/>
                </a:lnTo>
                <a:lnTo>
                  <a:pt x="3254742" y="3003888"/>
                </a:lnTo>
                <a:lnTo>
                  <a:pt x="3254742" y="3001703"/>
                </a:lnTo>
                <a:close/>
                <a:moveTo>
                  <a:pt x="3129055" y="3001258"/>
                </a:moveTo>
                <a:lnTo>
                  <a:pt x="3129055" y="3004295"/>
                </a:lnTo>
                <a:lnTo>
                  <a:pt x="3132092" y="3004295"/>
                </a:lnTo>
                <a:lnTo>
                  <a:pt x="3132092" y="3001258"/>
                </a:lnTo>
                <a:close/>
                <a:moveTo>
                  <a:pt x="3005331" y="3000628"/>
                </a:moveTo>
                <a:lnTo>
                  <a:pt x="3005331" y="3004961"/>
                </a:lnTo>
                <a:lnTo>
                  <a:pt x="3009664" y="3004961"/>
                </a:lnTo>
                <a:lnTo>
                  <a:pt x="3009664" y="3000628"/>
                </a:lnTo>
                <a:close/>
                <a:moveTo>
                  <a:pt x="2881644" y="2999999"/>
                </a:moveTo>
                <a:lnTo>
                  <a:pt x="2881644" y="3005628"/>
                </a:lnTo>
                <a:lnTo>
                  <a:pt x="2887273" y="3005628"/>
                </a:lnTo>
                <a:lnTo>
                  <a:pt x="2887273" y="2999999"/>
                </a:lnTo>
                <a:close/>
                <a:moveTo>
                  <a:pt x="2757698" y="2999111"/>
                </a:moveTo>
                <a:lnTo>
                  <a:pt x="2757698" y="3006480"/>
                </a:lnTo>
                <a:lnTo>
                  <a:pt x="2765067" y="3006480"/>
                </a:lnTo>
                <a:lnTo>
                  <a:pt x="2765067" y="2999111"/>
                </a:lnTo>
                <a:close/>
                <a:moveTo>
                  <a:pt x="2633789" y="2998259"/>
                </a:moveTo>
                <a:lnTo>
                  <a:pt x="2633789" y="3007369"/>
                </a:lnTo>
                <a:lnTo>
                  <a:pt x="2642899" y="3007369"/>
                </a:lnTo>
                <a:lnTo>
                  <a:pt x="2642899" y="2998259"/>
                </a:lnTo>
                <a:close/>
                <a:moveTo>
                  <a:pt x="2509621" y="2997147"/>
                </a:moveTo>
                <a:lnTo>
                  <a:pt x="2509621" y="3008442"/>
                </a:lnTo>
                <a:lnTo>
                  <a:pt x="2520916" y="3008442"/>
                </a:lnTo>
                <a:lnTo>
                  <a:pt x="2520916" y="2997147"/>
                </a:lnTo>
                <a:close/>
                <a:moveTo>
                  <a:pt x="2385267" y="2995852"/>
                </a:moveTo>
                <a:lnTo>
                  <a:pt x="2385267" y="3009739"/>
                </a:lnTo>
                <a:lnTo>
                  <a:pt x="2399154" y="3009739"/>
                </a:lnTo>
                <a:lnTo>
                  <a:pt x="2399154" y="2995852"/>
                </a:lnTo>
                <a:close/>
                <a:moveTo>
                  <a:pt x="2260914" y="2994519"/>
                </a:moveTo>
                <a:lnTo>
                  <a:pt x="2260914" y="3011035"/>
                </a:lnTo>
                <a:lnTo>
                  <a:pt x="2277430" y="3011035"/>
                </a:lnTo>
                <a:lnTo>
                  <a:pt x="2277430" y="2994519"/>
                </a:lnTo>
                <a:close/>
                <a:moveTo>
                  <a:pt x="2136338" y="2993000"/>
                </a:moveTo>
                <a:lnTo>
                  <a:pt x="2136338" y="3012553"/>
                </a:lnTo>
                <a:lnTo>
                  <a:pt x="2155891" y="3012553"/>
                </a:lnTo>
                <a:lnTo>
                  <a:pt x="2155891" y="2993000"/>
                </a:lnTo>
                <a:close/>
                <a:moveTo>
                  <a:pt x="2011540" y="2991260"/>
                </a:moveTo>
                <a:lnTo>
                  <a:pt x="2011540" y="3014294"/>
                </a:lnTo>
                <a:lnTo>
                  <a:pt x="2034574" y="3014294"/>
                </a:lnTo>
                <a:lnTo>
                  <a:pt x="2034574" y="2991260"/>
                </a:lnTo>
                <a:close/>
                <a:moveTo>
                  <a:pt x="1886743" y="2989556"/>
                </a:moveTo>
                <a:lnTo>
                  <a:pt x="1886743" y="3016034"/>
                </a:lnTo>
                <a:lnTo>
                  <a:pt x="1913221" y="3016034"/>
                </a:lnTo>
                <a:lnTo>
                  <a:pt x="1913221" y="2989556"/>
                </a:lnTo>
                <a:close/>
                <a:moveTo>
                  <a:pt x="1761945" y="2987816"/>
                </a:moveTo>
                <a:lnTo>
                  <a:pt x="1761945" y="3017775"/>
                </a:lnTo>
                <a:lnTo>
                  <a:pt x="1791904" y="3017775"/>
                </a:lnTo>
                <a:lnTo>
                  <a:pt x="1791904" y="2987816"/>
                </a:lnTo>
                <a:close/>
                <a:moveTo>
                  <a:pt x="1637147" y="2986075"/>
                </a:moveTo>
                <a:lnTo>
                  <a:pt x="1637147" y="3019515"/>
                </a:lnTo>
                <a:lnTo>
                  <a:pt x="1670587" y="3019515"/>
                </a:lnTo>
                <a:lnTo>
                  <a:pt x="1670587" y="2986075"/>
                </a:lnTo>
                <a:close/>
                <a:moveTo>
                  <a:pt x="1512349" y="2984335"/>
                </a:moveTo>
                <a:lnTo>
                  <a:pt x="1512349" y="3021256"/>
                </a:lnTo>
                <a:lnTo>
                  <a:pt x="1549270" y="3021256"/>
                </a:lnTo>
                <a:lnTo>
                  <a:pt x="1549270" y="2984335"/>
                </a:lnTo>
                <a:close/>
                <a:moveTo>
                  <a:pt x="1387329" y="2982409"/>
                </a:moveTo>
                <a:lnTo>
                  <a:pt x="1387329" y="3023218"/>
                </a:lnTo>
                <a:lnTo>
                  <a:pt x="1428138" y="3023218"/>
                </a:lnTo>
                <a:lnTo>
                  <a:pt x="1428138" y="2982409"/>
                </a:lnTo>
                <a:close/>
                <a:moveTo>
                  <a:pt x="1262531" y="2980669"/>
                </a:moveTo>
                <a:lnTo>
                  <a:pt x="1262531" y="3024959"/>
                </a:lnTo>
                <a:lnTo>
                  <a:pt x="1306821" y="3024959"/>
                </a:lnTo>
                <a:lnTo>
                  <a:pt x="1306821" y="2980669"/>
                </a:lnTo>
                <a:close/>
                <a:moveTo>
                  <a:pt x="1137956" y="2979150"/>
                </a:moveTo>
                <a:lnTo>
                  <a:pt x="1137956" y="3026477"/>
                </a:lnTo>
                <a:lnTo>
                  <a:pt x="1185283" y="3026477"/>
                </a:lnTo>
                <a:lnTo>
                  <a:pt x="1185283" y="2979150"/>
                </a:lnTo>
                <a:close/>
                <a:moveTo>
                  <a:pt x="1013380" y="2977594"/>
                </a:moveTo>
                <a:lnTo>
                  <a:pt x="1013380" y="3027995"/>
                </a:lnTo>
                <a:lnTo>
                  <a:pt x="1063780" y="3027995"/>
                </a:lnTo>
                <a:lnTo>
                  <a:pt x="1063780" y="2977594"/>
                </a:lnTo>
                <a:close/>
                <a:moveTo>
                  <a:pt x="888767" y="2976077"/>
                </a:moveTo>
                <a:lnTo>
                  <a:pt x="888767" y="3029514"/>
                </a:lnTo>
                <a:lnTo>
                  <a:pt x="942204" y="3029514"/>
                </a:lnTo>
                <a:lnTo>
                  <a:pt x="942204" y="2976077"/>
                </a:lnTo>
                <a:close/>
                <a:moveTo>
                  <a:pt x="764636" y="2975003"/>
                </a:moveTo>
                <a:lnTo>
                  <a:pt x="764636" y="3030588"/>
                </a:lnTo>
                <a:lnTo>
                  <a:pt x="820221" y="3030588"/>
                </a:lnTo>
                <a:lnTo>
                  <a:pt x="820221" y="2975003"/>
                </a:lnTo>
                <a:close/>
                <a:moveTo>
                  <a:pt x="640505" y="2973892"/>
                </a:moveTo>
                <a:lnTo>
                  <a:pt x="640505" y="3031662"/>
                </a:lnTo>
                <a:lnTo>
                  <a:pt x="698275" y="3031662"/>
                </a:lnTo>
                <a:lnTo>
                  <a:pt x="698275" y="2973892"/>
                </a:lnTo>
                <a:close/>
                <a:moveTo>
                  <a:pt x="516559" y="2973040"/>
                </a:moveTo>
                <a:lnTo>
                  <a:pt x="516559" y="3032550"/>
                </a:lnTo>
                <a:lnTo>
                  <a:pt x="576069" y="3032550"/>
                </a:lnTo>
                <a:lnTo>
                  <a:pt x="576069" y="2973040"/>
                </a:lnTo>
                <a:close/>
                <a:moveTo>
                  <a:pt x="392650" y="2972151"/>
                </a:moveTo>
                <a:lnTo>
                  <a:pt x="392650" y="3033402"/>
                </a:lnTo>
                <a:lnTo>
                  <a:pt x="453901" y="3033402"/>
                </a:lnTo>
                <a:lnTo>
                  <a:pt x="453901" y="2972151"/>
                </a:lnTo>
                <a:close/>
                <a:moveTo>
                  <a:pt x="269148" y="2971743"/>
                </a:moveTo>
                <a:lnTo>
                  <a:pt x="269148" y="3033846"/>
                </a:lnTo>
                <a:lnTo>
                  <a:pt x="331251" y="3033846"/>
                </a:lnTo>
                <a:lnTo>
                  <a:pt x="331251" y="2971743"/>
                </a:lnTo>
                <a:close/>
                <a:moveTo>
                  <a:pt x="23033" y="2971743"/>
                </a:moveTo>
                <a:lnTo>
                  <a:pt x="23033" y="3033846"/>
                </a:lnTo>
                <a:lnTo>
                  <a:pt x="85136" y="3033846"/>
                </a:lnTo>
                <a:lnTo>
                  <a:pt x="85136" y="2971743"/>
                </a:lnTo>
                <a:close/>
                <a:moveTo>
                  <a:pt x="145646" y="2971300"/>
                </a:moveTo>
                <a:lnTo>
                  <a:pt x="145646" y="3034291"/>
                </a:lnTo>
                <a:lnTo>
                  <a:pt x="208637" y="3034291"/>
                </a:lnTo>
                <a:lnTo>
                  <a:pt x="208637" y="2971300"/>
                </a:lnTo>
                <a:close/>
                <a:moveTo>
                  <a:pt x="4237904" y="2879497"/>
                </a:moveTo>
                <a:lnTo>
                  <a:pt x="4237904" y="2879941"/>
                </a:lnTo>
                <a:lnTo>
                  <a:pt x="4238348" y="2879941"/>
                </a:lnTo>
                <a:lnTo>
                  <a:pt x="4238348" y="2879497"/>
                </a:lnTo>
                <a:close/>
                <a:moveTo>
                  <a:pt x="4114847" y="2879497"/>
                </a:moveTo>
                <a:lnTo>
                  <a:pt x="4114847" y="2879941"/>
                </a:lnTo>
                <a:lnTo>
                  <a:pt x="4115291" y="2879941"/>
                </a:lnTo>
                <a:lnTo>
                  <a:pt x="4115291" y="2879497"/>
                </a:lnTo>
                <a:close/>
                <a:moveTo>
                  <a:pt x="3991789" y="2879497"/>
                </a:moveTo>
                <a:lnTo>
                  <a:pt x="3991789" y="2879941"/>
                </a:lnTo>
                <a:lnTo>
                  <a:pt x="3992234" y="2879941"/>
                </a:lnTo>
                <a:lnTo>
                  <a:pt x="3992234" y="2879497"/>
                </a:lnTo>
                <a:close/>
                <a:moveTo>
                  <a:pt x="3868732" y="2879497"/>
                </a:moveTo>
                <a:lnTo>
                  <a:pt x="3868732" y="2879941"/>
                </a:lnTo>
                <a:lnTo>
                  <a:pt x="3869176" y="2879941"/>
                </a:lnTo>
                <a:lnTo>
                  <a:pt x="3869176" y="2879497"/>
                </a:lnTo>
                <a:close/>
                <a:moveTo>
                  <a:pt x="3745675" y="2879497"/>
                </a:moveTo>
                <a:lnTo>
                  <a:pt x="3745675" y="2879941"/>
                </a:lnTo>
                <a:lnTo>
                  <a:pt x="3746119" y="2879941"/>
                </a:lnTo>
                <a:lnTo>
                  <a:pt x="3746119" y="2879497"/>
                </a:lnTo>
                <a:close/>
                <a:moveTo>
                  <a:pt x="3622395" y="2879312"/>
                </a:moveTo>
                <a:lnTo>
                  <a:pt x="3622395" y="2880164"/>
                </a:lnTo>
                <a:lnTo>
                  <a:pt x="3623247" y="2880164"/>
                </a:lnTo>
                <a:lnTo>
                  <a:pt x="3623247" y="2879312"/>
                </a:lnTo>
                <a:close/>
                <a:moveTo>
                  <a:pt x="3499338" y="2879312"/>
                </a:moveTo>
                <a:lnTo>
                  <a:pt x="3499338" y="2880164"/>
                </a:lnTo>
                <a:lnTo>
                  <a:pt x="3500190" y="2880164"/>
                </a:lnTo>
                <a:lnTo>
                  <a:pt x="3500190" y="2879312"/>
                </a:lnTo>
                <a:close/>
                <a:moveTo>
                  <a:pt x="3376058" y="2879090"/>
                </a:moveTo>
                <a:lnTo>
                  <a:pt x="3376058" y="2880386"/>
                </a:lnTo>
                <a:lnTo>
                  <a:pt x="3377354" y="2880386"/>
                </a:lnTo>
                <a:lnTo>
                  <a:pt x="3377354" y="2879090"/>
                </a:lnTo>
                <a:close/>
                <a:moveTo>
                  <a:pt x="3252557" y="2878645"/>
                </a:moveTo>
                <a:lnTo>
                  <a:pt x="3252557" y="2880830"/>
                </a:lnTo>
                <a:lnTo>
                  <a:pt x="3254742" y="2880830"/>
                </a:lnTo>
                <a:lnTo>
                  <a:pt x="3254742" y="2878645"/>
                </a:lnTo>
                <a:close/>
                <a:moveTo>
                  <a:pt x="3129055" y="2878201"/>
                </a:moveTo>
                <a:lnTo>
                  <a:pt x="3129055" y="2881238"/>
                </a:lnTo>
                <a:lnTo>
                  <a:pt x="3132092" y="2881238"/>
                </a:lnTo>
                <a:lnTo>
                  <a:pt x="3132092" y="2878201"/>
                </a:lnTo>
                <a:close/>
                <a:moveTo>
                  <a:pt x="3005553" y="2877757"/>
                </a:moveTo>
                <a:lnTo>
                  <a:pt x="3005553" y="2881682"/>
                </a:lnTo>
                <a:lnTo>
                  <a:pt x="3009478" y="2881682"/>
                </a:lnTo>
                <a:lnTo>
                  <a:pt x="3009478" y="2877757"/>
                </a:lnTo>
                <a:close/>
                <a:moveTo>
                  <a:pt x="2881644" y="2876942"/>
                </a:moveTo>
                <a:lnTo>
                  <a:pt x="2881644" y="2882571"/>
                </a:lnTo>
                <a:lnTo>
                  <a:pt x="2887273" y="2882571"/>
                </a:lnTo>
                <a:lnTo>
                  <a:pt x="2887273" y="2876942"/>
                </a:lnTo>
                <a:close/>
                <a:moveTo>
                  <a:pt x="2757698" y="2876053"/>
                </a:moveTo>
                <a:lnTo>
                  <a:pt x="2757698" y="2883422"/>
                </a:lnTo>
                <a:lnTo>
                  <a:pt x="2765067" y="2883422"/>
                </a:lnTo>
                <a:lnTo>
                  <a:pt x="2765067" y="2876053"/>
                </a:lnTo>
                <a:close/>
                <a:moveTo>
                  <a:pt x="2633789" y="2875201"/>
                </a:moveTo>
                <a:lnTo>
                  <a:pt x="2633789" y="2884311"/>
                </a:lnTo>
                <a:lnTo>
                  <a:pt x="2642899" y="2884311"/>
                </a:lnTo>
                <a:lnTo>
                  <a:pt x="2642899" y="2875201"/>
                </a:lnTo>
                <a:close/>
                <a:moveTo>
                  <a:pt x="2509399" y="2873868"/>
                </a:moveTo>
                <a:lnTo>
                  <a:pt x="2509399" y="2885607"/>
                </a:lnTo>
                <a:lnTo>
                  <a:pt x="2521138" y="2885607"/>
                </a:lnTo>
                <a:lnTo>
                  <a:pt x="2521138" y="2873868"/>
                </a:lnTo>
                <a:close/>
                <a:moveTo>
                  <a:pt x="2385045" y="2872572"/>
                </a:moveTo>
                <a:lnTo>
                  <a:pt x="2385045" y="2886903"/>
                </a:lnTo>
                <a:lnTo>
                  <a:pt x="2399376" y="2886903"/>
                </a:lnTo>
                <a:lnTo>
                  <a:pt x="2399376" y="2872572"/>
                </a:lnTo>
                <a:close/>
                <a:moveTo>
                  <a:pt x="2260470" y="2871054"/>
                </a:moveTo>
                <a:lnTo>
                  <a:pt x="2260470" y="2888422"/>
                </a:lnTo>
                <a:lnTo>
                  <a:pt x="2277838" y="2888422"/>
                </a:lnTo>
                <a:lnTo>
                  <a:pt x="2277838" y="2871054"/>
                </a:lnTo>
                <a:close/>
                <a:moveTo>
                  <a:pt x="2135672" y="2869313"/>
                </a:moveTo>
                <a:lnTo>
                  <a:pt x="2135672" y="2890162"/>
                </a:lnTo>
                <a:lnTo>
                  <a:pt x="2156521" y="2890162"/>
                </a:lnTo>
                <a:lnTo>
                  <a:pt x="2156521" y="2869313"/>
                </a:lnTo>
                <a:close/>
                <a:moveTo>
                  <a:pt x="2010874" y="2867573"/>
                </a:moveTo>
                <a:lnTo>
                  <a:pt x="2010874" y="2891903"/>
                </a:lnTo>
                <a:lnTo>
                  <a:pt x="2035204" y="2891903"/>
                </a:lnTo>
                <a:lnTo>
                  <a:pt x="2035204" y="2867573"/>
                </a:lnTo>
                <a:close/>
                <a:moveTo>
                  <a:pt x="1885854" y="2865647"/>
                </a:moveTo>
                <a:lnTo>
                  <a:pt x="1885854" y="2893865"/>
                </a:lnTo>
                <a:lnTo>
                  <a:pt x="1914072" y="2893865"/>
                </a:lnTo>
                <a:lnTo>
                  <a:pt x="1914072" y="2865647"/>
                </a:lnTo>
                <a:close/>
                <a:moveTo>
                  <a:pt x="1760834" y="2863647"/>
                </a:moveTo>
                <a:lnTo>
                  <a:pt x="1760834" y="2895791"/>
                </a:lnTo>
                <a:lnTo>
                  <a:pt x="1792978" y="2895791"/>
                </a:lnTo>
                <a:lnTo>
                  <a:pt x="1792978" y="2863647"/>
                </a:lnTo>
                <a:close/>
                <a:moveTo>
                  <a:pt x="1635814" y="2861722"/>
                </a:moveTo>
                <a:lnTo>
                  <a:pt x="1635814" y="2897754"/>
                </a:lnTo>
                <a:lnTo>
                  <a:pt x="1671846" y="2897754"/>
                </a:lnTo>
                <a:lnTo>
                  <a:pt x="1671846" y="2861722"/>
                </a:lnTo>
                <a:close/>
                <a:moveTo>
                  <a:pt x="1510831" y="2859760"/>
                </a:moveTo>
                <a:lnTo>
                  <a:pt x="1510831" y="2899717"/>
                </a:lnTo>
                <a:lnTo>
                  <a:pt x="1550789" y="2899717"/>
                </a:lnTo>
                <a:lnTo>
                  <a:pt x="1550789" y="2859760"/>
                </a:lnTo>
                <a:close/>
                <a:moveTo>
                  <a:pt x="1385811" y="2857796"/>
                </a:moveTo>
                <a:lnTo>
                  <a:pt x="1385811" y="2901679"/>
                </a:lnTo>
                <a:lnTo>
                  <a:pt x="1429694" y="2901679"/>
                </a:lnTo>
                <a:lnTo>
                  <a:pt x="1429694" y="2857796"/>
                </a:lnTo>
                <a:close/>
                <a:moveTo>
                  <a:pt x="1261013" y="2856093"/>
                </a:moveTo>
                <a:lnTo>
                  <a:pt x="1261013" y="2903420"/>
                </a:lnTo>
                <a:lnTo>
                  <a:pt x="1308340" y="2903420"/>
                </a:lnTo>
                <a:lnTo>
                  <a:pt x="1308340" y="2856093"/>
                </a:lnTo>
                <a:close/>
                <a:moveTo>
                  <a:pt x="1135993" y="2854093"/>
                </a:moveTo>
                <a:lnTo>
                  <a:pt x="1135993" y="2905345"/>
                </a:lnTo>
                <a:lnTo>
                  <a:pt x="1187245" y="2905345"/>
                </a:lnTo>
                <a:lnTo>
                  <a:pt x="1187245" y="2854093"/>
                </a:lnTo>
                <a:close/>
                <a:moveTo>
                  <a:pt x="1011417" y="2852575"/>
                </a:moveTo>
                <a:lnTo>
                  <a:pt x="1011417" y="2906864"/>
                </a:lnTo>
                <a:lnTo>
                  <a:pt x="1065706" y="2906864"/>
                </a:lnTo>
                <a:lnTo>
                  <a:pt x="1065706" y="2852575"/>
                </a:lnTo>
                <a:close/>
                <a:moveTo>
                  <a:pt x="886842" y="2851057"/>
                </a:moveTo>
                <a:lnTo>
                  <a:pt x="886842" y="2908382"/>
                </a:lnTo>
                <a:lnTo>
                  <a:pt x="944168" y="2908382"/>
                </a:lnTo>
                <a:lnTo>
                  <a:pt x="944168" y="2851057"/>
                </a:lnTo>
                <a:close/>
                <a:moveTo>
                  <a:pt x="762266" y="2849538"/>
                </a:moveTo>
                <a:lnTo>
                  <a:pt x="762266" y="2909900"/>
                </a:lnTo>
                <a:lnTo>
                  <a:pt x="822628" y="2909900"/>
                </a:lnTo>
                <a:lnTo>
                  <a:pt x="822628" y="2849538"/>
                </a:lnTo>
                <a:close/>
                <a:moveTo>
                  <a:pt x="638098" y="2848464"/>
                </a:moveTo>
                <a:lnTo>
                  <a:pt x="638098" y="2911011"/>
                </a:lnTo>
                <a:lnTo>
                  <a:pt x="700645" y="2911011"/>
                </a:lnTo>
                <a:lnTo>
                  <a:pt x="700645" y="2848464"/>
                </a:lnTo>
                <a:close/>
                <a:moveTo>
                  <a:pt x="513967" y="2847353"/>
                </a:moveTo>
                <a:lnTo>
                  <a:pt x="513967" y="2912085"/>
                </a:lnTo>
                <a:lnTo>
                  <a:pt x="578699" y="2912085"/>
                </a:lnTo>
                <a:lnTo>
                  <a:pt x="578699" y="2847353"/>
                </a:lnTo>
                <a:close/>
                <a:moveTo>
                  <a:pt x="390243" y="2846724"/>
                </a:moveTo>
                <a:lnTo>
                  <a:pt x="390243" y="2912752"/>
                </a:lnTo>
                <a:lnTo>
                  <a:pt x="456271" y="2912752"/>
                </a:lnTo>
                <a:lnTo>
                  <a:pt x="456271" y="2846724"/>
                </a:lnTo>
                <a:close/>
                <a:moveTo>
                  <a:pt x="20626" y="2846279"/>
                </a:moveTo>
                <a:lnTo>
                  <a:pt x="20626" y="2913159"/>
                </a:lnTo>
                <a:lnTo>
                  <a:pt x="87506" y="2913159"/>
                </a:lnTo>
                <a:lnTo>
                  <a:pt x="87506" y="2846279"/>
                </a:lnTo>
                <a:close/>
                <a:moveTo>
                  <a:pt x="266519" y="2846057"/>
                </a:moveTo>
                <a:lnTo>
                  <a:pt x="266519" y="2913381"/>
                </a:lnTo>
                <a:lnTo>
                  <a:pt x="333843" y="2913381"/>
                </a:lnTo>
                <a:lnTo>
                  <a:pt x="333843" y="2846057"/>
                </a:lnTo>
                <a:close/>
                <a:moveTo>
                  <a:pt x="143054" y="2845650"/>
                </a:moveTo>
                <a:lnTo>
                  <a:pt x="143054" y="2913826"/>
                </a:lnTo>
                <a:lnTo>
                  <a:pt x="211230" y="2913826"/>
                </a:lnTo>
                <a:lnTo>
                  <a:pt x="211230" y="2845650"/>
                </a:lnTo>
                <a:close/>
                <a:moveTo>
                  <a:pt x="4237904" y="2756440"/>
                </a:moveTo>
                <a:lnTo>
                  <a:pt x="4237904" y="2756884"/>
                </a:lnTo>
                <a:lnTo>
                  <a:pt x="4238348" y="2756884"/>
                </a:lnTo>
                <a:lnTo>
                  <a:pt x="4238348" y="2756440"/>
                </a:lnTo>
                <a:close/>
                <a:moveTo>
                  <a:pt x="4114847" y="2756440"/>
                </a:moveTo>
                <a:lnTo>
                  <a:pt x="4114847" y="2756884"/>
                </a:lnTo>
                <a:lnTo>
                  <a:pt x="4115291" y="2756884"/>
                </a:lnTo>
                <a:lnTo>
                  <a:pt x="4115291" y="2756440"/>
                </a:lnTo>
                <a:close/>
                <a:moveTo>
                  <a:pt x="3991789" y="2756440"/>
                </a:moveTo>
                <a:lnTo>
                  <a:pt x="3991789" y="2756884"/>
                </a:lnTo>
                <a:lnTo>
                  <a:pt x="3992234" y="2756884"/>
                </a:lnTo>
                <a:lnTo>
                  <a:pt x="3992234" y="2756440"/>
                </a:lnTo>
                <a:close/>
                <a:moveTo>
                  <a:pt x="3868732" y="2756440"/>
                </a:moveTo>
                <a:lnTo>
                  <a:pt x="3868732" y="2756884"/>
                </a:lnTo>
                <a:lnTo>
                  <a:pt x="3869176" y="2756884"/>
                </a:lnTo>
                <a:lnTo>
                  <a:pt x="3869176" y="2756440"/>
                </a:lnTo>
                <a:close/>
                <a:moveTo>
                  <a:pt x="3745675" y="2756440"/>
                </a:moveTo>
                <a:lnTo>
                  <a:pt x="3745675" y="2756884"/>
                </a:lnTo>
                <a:lnTo>
                  <a:pt x="3746119" y="2756884"/>
                </a:lnTo>
                <a:lnTo>
                  <a:pt x="3746119" y="2756440"/>
                </a:lnTo>
                <a:close/>
                <a:moveTo>
                  <a:pt x="3622617" y="2756440"/>
                </a:moveTo>
                <a:lnTo>
                  <a:pt x="3622617" y="2756884"/>
                </a:lnTo>
                <a:lnTo>
                  <a:pt x="3623061" y="2756884"/>
                </a:lnTo>
                <a:lnTo>
                  <a:pt x="3623061" y="2756440"/>
                </a:lnTo>
                <a:close/>
                <a:moveTo>
                  <a:pt x="3499338" y="2756254"/>
                </a:moveTo>
                <a:lnTo>
                  <a:pt x="3499338" y="2757106"/>
                </a:lnTo>
                <a:lnTo>
                  <a:pt x="3500190" y="2757106"/>
                </a:lnTo>
                <a:lnTo>
                  <a:pt x="3500190" y="2756254"/>
                </a:lnTo>
                <a:close/>
                <a:moveTo>
                  <a:pt x="3376058" y="2756032"/>
                </a:moveTo>
                <a:lnTo>
                  <a:pt x="3376058" y="2757328"/>
                </a:lnTo>
                <a:lnTo>
                  <a:pt x="3377354" y="2757328"/>
                </a:lnTo>
                <a:lnTo>
                  <a:pt x="3377354" y="2756032"/>
                </a:lnTo>
                <a:close/>
                <a:moveTo>
                  <a:pt x="3252779" y="2755811"/>
                </a:moveTo>
                <a:lnTo>
                  <a:pt x="3252779" y="2757551"/>
                </a:lnTo>
                <a:lnTo>
                  <a:pt x="3254519" y="2757551"/>
                </a:lnTo>
                <a:lnTo>
                  <a:pt x="3254519" y="2755811"/>
                </a:lnTo>
                <a:close/>
                <a:moveTo>
                  <a:pt x="3129277" y="2755366"/>
                </a:moveTo>
                <a:lnTo>
                  <a:pt x="3129277" y="2757958"/>
                </a:lnTo>
                <a:lnTo>
                  <a:pt x="3131869" y="2757958"/>
                </a:lnTo>
                <a:lnTo>
                  <a:pt x="3131869" y="2755366"/>
                </a:lnTo>
                <a:close/>
                <a:moveTo>
                  <a:pt x="3005553" y="2754700"/>
                </a:moveTo>
                <a:lnTo>
                  <a:pt x="3005553" y="2758625"/>
                </a:lnTo>
                <a:lnTo>
                  <a:pt x="3009478" y="2758625"/>
                </a:lnTo>
                <a:lnTo>
                  <a:pt x="3009478" y="2754700"/>
                </a:lnTo>
                <a:close/>
                <a:moveTo>
                  <a:pt x="2881866" y="2754070"/>
                </a:moveTo>
                <a:lnTo>
                  <a:pt x="2881866" y="2759291"/>
                </a:lnTo>
                <a:lnTo>
                  <a:pt x="2887087" y="2759291"/>
                </a:lnTo>
                <a:lnTo>
                  <a:pt x="2887087" y="2754070"/>
                </a:lnTo>
                <a:close/>
                <a:moveTo>
                  <a:pt x="2757920" y="2753181"/>
                </a:moveTo>
                <a:lnTo>
                  <a:pt x="2757920" y="2760143"/>
                </a:lnTo>
                <a:lnTo>
                  <a:pt x="2764882" y="2760143"/>
                </a:lnTo>
                <a:lnTo>
                  <a:pt x="2764882" y="2753181"/>
                </a:lnTo>
                <a:close/>
                <a:moveTo>
                  <a:pt x="2633789" y="2752107"/>
                </a:moveTo>
                <a:lnTo>
                  <a:pt x="2633789" y="2761217"/>
                </a:lnTo>
                <a:lnTo>
                  <a:pt x="2642899" y="2761217"/>
                </a:lnTo>
                <a:lnTo>
                  <a:pt x="2642899" y="2752107"/>
                </a:lnTo>
                <a:close/>
                <a:moveTo>
                  <a:pt x="2509399" y="2750811"/>
                </a:moveTo>
                <a:lnTo>
                  <a:pt x="2509399" y="2762550"/>
                </a:lnTo>
                <a:lnTo>
                  <a:pt x="2521138" y="2762550"/>
                </a:lnTo>
                <a:lnTo>
                  <a:pt x="2521138" y="2750811"/>
                </a:lnTo>
                <a:close/>
                <a:moveTo>
                  <a:pt x="2384823" y="2749292"/>
                </a:moveTo>
                <a:lnTo>
                  <a:pt x="2384823" y="2764068"/>
                </a:lnTo>
                <a:lnTo>
                  <a:pt x="2399599" y="2764068"/>
                </a:lnTo>
                <a:lnTo>
                  <a:pt x="2399599" y="2749292"/>
                </a:lnTo>
                <a:close/>
                <a:moveTo>
                  <a:pt x="2260247" y="2747775"/>
                </a:moveTo>
                <a:lnTo>
                  <a:pt x="2260247" y="2765587"/>
                </a:lnTo>
                <a:lnTo>
                  <a:pt x="2278059" y="2765587"/>
                </a:lnTo>
                <a:lnTo>
                  <a:pt x="2278059" y="2747775"/>
                </a:lnTo>
                <a:close/>
                <a:moveTo>
                  <a:pt x="2135227" y="2745848"/>
                </a:moveTo>
                <a:lnTo>
                  <a:pt x="2135227" y="2767549"/>
                </a:lnTo>
                <a:lnTo>
                  <a:pt x="2156928" y="2767549"/>
                </a:lnTo>
                <a:lnTo>
                  <a:pt x="2156928" y="2745848"/>
                </a:lnTo>
                <a:close/>
                <a:moveTo>
                  <a:pt x="2010207" y="2743849"/>
                </a:moveTo>
                <a:lnTo>
                  <a:pt x="2010207" y="2769475"/>
                </a:lnTo>
                <a:lnTo>
                  <a:pt x="2035833" y="2769475"/>
                </a:lnTo>
                <a:lnTo>
                  <a:pt x="2035833" y="2743849"/>
                </a:lnTo>
                <a:close/>
                <a:moveTo>
                  <a:pt x="1885224" y="2741887"/>
                </a:moveTo>
                <a:lnTo>
                  <a:pt x="1885224" y="2771438"/>
                </a:lnTo>
                <a:lnTo>
                  <a:pt x="1914776" y="2771438"/>
                </a:lnTo>
                <a:lnTo>
                  <a:pt x="1914776" y="2741887"/>
                </a:lnTo>
                <a:close/>
                <a:moveTo>
                  <a:pt x="1759760" y="2739516"/>
                </a:moveTo>
                <a:lnTo>
                  <a:pt x="1759760" y="2773845"/>
                </a:lnTo>
                <a:lnTo>
                  <a:pt x="1794089" y="2773845"/>
                </a:lnTo>
                <a:lnTo>
                  <a:pt x="1794089" y="2739516"/>
                </a:lnTo>
                <a:close/>
                <a:moveTo>
                  <a:pt x="1634740" y="2737553"/>
                </a:moveTo>
                <a:lnTo>
                  <a:pt x="1634740" y="2775770"/>
                </a:lnTo>
                <a:lnTo>
                  <a:pt x="1672957" y="2775770"/>
                </a:lnTo>
                <a:lnTo>
                  <a:pt x="1672957" y="2737553"/>
                </a:lnTo>
                <a:close/>
                <a:moveTo>
                  <a:pt x="1509498" y="2735406"/>
                </a:moveTo>
                <a:lnTo>
                  <a:pt x="1509498" y="2777955"/>
                </a:lnTo>
                <a:lnTo>
                  <a:pt x="1552048" y="2777955"/>
                </a:lnTo>
                <a:lnTo>
                  <a:pt x="1552048" y="2735406"/>
                </a:lnTo>
                <a:close/>
                <a:moveTo>
                  <a:pt x="1384293" y="2733220"/>
                </a:moveTo>
                <a:lnTo>
                  <a:pt x="1384293" y="2780140"/>
                </a:lnTo>
                <a:lnTo>
                  <a:pt x="1431213" y="2780140"/>
                </a:lnTo>
                <a:lnTo>
                  <a:pt x="1431213" y="2733220"/>
                </a:lnTo>
                <a:close/>
                <a:moveTo>
                  <a:pt x="1259050" y="2731036"/>
                </a:moveTo>
                <a:lnTo>
                  <a:pt x="1259050" y="2782288"/>
                </a:lnTo>
                <a:lnTo>
                  <a:pt x="1310302" y="2782288"/>
                </a:lnTo>
                <a:lnTo>
                  <a:pt x="1310302" y="2731036"/>
                </a:lnTo>
                <a:close/>
                <a:moveTo>
                  <a:pt x="1134030" y="2729073"/>
                </a:moveTo>
                <a:lnTo>
                  <a:pt x="1134030" y="2784251"/>
                </a:lnTo>
                <a:lnTo>
                  <a:pt x="1189208" y="2784251"/>
                </a:lnTo>
                <a:lnTo>
                  <a:pt x="1189208" y="2729073"/>
                </a:lnTo>
                <a:close/>
                <a:moveTo>
                  <a:pt x="1009232" y="2727369"/>
                </a:moveTo>
                <a:lnTo>
                  <a:pt x="1009232" y="2785991"/>
                </a:lnTo>
                <a:lnTo>
                  <a:pt x="1067854" y="2785991"/>
                </a:lnTo>
                <a:lnTo>
                  <a:pt x="1067854" y="2727369"/>
                </a:lnTo>
                <a:close/>
                <a:moveTo>
                  <a:pt x="884657" y="2725852"/>
                </a:moveTo>
                <a:lnTo>
                  <a:pt x="884657" y="2787510"/>
                </a:lnTo>
                <a:lnTo>
                  <a:pt x="946315" y="2787510"/>
                </a:lnTo>
                <a:lnTo>
                  <a:pt x="946315" y="2725852"/>
                </a:lnTo>
                <a:close/>
                <a:moveTo>
                  <a:pt x="760081" y="2724296"/>
                </a:moveTo>
                <a:lnTo>
                  <a:pt x="760081" y="2789028"/>
                </a:lnTo>
                <a:lnTo>
                  <a:pt x="824813" y="2789028"/>
                </a:lnTo>
                <a:lnTo>
                  <a:pt x="824813" y="2724296"/>
                </a:lnTo>
                <a:close/>
                <a:moveTo>
                  <a:pt x="635728" y="2723000"/>
                </a:moveTo>
                <a:lnTo>
                  <a:pt x="635728" y="2790324"/>
                </a:lnTo>
                <a:lnTo>
                  <a:pt x="703052" y="2790324"/>
                </a:lnTo>
                <a:lnTo>
                  <a:pt x="703052" y="2723000"/>
                </a:lnTo>
                <a:close/>
                <a:moveTo>
                  <a:pt x="511559" y="2721926"/>
                </a:moveTo>
                <a:lnTo>
                  <a:pt x="511559" y="2791435"/>
                </a:lnTo>
                <a:lnTo>
                  <a:pt x="581068" y="2791435"/>
                </a:lnTo>
                <a:lnTo>
                  <a:pt x="581068" y="2721926"/>
                </a:lnTo>
                <a:close/>
                <a:moveTo>
                  <a:pt x="387650" y="2721075"/>
                </a:moveTo>
                <a:lnTo>
                  <a:pt x="387650" y="2792287"/>
                </a:lnTo>
                <a:lnTo>
                  <a:pt x="458863" y="2792287"/>
                </a:lnTo>
                <a:lnTo>
                  <a:pt x="458863" y="2721075"/>
                </a:lnTo>
                <a:close/>
                <a:moveTo>
                  <a:pt x="18034" y="2720630"/>
                </a:moveTo>
                <a:lnTo>
                  <a:pt x="18034" y="2792731"/>
                </a:lnTo>
                <a:lnTo>
                  <a:pt x="90135" y="2792731"/>
                </a:lnTo>
                <a:lnTo>
                  <a:pt x="90135" y="2720630"/>
                </a:lnTo>
                <a:close/>
                <a:moveTo>
                  <a:pt x="263927" y="2720407"/>
                </a:moveTo>
                <a:lnTo>
                  <a:pt x="263927" y="2792953"/>
                </a:lnTo>
                <a:lnTo>
                  <a:pt x="336473" y="2792953"/>
                </a:lnTo>
                <a:lnTo>
                  <a:pt x="336473" y="2720407"/>
                </a:lnTo>
                <a:close/>
                <a:moveTo>
                  <a:pt x="140425" y="2719964"/>
                </a:moveTo>
                <a:lnTo>
                  <a:pt x="140425" y="2793361"/>
                </a:lnTo>
                <a:lnTo>
                  <a:pt x="213822" y="2793361"/>
                </a:lnTo>
                <a:lnTo>
                  <a:pt x="213822" y="2719964"/>
                </a:lnTo>
                <a:close/>
                <a:moveTo>
                  <a:pt x="4114847" y="2633383"/>
                </a:moveTo>
                <a:lnTo>
                  <a:pt x="4114847" y="2633827"/>
                </a:lnTo>
                <a:lnTo>
                  <a:pt x="4115291" y="2633827"/>
                </a:lnTo>
                <a:lnTo>
                  <a:pt x="4115291" y="2633383"/>
                </a:lnTo>
                <a:close/>
                <a:moveTo>
                  <a:pt x="3991789" y="2633383"/>
                </a:moveTo>
                <a:lnTo>
                  <a:pt x="3991789" y="2633827"/>
                </a:lnTo>
                <a:lnTo>
                  <a:pt x="3992234" y="2633827"/>
                </a:lnTo>
                <a:lnTo>
                  <a:pt x="3992234" y="2633383"/>
                </a:lnTo>
                <a:close/>
                <a:moveTo>
                  <a:pt x="3868732" y="2633383"/>
                </a:moveTo>
                <a:lnTo>
                  <a:pt x="3868732" y="2633827"/>
                </a:lnTo>
                <a:lnTo>
                  <a:pt x="3869176" y="2633827"/>
                </a:lnTo>
                <a:lnTo>
                  <a:pt x="3869176" y="2633383"/>
                </a:lnTo>
                <a:close/>
                <a:moveTo>
                  <a:pt x="3745675" y="2633383"/>
                </a:moveTo>
                <a:lnTo>
                  <a:pt x="3745675" y="2633827"/>
                </a:lnTo>
                <a:lnTo>
                  <a:pt x="3746119" y="2633827"/>
                </a:lnTo>
                <a:lnTo>
                  <a:pt x="3746119" y="2633383"/>
                </a:lnTo>
                <a:close/>
                <a:moveTo>
                  <a:pt x="3622617" y="2633383"/>
                </a:moveTo>
                <a:lnTo>
                  <a:pt x="3622617" y="2633827"/>
                </a:lnTo>
                <a:lnTo>
                  <a:pt x="3623061" y="2633827"/>
                </a:lnTo>
                <a:lnTo>
                  <a:pt x="3623061" y="2633383"/>
                </a:lnTo>
                <a:close/>
                <a:moveTo>
                  <a:pt x="3499338" y="2633197"/>
                </a:moveTo>
                <a:lnTo>
                  <a:pt x="3499338" y="2634049"/>
                </a:lnTo>
                <a:lnTo>
                  <a:pt x="3500190" y="2634049"/>
                </a:lnTo>
                <a:lnTo>
                  <a:pt x="3500190" y="2633197"/>
                </a:lnTo>
                <a:close/>
                <a:moveTo>
                  <a:pt x="3376058" y="2632976"/>
                </a:moveTo>
                <a:lnTo>
                  <a:pt x="3376058" y="2634271"/>
                </a:lnTo>
                <a:lnTo>
                  <a:pt x="3377354" y="2634271"/>
                </a:lnTo>
                <a:lnTo>
                  <a:pt x="3377354" y="2632976"/>
                </a:lnTo>
                <a:close/>
                <a:moveTo>
                  <a:pt x="3252779" y="2632753"/>
                </a:moveTo>
                <a:lnTo>
                  <a:pt x="3252779" y="2634494"/>
                </a:lnTo>
                <a:lnTo>
                  <a:pt x="3254519" y="2634494"/>
                </a:lnTo>
                <a:lnTo>
                  <a:pt x="3254519" y="2632753"/>
                </a:lnTo>
                <a:close/>
                <a:moveTo>
                  <a:pt x="3129277" y="2632309"/>
                </a:moveTo>
                <a:lnTo>
                  <a:pt x="3129277" y="2634901"/>
                </a:lnTo>
                <a:lnTo>
                  <a:pt x="3131869" y="2634901"/>
                </a:lnTo>
                <a:lnTo>
                  <a:pt x="3131869" y="2632309"/>
                </a:lnTo>
                <a:close/>
                <a:moveTo>
                  <a:pt x="3005776" y="2631865"/>
                </a:moveTo>
                <a:lnTo>
                  <a:pt x="3005776" y="2635345"/>
                </a:lnTo>
                <a:lnTo>
                  <a:pt x="3009257" y="2635345"/>
                </a:lnTo>
                <a:lnTo>
                  <a:pt x="3009257" y="2631865"/>
                </a:lnTo>
                <a:close/>
                <a:moveTo>
                  <a:pt x="2882052" y="2631235"/>
                </a:moveTo>
                <a:lnTo>
                  <a:pt x="2882052" y="2636012"/>
                </a:lnTo>
                <a:lnTo>
                  <a:pt x="2886829" y="2636012"/>
                </a:lnTo>
                <a:lnTo>
                  <a:pt x="2886829" y="2631235"/>
                </a:lnTo>
                <a:close/>
                <a:moveTo>
                  <a:pt x="2757920" y="2630125"/>
                </a:moveTo>
                <a:lnTo>
                  <a:pt x="2757920" y="2637086"/>
                </a:lnTo>
                <a:lnTo>
                  <a:pt x="2764882" y="2637086"/>
                </a:lnTo>
                <a:lnTo>
                  <a:pt x="2764882" y="2630125"/>
                </a:lnTo>
                <a:close/>
                <a:moveTo>
                  <a:pt x="2633789" y="2629050"/>
                </a:moveTo>
                <a:lnTo>
                  <a:pt x="2633789" y="2638159"/>
                </a:lnTo>
                <a:lnTo>
                  <a:pt x="2642899" y="2638159"/>
                </a:lnTo>
                <a:lnTo>
                  <a:pt x="2642899" y="2629050"/>
                </a:lnTo>
                <a:close/>
                <a:moveTo>
                  <a:pt x="2509399" y="2627754"/>
                </a:moveTo>
                <a:lnTo>
                  <a:pt x="2509399" y="2639493"/>
                </a:lnTo>
                <a:lnTo>
                  <a:pt x="2521138" y="2639493"/>
                </a:lnTo>
                <a:lnTo>
                  <a:pt x="2521138" y="2627754"/>
                </a:lnTo>
                <a:close/>
                <a:moveTo>
                  <a:pt x="2384823" y="2626236"/>
                </a:moveTo>
                <a:lnTo>
                  <a:pt x="2384823" y="2641011"/>
                </a:lnTo>
                <a:lnTo>
                  <a:pt x="2399599" y="2641011"/>
                </a:lnTo>
                <a:lnTo>
                  <a:pt x="2399599" y="2626236"/>
                </a:lnTo>
                <a:close/>
                <a:moveTo>
                  <a:pt x="2260025" y="2624494"/>
                </a:moveTo>
                <a:lnTo>
                  <a:pt x="2260025" y="2642751"/>
                </a:lnTo>
                <a:lnTo>
                  <a:pt x="2278282" y="2642751"/>
                </a:lnTo>
                <a:lnTo>
                  <a:pt x="2278282" y="2624494"/>
                </a:lnTo>
                <a:close/>
                <a:moveTo>
                  <a:pt x="2135005" y="2622532"/>
                </a:moveTo>
                <a:lnTo>
                  <a:pt x="2135005" y="2644677"/>
                </a:lnTo>
                <a:lnTo>
                  <a:pt x="2157150" y="2644677"/>
                </a:lnTo>
                <a:lnTo>
                  <a:pt x="2157150" y="2622532"/>
                </a:lnTo>
                <a:close/>
                <a:moveTo>
                  <a:pt x="2009800" y="2620384"/>
                </a:moveTo>
                <a:lnTo>
                  <a:pt x="2009800" y="2646862"/>
                </a:lnTo>
                <a:lnTo>
                  <a:pt x="2036278" y="2646862"/>
                </a:lnTo>
                <a:lnTo>
                  <a:pt x="2036278" y="2620384"/>
                </a:lnTo>
                <a:close/>
                <a:moveTo>
                  <a:pt x="1884336" y="2617977"/>
                </a:moveTo>
                <a:lnTo>
                  <a:pt x="1884336" y="2649232"/>
                </a:lnTo>
                <a:lnTo>
                  <a:pt x="1915591" y="2649232"/>
                </a:lnTo>
                <a:lnTo>
                  <a:pt x="1915591" y="2617977"/>
                </a:lnTo>
                <a:close/>
                <a:moveTo>
                  <a:pt x="1758908" y="2615607"/>
                </a:moveTo>
                <a:lnTo>
                  <a:pt x="1758908" y="2651639"/>
                </a:lnTo>
                <a:lnTo>
                  <a:pt x="1794940" y="2651639"/>
                </a:lnTo>
                <a:lnTo>
                  <a:pt x="1794940" y="2615607"/>
                </a:lnTo>
                <a:close/>
                <a:moveTo>
                  <a:pt x="1633444" y="2613200"/>
                </a:moveTo>
                <a:lnTo>
                  <a:pt x="1633444" y="2654009"/>
                </a:lnTo>
                <a:lnTo>
                  <a:pt x="1674253" y="2654009"/>
                </a:lnTo>
                <a:lnTo>
                  <a:pt x="1674253" y="2613200"/>
                </a:lnTo>
                <a:close/>
                <a:moveTo>
                  <a:pt x="1507979" y="2610830"/>
                </a:moveTo>
                <a:lnTo>
                  <a:pt x="1507979" y="2656416"/>
                </a:lnTo>
                <a:lnTo>
                  <a:pt x="1553565" y="2656416"/>
                </a:lnTo>
                <a:lnTo>
                  <a:pt x="1553565" y="2610830"/>
                </a:lnTo>
                <a:close/>
                <a:moveTo>
                  <a:pt x="1382774" y="2608645"/>
                </a:moveTo>
                <a:lnTo>
                  <a:pt x="1382774" y="2658601"/>
                </a:lnTo>
                <a:lnTo>
                  <a:pt x="1432730" y="2658601"/>
                </a:lnTo>
                <a:lnTo>
                  <a:pt x="1432730" y="2608645"/>
                </a:lnTo>
                <a:close/>
                <a:moveTo>
                  <a:pt x="1257532" y="2606460"/>
                </a:moveTo>
                <a:lnTo>
                  <a:pt x="1257532" y="2660749"/>
                </a:lnTo>
                <a:lnTo>
                  <a:pt x="1311821" y="2660749"/>
                </a:lnTo>
                <a:lnTo>
                  <a:pt x="1311821" y="2606460"/>
                </a:lnTo>
                <a:close/>
                <a:moveTo>
                  <a:pt x="1132290" y="2604312"/>
                </a:moveTo>
                <a:lnTo>
                  <a:pt x="1132290" y="2662934"/>
                </a:lnTo>
                <a:lnTo>
                  <a:pt x="1190912" y="2662934"/>
                </a:lnTo>
                <a:lnTo>
                  <a:pt x="1190912" y="2604312"/>
                </a:lnTo>
                <a:close/>
                <a:moveTo>
                  <a:pt x="1007270" y="2602350"/>
                </a:moveTo>
                <a:lnTo>
                  <a:pt x="1007270" y="2664897"/>
                </a:lnTo>
                <a:lnTo>
                  <a:pt x="1069817" y="2664897"/>
                </a:lnTo>
                <a:lnTo>
                  <a:pt x="1069817" y="2602350"/>
                </a:lnTo>
                <a:close/>
                <a:moveTo>
                  <a:pt x="882472" y="2600609"/>
                </a:moveTo>
                <a:lnTo>
                  <a:pt x="882472" y="2666637"/>
                </a:lnTo>
                <a:lnTo>
                  <a:pt x="948500" y="2666637"/>
                </a:lnTo>
                <a:lnTo>
                  <a:pt x="948500" y="2600609"/>
                </a:lnTo>
                <a:close/>
                <a:moveTo>
                  <a:pt x="757674" y="2598832"/>
                </a:moveTo>
                <a:lnTo>
                  <a:pt x="757674" y="2668341"/>
                </a:lnTo>
                <a:lnTo>
                  <a:pt x="827183" y="2668341"/>
                </a:lnTo>
                <a:lnTo>
                  <a:pt x="827183" y="2598832"/>
                </a:lnTo>
                <a:close/>
                <a:moveTo>
                  <a:pt x="633321" y="2597573"/>
                </a:moveTo>
                <a:lnTo>
                  <a:pt x="633321" y="2669674"/>
                </a:lnTo>
                <a:lnTo>
                  <a:pt x="705422" y="2669674"/>
                </a:lnTo>
                <a:lnTo>
                  <a:pt x="705422" y="2597573"/>
                </a:lnTo>
                <a:close/>
                <a:moveTo>
                  <a:pt x="509189" y="2596462"/>
                </a:moveTo>
                <a:lnTo>
                  <a:pt x="509189" y="2670748"/>
                </a:lnTo>
                <a:lnTo>
                  <a:pt x="583475" y="2670748"/>
                </a:lnTo>
                <a:lnTo>
                  <a:pt x="583475" y="2596462"/>
                </a:lnTo>
                <a:close/>
                <a:moveTo>
                  <a:pt x="385243" y="2595609"/>
                </a:moveTo>
                <a:lnTo>
                  <a:pt x="385243" y="2671599"/>
                </a:lnTo>
                <a:lnTo>
                  <a:pt x="461233" y="2671599"/>
                </a:lnTo>
                <a:lnTo>
                  <a:pt x="461233" y="2595609"/>
                </a:lnTo>
                <a:close/>
                <a:moveTo>
                  <a:pt x="15627" y="2595165"/>
                </a:moveTo>
                <a:lnTo>
                  <a:pt x="15627" y="2672044"/>
                </a:lnTo>
                <a:lnTo>
                  <a:pt x="92505" y="2672044"/>
                </a:lnTo>
                <a:lnTo>
                  <a:pt x="92505" y="2595165"/>
                </a:lnTo>
                <a:close/>
                <a:moveTo>
                  <a:pt x="261556" y="2594943"/>
                </a:moveTo>
                <a:lnTo>
                  <a:pt x="261556" y="2672266"/>
                </a:lnTo>
                <a:lnTo>
                  <a:pt x="338879" y="2672266"/>
                </a:lnTo>
                <a:lnTo>
                  <a:pt x="338879" y="2594943"/>
                </a:lnTo>
                <a:close/>
                <a:moveTo>
                  <a:pt x="137833" y="2594314"/>
                </a:moveTo>
                <a:lnTo>
                  <a:pt x="137833" y="2672933"/>
                </a:lnTo>
                <a:lnTo>
                  <a:pt x="216452" y="2672933"/>
                </a:lnTo>
                <a:lnTo>
                  <a:pt x="216452" y="2594314"/>
                </a:lnTo>
                <a:close/>
                <a:moveTo>
                  <a:pt x="3991789" y="2510325"/>
                </a:moveTo>
                <a:lnTo>
                  <a:pt x="3991789" y="2510770"/>
                </a:lnTo>
                <a:lnTo>
                  <a:pt x="3992234" y="2510770"/>
                </a:lnTo>
                <a:lnTo>
                  <a:pt x="3992234" y="2510325"/>
                </a:lnTo>
                <a:close/>
                <a:moveTo>
                  <a:pt x="3868732" y="2510325"/>
                </a:moveTo>
                <a:lnTo>
                  <a:pt x="3868732" y="2510770"/>
                </a:lnTo>
                <a:lnTo>
                  <a:pt x="3869176" y="2510770"/>
                </a:lnTo>
                <a:lnTo>
                  <a:pt x="3869176" y="2510325"/>
                </a:lnTo>
                <a:close/>
                <a:moveTo>
                  <a:pt x="3745675" y="2510325"/>
                </a:moveTo>
                <a:lnTo>
                  <a:pt x="3745675" y="2510770"/>
                </a:lnTo>
                <a:lnTo>
                  <a:pt x="3746119" y="2510770"/>
                </a:lnTo>
                <a:lnTo>
                  <a:pt x="3746119" y="2510325"/>
                </a:lnTo>
                <a:close/>
                <a:moveTo>
                  <a:pt x="3622617" y="2510325"/>
                </a:moveTo>
                <a:lnTo>
                  <a:pt x="3622617" y="2510770"/>
                </a:lnTo>
                <a:lnTo>
                  <a:pt x="3623061" y="2510770"/>
                </a:lnTo>
                <a:lnTo>
                  <a:pt x="3623061" y="2510325"/>
                </a:lnTo>
                <a:close/>
                <a:moveTo>
                  <a:pt x="3499523" y="2510325"/>
                </a:moveTo>
                <a:lnTo>
                  <a:pt x="3499523" y="2510770"/>
                </a:lnTo>
                <a:lnTo>
                  <a:pt x="3499967" y="2510770"/>
                </a:lnTo>
                <a:lnTo>
                  <a:pt x="3499967" y="2510325"/>
                </a:lnTo>
                <a:close/>
                <a:moveTo>
                  <a:pt x="3376281" y="2510140"/>
                </a:moveTo>
                <a:lnTo>
                  <a:pt x="3376281" y="2510993"/>
                </a:lnTo>
                <a:lnTo>
                  <a:pt x="3377133" y="2510993"/>
                </a:lnTo>
                <a:lnTo>
                  <a:pt x="3377133" y="2510140"/>
                </a:lnTo>
                <a:close/>
                <a:moveTo>
                  <a:pt x="3253001" y="2509919"/>
                </a:moveTo>
                <a:lnTo>
                  <a:pt x="3253001" y="2511214"/>
                </a:lnTo>
                <a:lnTo>
                  <a:pt x="3254297" y="2511214"/>
                </a:lnTo>
                <a:lnTo>
                  <a:pt x="3254297" y="2509919"/>
                </a:lnTo>
                <a:close/>
                <a:moveTo>
                  <a:pt x="3129499" y="2509436"/>
                </a:moveTo>
                <a:lnTo>
                  <a:pt x="3129499" y="2511621"/>
                </a:lnTo>
                <a:lnTo>
                  <a:pt x="3131684" y="2511621"/>
                </a:lnTo>
                <a:lnTo>
                  <a:pt x="3131684" y="2509436"/>
                </a:lnTo>
                <a:close/>
                <a:moveTo>
                  <a:pt x="3005998" y="2509028"/>
                </a:moveTo>
                <a:lnTo>
                  <a:pt x="3005998" y="2512066"/>
                </a:lnTo>
                <a:lnTo>
                  <a:pt x="3009035" y="2512066"/>
                </a:lnTo>
                <a:lnTo>
                  <a:pt x="3009035" y="2509028"/>
                </a:lnTo>
                <a:close/>
                <a:moveTo>
                  <a:pt x="2882274" y="2508399"/>
                </a:moveTo>
                <a:lnTo>
                  <a:pt x="2882274" y="2512733"/>
                </a:lnTo>
                <a:lnTo>
                  <a:pt x="2886607" y="2512733"/>
                </a:lnTo>
                <a:lnTo>
                  <a:pt x="2886607" y="2508399"/>
                </a:lnTo>
                <a:close/>
                <a:moveTo>
                  <a:pt x="2758143" y="2507288"/>
                </a:moveTo>
                <a:lnTo>
                  <a:pt x="2758143" y="2513806"/>
                </a:lnTo>
                <a:lnTo>
                  <a:pt x="2764661" y="2513806"/>
                </a:lnTo>
                <a:lnTo>
                  <a:pt x="2764661" y="2507288"/>
                </a:lnTo>
                <a:close/>
                <a:moveTo>
                  <a:pt x="2634011" y="2506178"/>
                </a:moveTo>
                <a:lnTo>
                  <a:pt x="2634011" y="2514880"/>
                </a:lnTo>
                <a:lnTo>
                  <a:pt x="2642714" y="2514880"/>
                </a:lnTo>
                <a:lnTo>
                  <a:pt x="2642714" y="2506178"/>
                </a:lnTo>
                <a:close/>
                <a:moveTo>
                  <a:pt x="2509399" y="2504659"/>
                </a:moveTo>
                <a:lnTo>
                  <a:pt x="2509399" y="2516399"/>
                </a:lnTo>
                <a:lnTo>
                  <a:pt x="2521138" y="2516399"/>
                </a:lnTo>
                <a:lnTo>
                  <a:pt x="2521138" y="2504659"/>
                </a:lnTo>
                <a:close/>
                <a:moveTo>
                  <a:pt x="2384823" y="2503178"/>
                </a:moveTo>
                <a:lnTo>
                  <a:pt x="2384823" y="2517955"/>
                </a:lnTo>
                <a:lnTo>
                  <a:pt x="2399599" y="2517955"/>
                </a:lnTo>
                <a:lnTo>
                  <a:pt x="2399599" y="2503178"/>
                </a:lnTo>
                <a:close/>
                <a:moveTo>
                  <a:pt x="2259803" y="2501216"/>
                </a:moveTo>
                <a:lnTo>
                  <a:pt x="2259803" y="2519879"/>
                </a:lnTo>
                <a:lnTo>
                  <a:pt x="2278467" y="2519879"/>
                </a:lnTo>
                <a:lnTo>
                  <a:pt x="2278467" y="2501216"/>
                </a:lnTo>
                <a:close/>
                <a:moveTo>
                  <a:pt x="2134598" y="2499030"/>
                </a:moveTo>
                <a:lnTo>
                  <a:pt x="2134598" y="2522064"/>
                </a:lnTo>
                <a:lnTo>
                  <a:pt x="2157632" y="2522064"/>
                </a:lnTo>
                <a:lnTo>
                  <a:pt x="2157632" y="2499030"/>
                </a:lnTo>
                <a:close/>
                <a:moveTo>
                  <a:pt x="2009133" y="2496624"/>
                </a:moveTo>
                <a:lnTo>
                  <a:pt x="2009133" y="2524434"/>
                </a:lnTo>
                <a:lnTo>
                  <a:pt x="2036944" y="2524434"/>
                </a:lnTo>
                <a:lnTo>
                  <a:pt x="2036944" y="2496624"/>
                </a:lnTo>
                <a:close/>
                <a:moveTo>
                  <a:pt x="1883706" y="2494254"/>
                </a:moveTo>
                <a:lnTo>
                  <a:pt x="1883706" y="2526841"/>
                </a:lnTo>
                <a:lnTo>
                  <a:pt x="1916294" y="2526841"/>
                </a:lnTo>
                <a:lnTo>
                  <a:pt x="1916294" y="2494254"/>
                </a:lnTo>
                <a:close/>
                <a:moveTo>
                  <a:pt x="1758019" y="2491660"/>
                </a:moveTo>
                <a:lnTo>
                  <a:pt x="1758019" y="2529433"/>
                </a:lnTo>
                <a:lnTo>
                  <a:pt x="1795792" y="2529433"/>
                </a:lnTo>
                <a:lnTo>
                  <a:pt x="1795792" y="2491660"/>
                </a:lnTo>
                <a:close/>
                <a:moveTo>
                  <a:pt x="1632370" y="2489069"/>
                </a:moveTo>
                <a:lnTo>
                  <a:pt x="1632370" y="2532063"/>
                </a:lnTo>
                <a:lnTo>
                  <a:pt x="1675364" y="2532063"/>
                </a:lnTo>
                <a:lnTo>
                  <a:pt x="1675364" y="2489069"/>
                </a:lnTo>
                <a:close/>
                <a:moveTo>
                  <a:pt x="1506683" y="2486439"/>
                </a:moveTo>
                <a:lnTo>
                  <a:pt x="1506683" y="2534655"/>
                </a:lnTo>
                <a:lnTo>
                  <a:pt x="1554899" y="2534655"/>
                </a:lnTo>
                <a:lnTo>
                  <a:pt x="1554899" y="2486439"/>
                </a:lnTo>
                <a:close/>
                <a:moveTo>
                  <a:pt x="1381256" y="2484069"/>
                </a:moveTo>
                <a:lnTo>
                  <a:pt x="1381256" y="2537062"/>
                </a:lnTo>
                <a:lnTo>
                  <a:pt x="1434249" y="2537062"/>
                </a:lnTo>
                <a:lnTo>
                  <a:pt x="1434249" y="2484069"/>
                </a:lnTo>
                <a:close/>
                <a:moveTo>
                  <a:pt x="1255792" y="2481662"/>
                </a:moveTo>
                <a:lnTo>
                  <a:pt x="1255792" y="2539432"/>
                </a:lnTo>
                <a:lnTo>
                  <a:pt x="1313562" y="2539432"/>
                </a:lnTo>
                <a:lnTo>
                  <a:pt x="1313562" y="2481662"/>
                </a:lnTo>
                <a:close/>
                <a:moveTo>
                  <a:pt x="1130327" y="2479292"/>
                </a:moveTo>
                <a:lnTo>
                  <a:pt x="1130327" y="2541839"/>
                </a:lnTo>
                <a:lnTo>
                  <a:pt x="1192874" y="2541839"/>
                </a:lnTo>
                <a:lnTo>
                  <a:pt x="1192874" y="2479292"/>
                </a:lnTo>
                <a:close/>
                <a:moveTo>
                  <a:pt x="1005122" y="2477107"/>
                </a:moveTo>
                <a:lnTo>
                  <a:pt x="1005122" y="2543987"/>
                </a:lnTo>
                <a:lnTo>
                  <a:pt x="1072002" y="2543987"/>
                </a:lnTo>
                <a:lnTo>
                  <a:pt x="1072002" y="2477107"/>
                </a:lnTo>
                <a:close/>
                <a:moveTo>
                  <a:pt x="880102" y="2475146"/>
                </a:moveTo>
                <a:lnTo>
                  <a:pt x="880102" y="2545950"/>
                </a:lnTo>
                <a:lnTo>
                  <a:pt x="950907" y="2545950"/>
                </a:lnTo>
                <a:lnTo>
                  <a:pt x="950907" y="2475146"/>
                </a:lnTo>
                <a:close/>
                <a:moveTo>
                  <a:pt x="755526" y="2473626"/>
                </a:moveTo>
                <a:lnTo>
                  <a:pt x="755526" y="2547468"/>
                </a:lnTo>
                <a:lnTo>
                  <a:pt x="829368" y="2547468"/>
                </a:lnTo>
                <a:lnTo>
                  <a:pt x="829368" y="2473626"/>
                </a:lnTo>
                <a:close/>
                <a:moveTo>
                  <a:pt x="630951" y="2472108"/>
                </a:moveTo>
                <a:lnTo>
                  <a:pt x="630951" y="2548986"/>
                </a:lnTo>
                <a:lnTo>
                  <a:pt x="707829" y="2548986"/>
                </a:lnTo>
                <a:lnTo>
                  <a:pt x="707829" y="2472108"/>
                </a:lnTo>
                <a:close/>
                <a:moveTo>
                  <a:pt x="506782" y="2470998"/>
                </a:moveTo>
                <a:lnTo>
                  <a:pt x="506782" y="2550060"/>
                </a:lnTo>
                <a:lnTo>
                  <a:pt x="585845" y="2550060"/>
                </a:lnTo>
                <a:lnTo>
                  <a:pt x="585845" y="2470998"/>
                </a:lnTo>
                <a:close/>
                <a:moveTo>
                  <a:pt x="382651" y="2469961"/>
                </a:moveTo>
                <a:lnTo>
                  <a:pt x="382651" y="2551171"/>
                </a:lnTo>
                <a:lnTo>
                  <a:pt x="463862" y="2551171"/>
                </a:lnTo>
                <a:lnTo>
                  <a:pt x="463862" y="2469961"/>
                </a:lnTo>
                <a:close/>
                <a:moveTo>
                  <a:pt x="13257" y="2469737"/>
                </a:moveTo>
                <a:lnTo>
                  <a:pt x="13257" y="2551393"/>
                </a:lnTo>
                <a:lnTo>
                  <a:pt x="94913" y="2551393"/>
                </a:lnTo>
                <a:lnTo>
                  <a:pt x="94913" y="2469737"/>
                </a:lnTo>
                <a:close/>
                <a:moveTo>
                  <a:pt x="258927" y="2469294"/>
                </a:moveTo>
                <a:lnTo>
                  <a:pt x="258927" y="2551801"/>
                </a:lnTo>
                <a:lnTo>
                  <a:pt x="341434" y="2551801"/>
                </a:lnTo>
                <a:lnTo>
                  <a:pt x="341434" y="2469294"/>
                </a:lnTo>
                <a:close/>
                <a:moveTo>
                  <a:pt x="135426" y="2468849"/>
                </a:moveTo>
                <a:lnTo>
                  <a:pt x="135426" y="2552245"/>
                </a:lnTo>
                <a:lnTo>
                  <a:pt x="218822" y="2552245"/>
                </a:lnTo>
                <a:lnTo>
                  <a:pt x="218822" y="2468849"/>
                </a:lnTo>
                <a:close/>
                <a:moveTo>
                  <a:pt x="3868732" y="2387268"/>
                </a:moveTo>
                <a:lnTo>
                  <a:pt x="3868732" y="2387712"/>
                </a:lnTo>
                <a:lnTo>
                  <a:pt x="3869176" y="2387712"/>
                </a:lnTo>
                <a:lnTo>
                  <a:pt x="3869176" y="2387268"/>
                </a:lnTo>
                <a:close/>
                <a:moveTo>
                  <a:pt x="3745675" y="2387268"/>
                </a:moveTo>
                <a:lnTo>
                  <a:pt x="3745675" y="2387712"/>
                </a:lnTo>
                <a:lnTo>
                  <a:pt x="3746119" y="2387712"/>
                </a:lnTo>
                <a:lnTo>
                  <a:pt x="3746119" y="2387268"/>
                </a:lnTo>
                <a:close/>
                <a:moveTo>
                  <a:pt x="3622617" y="2387268"/>
                </a:moveTo>
                <a:lnTo>
                  <a:pt x="3622617" y="2387712"/>
                </a:lnTo>
                <a:lnTo>
                  <a:pt x="3623061" y="2387712"/>
                </a:lnTo>
                <a:lnTo>
                  <a:pt x="3623061" y="2387268"/>
                </a:lnTo>
                <a:close/>
                <a:moveTo>
                  <a:pt x="3499523" y="2387268"/>
                </a:moveTo>
                <a:lnTo>
                  <a:pt x="3499523" y="2387712"/>
                </a:lnTo>
                <a:lnTo>
                  <a:pt x="3499967" y="2387712"/>
                </a:lnTo>
                <a:lnTo>
                  <a:pt x="3499967" y="2387268"/>
                </a:lnTo>
                <a:close/>
                <a:moveTo>
                  <a:pt x="3376281" y="2387082"/>
                </a:moveTo>
                <a:lnTo>
                  <a:pt x="3376281" y="2387934"/>
                </a:lnTo>
                <a:lnTo>
                  <a:pt x="3377133" y="2387934"/>
                </a:lnTo>
                <a:lnTo>
                  <a:pt x="3377133" y="2387082"/>
                </a:lnTo>
                <a:close/>
                <a:moveTo>
                  <a:pt x="3253186" y="2387082"/>
                </a:moveTo>
                <a:lnTo>
                  <a:pt x="3253186" y="2387934"/>
                </a:lnTo>
                <a:lnTo>
                  <a:pt x="3254038" y="2387934"/>
                </a:lnTo>
                <a:lnTo>
                  <a:pt x="3254038" y="2387082"/>
                </a:lnTo>
                <a:close/>
                <a:moveTo>
                  <a:pt x="3129722" y="2386639"/>
                </a:moveTo>
                <a:lnTo>
                  <a:pt x="3129722" y="2388380"/>
                </a:lnTo>
                <a:lnTo>
                  <a:pt x="3131462" y="2388380"/>
                </a:lnTo>
                <a:lnTo>
                  <a:pt x="3131462" y="2386639"/>
                </a:lnTo>
                <a:close/>
                <a:moveTo>
                  <a:pt x="3006220" y="2386194"/>
                </a:moveTo>
                <a:lnTo>
                  <a:pt x="3006220" y="2388786"/>
                </a:lnTo>
                <a:lnTo>
                  <a:pt x="3008812" y="2388786"/>
                </a:lnTo>
                <a:lnTo>
                  <a:pt x="3008812" y="2386194"/>
                </a:lnTo>
                <a:close/>
                <a:moveTo>
                  <a:pt x="2882496" y="2385528"/>
                </a:moveTo>
                <a:lnTo>
                  <a:pt x="2882496" y="2389454"/>
                </a:lnTo>
                <a:lnTo>
                  <a:pt x="2886421" y="2389454"/>
                </a:lnTo>
                <a:lnTo>
                  <a:pt x="2886421" y="2385528"/>
                </a:lnTo>
                <a:close/>
                <a:moveTo>
                  <a:pt x="2758587" y="2384676"/>
                </a:moveTo>
                <a:lnTo>
                  <a:pt x="2758587" y="2390304"/>
                </a:lnTo>
                <a:lnTo>
                  <a:pt x="2764216" y="2390304"/>
                </a:lnTo>
                <a:lnTo>
                  <a:pt x="2764216" y="2384676"/>
                </a:lnTo>
                <a:close/>
                <a:moveTo>
                  <a:pt x="2634196" y="2383342"/>
                </a:moveTo>
                <a:lnTo>
                  <a:pt x="2634196" y="2391600"/>
                </a:lnTo>
                <a:lnTo>
                  <a:pt x="2642454" y="2391600"/>
                </a:lnTo>
                <a:lnTo>
                  <a:pt x="2642454" y="2383342"/>
                </a:lnTo>
                <a:close/>
                <a:moveTo>
                  <a:pt x="2509621" y="2381861"/>
                </a:moveTo>
                <a:lnTo>
                  <a:pt x="2509621" y="2393156"/>
                </a:lnTo>
                <a:lnTo>
                  <a:pt x="2520916" y="2393156"/>
                </a:lnTo>
                <a:lnTo>
                  <a:pt x="2520916" y="2381861"/>
                </a:lnTo>
                <a:close/>
                <a:moveTo>
                  <a:pt x="2384823" y="2380083"/>
                </a:moveTo>
                <a:lnTo>
                  <a:pt x="2384823" y="2394859"/>
                </a:lnTo>
                <a:lnTo>
                  <a:pt x="2399599" y="2394859"/>
                </a:lnTo>
                <a:lnTo>
                  <a:pt x="2399599" y="2380083"/>
                </a:lnTo>
                <a:close/>
                <a:moveTo>
                  <a:pt x="2259803" y="2378158"/>
                </a:moveTo>
                <a:lnTo>
                  <a:pt x="2259803" y="2396822"/>
                </a:lnTo>
                <a:lnTo>
                  <a:pt x="2278467" y="2396822"/>
                </a:lnTo>
                <a:lnTo>
                  <a:pt x="2278467" y="2378158"/>
                </a:lnTo>
                <a:close/>
                <a:moveTo>
                  <a:pt x="2134376" y="2375788"/>
                </a:moveTo>
                <a:lnTo>
                  <a:pt x="2134376" y="2399229"/>
                </a:lnTo>
                <a:lnTo>
                  <a:pt x="2157817" y="2399229"/>
                </a:lnTo>
                <a:lnTo>
                  <a:pt x="2157817" y="2375788"/>
                </a:lnTo>
                <a:close/>
                <a:moveTo>
                  <a:pt x="2008689" y="2373158"/>
                </a:moveTo>
                <a:lnTo>
                  <a:pt x="2008689" y="2401821"/>
                </a:lnTo>
                <a:lnTo>
                  <a:pt x="2037352" y="2401821"/>
                </a:lnTo>
                <a:lnTo>
                  <a:pt x="2037352" y="2373158"/>
                </a:lnTo>
                <a:close/>
                <a:moveTo>
                  <a:pt x="1883039" y="2370530"/>
                </a:moveTo>
                <a:lnTo>
                  <a:pt x="1883039" y="2404413"/>
                </a:lnTo>
                <a:lnTo>
                  <a:pt x="1916923" y="2404413"/>
                </a:lnTo>
                <a:lnTo>
                  <a:pt x="1916923" y="2370530"/>
                </a:lnTo>
                <a:close/>
                <a:moveTo>
                  <a:pt x="1757168" y="2367753"/>
                </a:moveTo>
                <a:lnTo>
                  <a:pt x="1757168" y="2407265"/>
                </a:lnTo>
                <a:lnTo>
                  <a:pt x="1796681" y="2407265"/>
                </a:lnTo>
                <a:lnTo>
                  <a:pt x="1796681" y="2367753"/>
                </a:lnTo>
                <a:close/>
                <a:moveTo>
                  <a:pt x="1631259" y="2364901"/>
                </a:moveTo>
                <a:lnTo>
                  <a:pt x="1631259" y="2410080"/>
                </a:lnTo>
                <a:lnTo>
                  <a:pt x="1676438" y="2410080"/>
                </a:lnTo>
                <a:lnTo>
                  <a:pt x="1676438" y="2364901"/>
                </a:lnTo>
                <a:close/>
                <a:moveTo>
                  <a:pt x="1505387" y="2362087"/>
                </a:moveTo>
                <a:lnTo>
                  <a:pt x="1505387" y="2412894"/>
                </a:lnTo>
                <a:lnTo>
                  <a:pt x="1556195" y="2412894"/>
                </a:lnTo>
                <a:lnTo>
                  <a:pt x="1556195" y="2362087"/>
                </a:lnTo>
                <a:close/>
                <a:moveTo>
                  <a:pt x="1379738" y="2359494"/>
                </a:moveTo>
                <a:lnTo>
                  <a:pt x="1379738" y="2415523"/>
                </a:lnTo>
                <a:lnTo>
                  <a:pt x="1435767" y="2415523"/>
                </a:lnTo>
                <a:lnTo>
                  <a:pt x="1435767" y="2359494"/>
                </a:lnTo>
                <a:close/>
                <a:moveTo>
                  <a:pt x="1253829" y="2356681"/>
                </a:moveTo>
                <a:lnTo>
                  <a:pt x="1253829" y="2418337"/>
                </a:lnTo>
                <a:lnTo>
                  <a:pt x="1315487" y="2418337"/>
                </a:lnTo>
                <a:lnTo>
                  <a:pt x="1315487" y="2356681"/>
                </a:lnTo>
                <a:close/>
                <a:moveTo>
                  <a:pt x="1128401" y="2354274"/>
                </a:moveTo>
                <a:lnTo>
                  <a:pt x="1128401" y="2420708"/>
                </a:lnTo>
                <a:lnTo>
                  <a:pt x="1194836" y="2420708"/>
                </a:lnTo>
                <a:lnTo>
                  <a:pt x="1194836" y="2354274"/>
                </a:lnTo>
                <a:close/>
                <a:moveTo>
                  <a:pt x="1003159" y="2352087"/>
                </a:moveTo>
                <a:lnTo>
                  <a:pt x="1003159" y="2422893"/>
                </a:lnTo>
                <a:lnTo>
                  <a:pt x="1073964" y="2422893"/>
                </a:lnTo>
                <a:lnTo>
                  <a:pt x="1073964" y="2352087"/>
                </a:lnTo>
                <a:close/>
                <a:moveTo>
                  <a:pt x="877917" y="2349939"/>
                </a:moveTo>
                <a:lnTo>
                  <a:pt x="877917" y="2425077"/>
                </a:lnTo>
                <a:lnTo>
                  <a:pt x="953055" y="2425077"/>
                </a:lnTo>
                <a:lnTo>
                  <a:pt x="953055" y="2349939"/>
                </a:lnTo>
                <a:close/>
                <a:moveTo>
                  <a:pt x="753119" y="2348162"/>
                </a:moveTo>
                <a:lnTo>
                  <a:pt x="753119" y="2426782"/>
                </a:lnTo>
                <a:lnTo>
                  <a:pt x="831738" y="2426782"/>
                </a:lnTo>
                <a:lnTo>
                  <a:pt x="831738" y="2348162"/>
                </a:lnTo>
                <a:close/>
                <a:moveTo>
                  <a:pt x="628544" y="2346681"/>
                </a:moveTo>
                <a:lnTo>
                  <a:pt x="628544" y="2428336"/>
                </a:lnTo>
                <a:lnTo>
                  <a:pt x="710200" y="2428336"/>
                </a:lnTo>
                <a:lnTo>
                  <a:pt x="710200" y="2346681"/>
                </a:lnTo>
                <a:close/>
                <a:moveTo>
                  <a:pt x="504412" y="2345571"/>
                </a:moveTo>
                <a:lnTo>
                  <a:pt x="504412" y="2429410"/>
                </a:lnTo>
                <a:lnTo>
                  <a:pt x="588252" y="2429410"/>
                </a:lnTo>
                <a:lnTo>
                  <a:pt x="588252" y="2345571"/>
                </a:lnTo>
                <a:close/>
                <a:moveTo>
                  <a:pt x="380244" y="2344497"/>
                </a:moveTo>
                <a:lnTo>
                  <a:pt x="380244" y="2430484"/>
                </a:lnTo>
                <a:lnTo>
                  <a:pt x="466232" y="2430484"/>
                </a:lnTo>
                <a:lnTo>
                  <a:pt x="466232" y="2344497"/>
                </a:lnTo>
                <a:close/>
                <a:moveTo>
                  <a:pt x="10850" y="2344274"/>
                </a:moveTo>
                <a:lnTo>
                  <a:pt x="10850" y="2430706"/>
                </a:lnTo>
                <a:lnTo>
                  <a:pt x="97283" y="2430706"/>
                </a:lnTo>
                <a:lnTo>
                  <a:pt x="97283" y="2344274"/>
                </a:lnTo>
                <a:close/>
                <a:moveTo>
                  <a:pt x="256557" y="2343868"/>
                </a:moveTo>
                <a:lnTo>
                  <a:pt x="256557" y="2431151"/>
                </a:lnTo>
                <a:lnTo>
                  <a:pt x="343841" y="2431151"/>
                </a:lnTo>
                <a:lnTo>
                  <a:pt x="343841" y="2343868"/>
                </a:lnTo>
                <a:close/>
                <a:moveTo>
                  <a:pt x="133055" y="2343422"/>
                </a:moveTo>
                <a:lnTo>
                  <a:pt x="133055" y="2431595"/>
                </a:lnTo>
                <a:lnTo>
                  <a:pt x="221228" y="2431595"/>
                </a:lnTo>
                <a:lnTo>
                  <a:pt x="221228" y="2343422"/>
                </a:lnTo>
                <a:close/>
                <a:moveTo>
                  <a:pt x="3868732" y="2264211"/>
                </a:moveTo>
                <a:lnTo>
                  <a:pt x="3868732" y="2264655"/>
                </a:lnTo>
                <a:lnTo>
                  <a:pt x="3869176" y="2264655"/>
                </a:lnTo>
                <a:lnTo>
                  <a:pt x="3869176" y="2264211"/>
                </a:lnTo>
                <a:close/>
                <a:moveTo>
                  <a:pt x="3745675" y="2264211"/>
                </a:moveTo>
                <a:lnTo>
                  <a:pt x="3745675" y="2264655"/>
                </a:lnTo>
                <a:lnTo>
                  <a:pt x="3746119" y="2264655"/>
                </a:lnTo>
                <a:lnTo>
                  <a:pt x="3746119" y="2264211"/>
                </a:lnTo>
                <a:close/>
                <a:moveTo>
                  <a:pt x="3622617" y="2264211"/>
                </a:moveTo>
                <a:lnTo>
                  <a:pt x="3622617" y="2264655"/>
                </a:lnTo>
                <a:lnTo>
                  <a:pt x="3623061" y="2264655"/>
                </a:lnTo>
                <a:lnTo>
                  <a:pt x="3623061" y="2264211"/>
                </a:lnTo>
                <a:close/>
                <a:moveTo>
                  <a:pt x="3499523" y="2264211"/>
                </a:moveTo>
                <a:lnTo>
                  <a:pt x="3499523" y="2264655"/>
                </a:lnTo>
                <a:lnTo>
                  <a:pt x="3499967" y="2264655"/>
                </a:lnTo>
                <a:lnTo>
                  <a:pt x="3499967" y="2264211"/>
                </a:lnTo>
                <a:close/>
                <a:moveTo>
                  <a:pt x="3376466" y="2264211"/>
                </a:moveTo>
                <a:lnTo>
                  <a:pt x="3376466" y="2264655"/>
                </a:lnTo>
                <a:lnTo>
                  <a:pt x="3376910" y="2264655"/>
                </a:lnTo>
                <a:lnTo>
                  <a:pt x="3376910" y="2264211"/>
                </a:lnTo>
                <a:close/>
                <a:moveTo>
                  <a:pt x="3253186" y="2264025"/>
                </a:moveTo>
                <a:lnTo>
                  <a:pt x="3253186" y="2264877"/>
                </a:lnTo>
                <a:lnTo>
                  <a:pt x="3254038" y="2264877"/>
                </a:lnTo>
                <a:lnTo>
                  <a:pt x="3254038" y="2264025"/>
                </a:lnTo>
                <a:close/>
                <a:moveTo>
                  <a:pt x="3129944" y="2263803"/>
                </a:moveTo>
                <a:lnTo>
                  <a:pt x="3129944" y="2265099"/>
                </a:lnTo>
                <a:lnTo>
                  <a:pt x="3131240" y="2265099"/>
                </a:lnTo>
                <a:lnTo>
                  <a:pt x="3131240" y="2263803"/>
                </a:lnTo>
                <a:close/>
                <a:moveTo>
                  <a:pt x="3006442" y="2263321"/>
                </a:moveTo>
                <a:lnTo>
                  <a:pt x="3006442" y="2265506"/>
                </a:lnTo>
                <a:lnTo>
                  <a:pt x="3008627" y="2265506"/>
                </a:lnTo>
                <a:lnTo>
                  <a:pt x="3008627" y="2263321"/>
                </a:lnTo>
                <a:close/>
                <a:moveTo>
                  <a:pt x="2882718" y="2262692"/>
                </a:moveTo>
                <a:lnTo>
                  <a:pt x="2882718" y="2266173"/>
                </a:lnTo>
                <a:lnTo>
                  <a:pt x="2886199" y="2266173"/>
                </a:lnTo>
                <a:lnTo>
                  <a:pt x="2886199" y="2262692"/>
                </a:lnTo>
                <a:close/>
                <a:moveTo>
                  <a:pt x="2758809" y="2261804"/>
                </a:moveTo>
                <a:lnTo>
                  <a:pt x="2758809" y="2267025"/>
                </a:lnTo>
                <a:lnTo>
                  <a:pt x="2764030" y="2267025"/>
                </a:lnTo>
                <a:lnTo>
                  <a:pt x="2764030" y="2261804"/>
                </a:lnTo>
                <a:close/>
                <a:moveTo>
                  <a:pt x="2634641" y="2260767"/>
                </a:moveTo>
                <a:lnTo>
                  <a:pt x="2634641" y="2268136"/>
                </a:lnTo>
                <a:lnTo>
                  <a:pt x="2642010" y="2268136"/>
                </a:lnTo>
                <a:lnTo>
                  <a:pt x="2642010" y="2260767"/>
                </a:lnTo>
                <a:close/>
                <a:moveTo>
                  <a:pt x="2509843" y="2259026"/>
                </a:moveTo>
                <a:lnTo>
                  <a:pt x="2509843" y="2269876"/>
                </a:lnTo>
                <a:lnTo>
                  <a:pt x="2520693" y="2269876"/>
                </a:lnTo>
                <a:lnTo>
                  <a:pt x="2520693" y="2259026"/>
                </a:lnTo>
                <a:close/>
                <a:moveTo>
                  <a:pt x="2385045" y="2257286"/>
                </a:moveTo>
                <a:lnTo>
                  <a:pt x="2385045" y="2271617"/>
                </a:lnTo>
                <a:lnTo>
                  <a:pt x="2399376" y="2271617"/>
                </a:lnTo>
                <a:lnTo>
                  <a:pt x="2399376" y="2257286"/>
                </a:lnTo>
                <a:close/>
                <a:moveTo>
                  <a:pt x="2259618" y="2254879"/>
                </a:moveTo>
                <a:lnTo>
                  <a:pt x="2259618" y="2273987"/>
                </a:lnTo>
                <a:lnTo>
                  <a:pt x="2278726" y="2273987"/>
                </a:lnTo>
                <a:lnTo>
                  <a:pt x="2278726" y="2254879"/>
                </a:lnTo>
                <a:close/>
                <a:moveTo>
                  <a:pt x="2134153" y="2252509"/>
                </a:moveTo>
                <a:lnTo>
                  <a:pt x="2134153" y="2276394"/>
                </a:lnTo>
                <a:lnTo>
                  <a:pt x="2158039" y="2276394"/>
                </a:lnTo>
                <a:lnTo>
                  <a:pt x="2158039" y="2252509"/>
                </a:lnTo>
                <a:close/>
                <a:moveTo>
                  <a:pt x="2008282" y="2249656"/>
                </a:moveTo>
                <a:lnTo>
                  <a:pt x="2008282" y="2279208"/>
                </a:lnTo>
                <a:lnTo>
                  <a:pt x="2037833" y="2279208"/>
                </a:lnTo>
                <a:lnTo>
                  <a:pt x="2037833" y="2249656"/>
                </a:lnTo>
                <a:close/>
                <a:moveTo>
                  <a:pt x="1882373" y="2246843"/>
                </a:moveTo>
                <a:lnTo>
                  <a:pt x="1882373" y="2282023"/>
                </a:lnTo>
                <a:lnTo>
                  <a:pt x="1917553" y="2282023"/>
                </a:lnTo>
                <a:lnTo>
                  <a:pt x="1917553" y="2246843"/>
                </a:lnTo>
                <a:close/>
                <a:moveTo>
                  <a:pt x="1756279" y="2243806"/>
                </a:moveTo>
                <a:lnTo>
                  <a:pt x="1756279" y="2285059"/>
                </a:lnTo>
                <a:lnTo>
                  <a:pt x="1797533" y="2285059"/>
                </a:lnTo>
                <a:lnTo>
                  <a:pt x="1797533" y="2243806"/>
                </a:lnTo>
                <a:close/>
                <a:moveTo>
                  <a:pt x="1630185" y="2240769"/>
                </a:moveTo>
                <a:lnTo>
                  <a:pt x="1630185" y="2288096"/>
                </a:lnTo>
                <a:lnTo>
                  <a:pt x="1677512" y="2288096"/>
                </a:lnTo>
                <a:lnTo>
                  <a:pt x="1677512" y="2240769"/>
                </a:lnTo>
                <a:close/>
                <a:moveTo>
                  <a:pt x="1504313" y="2237918"/>
                </a:moveTo>
                <a:lnTo>
                  <a:pt x="1504313" y="2290910"/>
                </a:lnTo>
                <a:lnTo>
                  <a:pt x="1557306" y="2290910"/>
                </a:lnTo>
                <a:lnTo>
                  <a:pt x="1557306" y="2237918"/>
                </a:lnTo>
                <a:close/>
                <a:moveTo>
                  <a:pt x="1378219" y="2234918"/>
                </a:moveTo>
                <a:lnTo>
                  <a:pt x="1378219" y="2293984"/>
                </a:lnTo>
                <a:lnTo>
                  <a:pt x="1437285" y="2293984"/>
                </a:lnTo>
                <a:lnTo>
                  <a:pt x="1437285" y="2234918"/>
                </a:lnTo>
                <a:close/>
                <a:moveTo>
                  <a:pt x="1252311" y="2232066"/>
                </a:moveTo>
                <a:lnTo>
                  <a:pt x="1252311" y="2296798"/>
                </a:lnTo>
                <a:lnTo>
                  <a:pt x="1317043" y="2296798"/>
                </a:lnTo>
                <a:lnTo>
                  <a:pt x="1317043" y="2232066"/>
                </a:lnTo>
                <a:close/>
                <a:moveTo>
                  <a:pt x="1126661" y="2229474"/>
                </a:moveTo>
                <a:lnTo>
                  <a:pt x="1126661" y="2299391"/>
                </a:lnTo>
                <a:lnTo>
                  <a:pt x="1196577" y="2299391"/>
                </a:lnTo>
                <a:lnTo>
                  <a:pt x="1196577" y="2229474"/>
                </a:lnTo>
                <a:close/>
                <a:moveTo>
                  <a:pt x="1001197" y="2227105"/>
                </a:moveTo>
                <a:lnTo>
                  <a:pt x="1001197" y="2301799"/>
                </a:lnTo>
                <a:lnTo>
                  <a:pt x="1075891" y="2301799"/>
                </a:lnTo>
                <a:lnTo>
                  <a:pt x="1075891" y="2227105"/>
                </a:lnTo>
                <a:close/>
                <a:moveTo>
                  <a:pt x="875769" y="2224697"/>
                </a:moveTo>
                <a:lnTo>
                  <a:pt x="875769" y="2304168"/>
                </a:lnTo>
                <a:lnTo>
                  <a:pt x="955240" y="2304168"/>
                </a:lnTo>
                <a:lnTo>
                  <a:pt x="955240" y="2224697"/>
                </a:lnTo>
                <a:close/>
                <a:moveTo>
                  <a:pt x="750971" y="2222957"/>
                </a:moveTo>
                <a:lnTo>
                  <a:pt x="750971" y="2305908"/>
                </a:lnTo>
                <a:lnTo>
                  <a:pt x="833923" y="2305908"/>
                </a:lnTo>
                <a:lnTo>
                  <a:pt x="833923" y="2222957"/>
                </a:lnTo>
                <a:close/>
                <a:moveTo>
                  <a:pt x="626359" y="2221440"/>
                </a:moveTo>
                <a:lnTo>
                  <a:pt x="626359" y="2307427"/>
                </a:lnTo>
                <a:lnTo>
                  <a:pt x="712347" y="2307427"/>
                </a:lnTo>
                <a:lnTo>
                  <a:pt x="712347" y="2221440"/>
                </a:lnTo>
                <a:close/>
                <a:moveTo>
                  <a:pt x="502005" y="2220105"/>
                </a:moveTo>
                <a:lnTo>
                  <a:pt x="502005" y="2308724"/>
                </a:lnTo>
                <a:lnTo>
                  <a:pt x="590623" y="2308724"/>
                </a:lnTo>
                <a:lnTo>
                  <a:pt x="590623" y="2220105"/>
                </a:lnTo>
                <a:close/>
                <a:moveTo>
                  <a:pt x="378096" y="2219254"/>
                </a:moveTo>
                <a:lnTo>
                  <a:pt x="378096" y="2309612"/>
                </a:lnTo>
                <a:lnTo>
                  <a:pt x="468454" y="2309612"/>
                </a:lnTo>
                <a:lnTo>
                  <a:pt x="468454" y="2219254"/>
                </a:lnTo>
                <a:close/>
                <a:moveTo>
                  <a:pt x="8702" y="2219069"/>
                </a:moveTo>
                <a:lnTo>
                  <a:pt x="8702" y="2309834"/>
                </a:lnTo>
                <a:lnTo>
                  <a:pt x="99467" y="2309834"/>
                </a:lnTo>
                <a:lnTo>
                  <a:pt x="99467" y="2219069"/>
                </a:lnTo>
                <a:close/>
                <a:moveTo>
                  <a:pt x="254372" y="2218587"/>
                </a:moveTo>
                <a:lnTo>
                  <a:pt x="254372" y="2310242"/>
                </a:lnTo>
                <a:lnTo>
                  <a:pt x="346026" y="2310242"/>
                </a:lnTo>
                <a:lnTo>
                  <a:pt x="346026" y="2218587"/>
                </a:lnTo>
                <a:close/>
                <a:moveTo>
                  <a:pt x="130871" y="2218179"/>
                </a:moveTo>
                <a:lnTo>
                  <a:pt x="130871" y="2310686"/>
                </a:lnTo>
                <a:lnTo>
                  <a:pt x="223377" y="2310686"/>
                </a:lnTo>
                <a:lnTo>
                  <a:pt x="223377" y="2218179"/>
                </a:lnTo>
                <a:close/>
                <a:moveTo>
                  <a:pt x="3499523" y="2141153"/>
                </a:moveTo>
                <a:lnTo>
                  <a:pt x="3499523" y="2141597"/>
                </a:lnTo>
                <a:lnTo>
                  <a:pt x="3499967" y="2141597"/>
                </a:lnTo>
                <a:lnTo>
                  <a:pt x="3499967" y="2141153"/>
                </a:lnTo>
                <a:close/>
                <a:moveTo>
                  <a:pt x="3376466" y="2141153"/>
                </a:moveTo>
                <a:lnTo>
                  <a:pt x="3376466" y="2141597"/>
                </a:lnTo>
                <a:lnTo>
                  <a:pt x="3376910" y="2141597"/>
                </a:lnTo>
                <a:lnTo>
                  <a:pt x="3376910" y="2141153"/>
                </a:lnTo>
                <a:close/>
                <a:moveTo>
                  <a:pt x="3253408" y="2141153"/>
                </a:moveTo>
                <a:lnTo>
                  <a:pt x="3253408" y="2141597"/>
                </a:lnTo>
                <a:lnTo>
                  <a:pt x="3253852" y="2141597"/>
                </a:lnTo>
                <a:lnTo>
                  <a:pt x="3253852" y="2141153"/>
                </a:lnTo>
                <a:close/>
                <a:moveTo>
                  <a:pt x="3130129" y="2140968"/>
                </a:moveTo>
                <a:lnTo>
                  <a:pt x="3130129" y="2141820"/>
                </a:lnTo>
                <a:lnTo>
                  <a:pt x="3130981" y="2141820"/>
                </a:lnTo>
                <a:lnTo>
                  <a:pt x="3130981" y="2140968"/>
                </a:lnTo>
                <a:close/>
                <a:moveTo>
                  <a:pt x="3006664" y="2140487"/>
                </a:moveTo>
                <a:lnTo>
                  <a:pt x="3006664" y="2142227"/>
                </a:lnTo>
                <a:lnTo>
                  <a:pt x="3008404" y="2142227"/>
                </a:lnTo>
                <a:lnTo>
                  <a:pt x="3008404" y="2140487"/>
                </a:lnTo>
                <a:close/>
                <a:moveTo>
                  <a:pt x="2883163" y="2140079"/>
                </a:moveTo>
                <a:lnTo>
                  <a:pt x="2883163" y="2142671"/>
                </a:lnTo>
                <a:lnTo>
                  <a:pt x="2885755" y="2142671"/>
                </a:lnTo>
                <a:lnTo>
                  <a:pt x="2885755" y="2140079"/>
                </a:lnTo>
                <a:close/>
                <a:moveTo>
                  <a:pt x="2759216" y="2139227"/>
                </a:moveTo>
                <a:lnTo>
                  <a:pt x="2759216" y="2143560"/>
                </a:lnTo>
                <a:lnTo>
                  <a:pt x="2763549" y="2143560"/>
                </a:lnTo>
                <a:lnTo>
                  <a:pt x="2763549" y="2139227"/>
                </a:lnTo>
                <a:close/>
                <a:moveTo>
                  <a:pt x="2634863" y="2137894"/>
                </a:moveTo>
                <a:lnTo>
                  <a:pt x="2634863" y="2144856"/>
                </a:lnTo>
                <a:lnTo>
                  <a:pt x="2641825" y="2144856"/>
                </a:lnTo>
                <a:lnTo>
                  <a:pt x="2641825" y="2137894"/>
                </a:lnTo>
                <a:close/>
                <a:moveTo>
                  <a:pt x="2510287" y="2136375"/>
                </a:moveTo>
                <a:lnTo>
                  <a:pt x="2510287" y="2146374"/>
                </a:lnTo>
                <a:lnTo>
                  <a:pt x="2520286" y="2146374"/>
                </a:lnTo>
                <a:lnTo>
                  <a:pt x="2520286" y="2136375"/>
                </a:lnTo>
                <a:close/>
                <a:moveTo>
                  <a:pt x="2385267" y="2134450"/>
                </a:moveTo>
                <a:lnTo>
                  <a:pt x="2385267" y="2148337"/>
                </a:lnTo>
                <a:lnTo>
                  <a:pt x="2399154" y="2148337"/>
                </a:lnTo>
                <a:lnTo>
                  <a:pt x="2399154" y="2134450"/>
                </a:lnTo>
                <a:close/>
                <a:moveTo>
                  <a:pt x="2259618" y="2131821"/>
                </a:moveTo>
                <a:lnTo>
                  <a:pt x="2259618" y="2150929"/>
                </a:lnTo>
                <a:lnTo>
                  <a:pt x="2278726" y="2150929"/>
                </a:lnTo>
                <a:lnTo>
                  <a:pt x="2278726" y="2131821"/>
                </a:lnTo>
                <a:close/>
                <a:moveTo>
                  <a:pt x="2133931" y="2129192"/>
                </a:moveTo>
                <a:lnTo>
                  <a:pt x="2133931" y="2153522"/>
                </a:lnTo>
                <a:lnTo>
                  <a:pt x="2158261" y="2153522"/>
                </a:lnTo>
                <a:lnTo>
                  <a:pt x="2158261" y="2129192"/>
                </a:lnTo>
                <a:close/>
                <a:moveTo>
                  <a:pt x="2008059" y="2126414"/>
                </a:moveTo>
                <a:lnTo>
                  <a:pt x="2008059" y="2156373"/>
                </a:lnTo>
                <a:lnTo>
                  <a:pt x="2038018" y="2156373"/>
                </a:lnTo>
                <a:lnTo>
                  <a:pt x="2038018" y="2126414"/>
                </a:lnTo>
                <a:close/>
                <a:moveTo>
                  <a:pt x="1881743" y="2123156"/>
                </a:moveTo>
                <a:lnTo>
                  <a:pt x="1881743" y="2159632"/>
                </a:lnTo>
                <a:lnTo>
                  <a:pt x="1918219" y="2159632"/>
                </a:lnTo>
                <a:lnTo>
                  <a:pt x="1918219" y="2123156"/>
                </a:lnTo>
                <a:close/>
                <a:moveTo>
                  <a:pt x="1755649" y="2120120"/>
                </a:moveTo>
                <a:lnTo>
                  <a:pt x="1755649" y="2162669"/>
                </a:lnTo>
                <a:lnTo>
                  <a:pt x="1798199" y="2162669"/>
                </a:lnTo>
                <a:lnTo>
                  <a:pt x="1798199" y="2120120"/>
                </a:lnTo>
                <a:close/>
                <a:moveTo>
                  <a:pt x="1629333" y="2116860"/>
                </a:moveTo>
                <a:lnTo>
                  <a:pt x="1629333" y="2165928"/>
                </a:lnTo>
                <a:lnTo>
                  <a:pt x="1678400" y="2165928"/>
                </a:lnTo>
                <a:lnTo>
                  <a:pt x="1678400" y="2116860"/>
                </a:lnTo>
                <a:close/>
                <a:moveTo>
                  <a:pt x="1502980" y="2113602"/>
                </a:moveTo>
                <a:lnTo>
                  <a:pt x="1502980" y="2169186"/>
                </a:lnTo>
                <a:lnTo>
                  <a:pt x="1558565" y="2169186"/>
                </a:lnTo>
                <a:lnTo>
                  <a:pt x="1558565" y="2113602"/>
                </a:lnTo>
                <a:close/>
                <a:moveTo>
                  <a:pt x="1376664" y="2110305"/>
                </a:moveTo>
                <a:lnTo>
                  <a:pt x="1376664" y="2172408"/>
                </a:lnTo>
                <a:lnTo>
                  <a:pt x="1438767" y="2172408"/>
                </a:lnTo>
                <a:lnTo>
                  <a:pt x="1438767" y="2110305"/>
                </a:lnTo>
                <a:close/>
                <a:moveTo>
                  <a:pt x="1250570" y="2107306"/>
                </a:moveTo>
                <a:lnTo>
                  <a:pt x="1250570" y="2175482"/>
                </a:lnTo>
                <a:lnTo>
                  <a:pt x="1318746" y="2175482"/>
                </a:lnTo>
                <a:lnTo>
                  <a:pt x="1318746" y="2107306"/>
                </a:lnTo>
                <a:close/>
                <a:moveTo>
                  <a:pt x="1124920" y="2104676"/>
                </a:moveTo>
                <a:lnTo>
                  <a:pt x="1124920" y="2178074"/>
                </a:lnTo>
                <a:lnTo>
                  <a:pt x="1198317" y="2178074"/>
                </a:lnTo>
                <a:lnTo>
                  <a:pt x="1198317" y="2104676"/>
                </a:lnTo>
                <a:close/>
                <a:moveTo>
                  <a:pt x="999049" y="2101825"/>
                </a:moveTo>
                <a:lnTo>
                  <a:pt x="999049" y="2180889"/>
                </a:lnTo>
                <a:lnTo>
                  <a:pt x="1078112" y="2180889"/>
                </a:lnTo>
                <a:lnTo>
                  <a:pt x="1078112" y="2101825"/>
                </a:lnTo>
                <a:close/>
                <a:moveTo>
                  <a:pt x="873806" y="2099677"/>
                </a:moveTo>
                <a:lnTo>
                  <a:pt x="873806" y="2183074"/>
                </a:lnTo>
                <a:lnTo>
                  <a:pt x="957202" y="2183074"/>
                </a:lnTo>
                <a:lnTo>
                  <a:pt x="957202" y="2099677"/>
                </a:lnTo>
                <a:close/>
                <a:moveTo>
                  <a:pt x="748786" y="2097751"/>
                </a:moveTo>
                <a:lnTo>
                  <a:pt x="748786" y="2185037"/>
                </a:lnTo>
                <a:lnTo>
                  <a:pt x="836070" y="2185037"/>
                </a:lnTo>
                <a:lnTo>
                  <a:pt x="836070" y="2097751"/>
                </a:lnTo>
                <a:close/>
                <a:moveTo>
                  <a:pt x="624211" y="2096242"/>
                </a:moveTo>
                <a:lnTo>
                  <a:pt x="624211" y="2186555"/>
                </a:lnTo>
                <a:lnTo>
                  <a:pt x="714569" y="2186555"/>
                </a:lnTo>
                <a:lnTo>
                  <a:pt x="714569" y="2096242"/>
                </a:lnTo>
                <a:close/>
                <a:moveTo>
                  <a:pt x="499857" y="2094944"/>
                </a:moveTo>
                <a:lnTo>
                  <a:pt x="499857" y="2187851"/>
                </a:lnTo>
                <a:lnTo>
                  <a:pt x="592807" y="2187851"/>
                </a:lnTo>
                <a:lnTo>
                  <a:pt x="592807" y="2094944"/>
                </a:lnTo>
                <a:close/>
                <a:moveTo>
                  <a:pt x="375911" y="2094053"/>
                </a:moveTo>
                <a:lnTo>
                  <a:pt x="375911" y="2188703"/>
                </a:lnTo>
                <a:lnTo>
                  <a:pt x="470602" y="2188703"/>
                </a:lnTo>
                <a:lnTo>
                  <a:pt x="470602" y="2094053"/>
                </a:lnTo>
                <a:close/>
                <a:moveTo>
                  <a:pt x="6517" y="2093833"/>
                </a:moveTo>
                <a:lnTo>
                  <a:pt x="6517" y="2188924"/>
                </a:lnTo>
                <a:lnTo>
                  <a:pt x="101652" y="2188924"/>
                </a:lnTo>
                <a:lnTo>
                  <a:pt x="101652" y="2093833"/>
                </a:lnTo>
                <a:close/>
                <a:moveTo>
                  <a:pt x="252187" y="2093426"/>
                </a:moveTo>
                <a:lnTo>
                  <a:pt x="252187" y="2189369"/>
                </a:lnTo>
                <a:lnTo>
                  <a:pt x="348174" y="2189369"/>
                </a:lnTo>
                <a:lnTo>
                  <a:pt x="348174" y="2093426"/>
                </a:lnTo>
                <a:close/>
                <a:moveTo>
                  <a:pt x="128723" y="2093019"/>
                </a:moveTo>
                <a:lnTo>
                  <a:pt x="128723" y="2189814"/>
                </a:lnTo>
                <a:lnTo>
                  <a:pt x="225562" y="2189814"/>
                </a:lnTo>
                <a:lnTo>
                  <a:pt x="225562" y="2093019"/>
                </a:lnTo>
                <a:close/>
                <a:moveTo>
                  <a:pt x="3376466" y="2018137"/>
                </a:moveTo>
                <a:lnTo>
                  <a:pt x="3376466" y="2018584"/>
                </a:lnTo>
                <a:lnTo>
                  <a:pt x="3376910" y="2018584"/>
                </a:lnTo>
                <a:lnTo>
                  <a:pt x="3376910" y="2018137"/>
                </a:lnTo>
                <a:close/>
                <a:moveTo>
                  <a:pt x="3253408" y="2018137"/>
                </a:moveTo>
                <a:lnTo>
                  <a:pt x="3253408" y="2018584"/>
                </a:lnTo>
                <a:lnTo>
                  <a:pt x="3253852" y="2018584"/>
                </a:lnTo>
                <a:lnTo>
                  <a:pt x="3253852" y="2018137"/>
                </a:lnTo>
                <a:close/>
                <a:moveTo>
                  <a:pt x="3130351" y="2018137"/>
                </a:moveTo>
                <a:lnTo>
                  <a:pt x="3130351" y="2018584"/>
                </a:lnTo>
                <a:lnTo>
                  <a:pt x="3130795" y="2018584"/>
                </a:lnTo>
                <a:lnTo>
                  <a:pt x="3130795" y="2018137"/>
                </a:lnTo>
                <a:close/>
                <a:moveTo>
                  <a:pt x="3007072" y="2017954"/>
                </a:moveTo>
                <a:lnTo>
                  <a:pt x="3007072" y="2018803"/>
                </a:lnTo>
                <a:lnTo>
                  <a:pt x="3007924" y="2018803"/>
                </a:lnTo>
                <a:lnTo>
                  <a:pt x="3007924" y="2017954"/>
                </a:lnTo>
                <a:close/>
                <a:moveTo>
                  <a:pt x="2883385" y="2017252"/>
                </a:moveTo>
                <a:lnTo>
                  <a:pt x="2883385" y="2019436"/>
                </a:lnTo>
                <a:lnTo>
                  <a:pt x="2885570" y="2019436"/>
                </a:lnTo>
                <a:lnTo>
                  <a:pt x="2885570" y="2017252"/>
                </a:lnTo>
                <a:close/>
                <a:moveTo>
                  <a:pt x="2759661" y="2016620"/>
                </a:moveTo>
                <a:lnTo>
                  <a:pt x="2759661" y="2020102"/>
                </a:lnTo>
                <a:lnTo>
                  <a:pt x="2763142" y="2020102"/>
                </a:lnTo>
                <a:lnTo>
                  <a:pt x="2763142" y="2016620"/>
                </a:lnTo>
                <a:close/>
                <a:moveTo>
                  <a:pt x="2635530" y="2015546"/>
                </a:moveTo>
                <a:lnTo>
                  <a:pt x="2635530" y="2021176"/>
                </a:lnTo>
                <a:lnTo>
                  <a:pt x="2641159" y="2021176"/>
                </a:lnTo>
                <a:lnTo>
                  <a:pt x="2641159" y="2015546"/>
                </a:lnTo>
                <a:close/>
                <a:moveTo>
                  <a:pt x="2510732" y="2013806"/>
                </a:moveTo>
                <a:lnTo>
                  <a:pt x="2510732" y="2022917"/>
                </a:lnTo>
                <a:lnTo>
                  <a:pt x="2519842" y="2022917"/>
                </a:lnTo>
                <a:lnTo>
                  <a:pt x="2519842" y="2013806"/>
                </a:lnTo>
                <a:close/>
                <a:moveTo>
                  <a:pt x="2385490" y="2011621"/>
                </a:moveTo>
                <a:lnTo>
                  <a:pt x="2385490" y="2025099"/>
                </a:lnTo>
                <a:lnTo>
                  <a:pt x="2398970" y="2025099"/>
                </a:lnTo>
                <a:lnTo>
                  <a:pt x="2398970" y="2011621"/>
                </a:lnTo>
                <a:close/>
                <a:moveTo>
                  <a:pt x="2259803" y="2009031"/>
                </a:moveTo>
                <a:lnTo>
                  <a:pt x="2259803" y="2027693"/>
                </a:lnTo>
                <a:lnTo>
                  <a:pt x="2278467" y="2027693"/>
                </a:lnTo>
                <a:lnTo>
                  <a:pt x="2278467" y="2009031"/>
                </a:lnTo>
                <a:close/>
                <a:moveTo>
                  <a:pt x="2133709" y="2005956"/>
                </a:moveTo>
                <a:lnTo>
                  <a:pt x="2133709" y="2030730"/>
                </a:lnTo>
                <a:lnTo>
                  <a:pt x="2158483" y="2030730"/>
                </a:lnTo>
                <a:lnTo>
                  <a:pt x="2158483" y="2005956"/>
                </a:lnTo>
                <a:close/>
                <a:moveTo>
                  <a:pt x="2007615" y="2002919"/>
                </a:moveTo>
                <a:lnTo>
                  <a:pt x="2007615" y="2033765"/>
                </a:lnTo>
                <a:lnTo>
                  <a:pt x="2038463" y="2033765"/>
                </a:lnTo>
                <a:lnTo>
                  <a:pt x="2038463" y="2002919"/>
                </a:lnTo>
                <a:close/>
                <a:moveTo>
                  <a:pt x="1881299" y="1999658"/>
                </a:moveTo>
                <a:lnTo>
                  <a:pt x="1881299" y="2037027"/>
                </a:lnTo>
                <a:lnTo>
                  <a:pt x="1918664" y="2037027"/>
                </a:lnTo>
                <a:lnTo>
                  <a:pt x="1918664" y="1999658"/>
                </a:lnTo>
                <a:close/>
                <a:moveTo>
                  <a:pt x="1754761" y="1996214"/>
                </a:moveTo>
                <a:lnTo>
                  <a:pt x="1754761" y="2040505"/>
                </a:lnTo>
                <a:lnTo>
                  <a:pt x="1799051" y="2040505"/>
                </a:lnTo>
                <a:lnTo>
                  <a:pt x="1799051" y="1996214"/>
                </a:lnTo>
                <a:close/>
                <a:moveTo>
                  <a:pt x="1628222" y="1992733"/>
                </a:moveTo>
                <a:lnTo>
                  <a:pt x="1628222" y="2043987"/>
                </a:lnTo>
                <a:lnTo>
                  <a:pt x="1679474" y="2043987"/>
                </a:lnTo>
                <a:lnTo>
                  <a:pt x="1679474" y="1992733"/>
                </a:lnTo>
                <a:close/>
                <a:moveTo>
                  <a:pt x="1501684" y="1989256"/>
                </a:moveTo>
                <a:lnTo>
                  <a:pt x="1501684" y="2047469"/>
                </a:lnTo>
                <a:lnTo>
                  <a:pt x="1559898" y="2047469"/>
                </a:lnTo>
                <a:lnTo>
                  <a:pt x="1559898" y="1989256"/>
                </a:lnTo>
                <a:close/>
                <a:moveTo>
                  <a:pt x="1375368" y="1985993"/>
                </a:moveTo>
                <a:lnTo>
                  <a:pt x="1375368" y="2050726"/>
                </a:lnTo>
                <a:lnTo>
                  <a:pt x="1440100" y="2050726"/>
                </a:lnTo>
                <a:lnTo>
                  <a:pt x="1440100" y="1985993"/>
                </a:lnTo>
                <a:close/>
                <a:moveTo>
                  <a:pt x="1249274" y="1982959"/>
                </a:moveTo>
                <a:lnTo>
                  <a:pt x="1249274" y="2053763"/>
                </a:lnTo>
                <a:lnTo>
                  <a:pt x="1320079" y="2053763"/>
                </a:lnTo>
                <a:lnTo>
                  <a:pt x="1320079" y="1982959"/>
                </a:lnTo>
                <a:close/>
                <a:moveTo>
                  <a:pt x="1123180" y="1979921"/>
                </a:moveTo>
                <a:lnTo>
                  <a:pt x="1123180" y="2056799"/>
                </a:lnTo>
                <a:lnTo>
                  <a:pt x="1200058" y="2056799"/>
                </a:lnTo>
                <a:lnTo>
                  <a:pt x="1200058" y="1979921"/>
                </a:lnTo>
                <a:close/>
                <a:moveTo>
                  <a:pt x="997308" y="1977105"/>
                </a:moveTo>
                <a:lnTo>
                  <a:pt x="997308" y="2059616"/>
                </a:lnTo>
                <a:lnTo>
                  <a:pt x="1079815" y="2059616"/>
                </a:lnTo>
                <a:lnTo>
                  <a:pt x="1079815" y="1977105"/>
                </a:lnTo>
                <a:close/>
                <a:moveTo>
                  <a:pt x="871844" y="1974737"/>
                </a:moveTo>
                <a:lnTo>
                  <a:pt x="871844" y="2062024"/>
                </a:lnTo>
                <a:lnTo>
                  <a:pt x="959128" y="2062024"/>
                </a:lnTo>
                <a:lnTo>
                  <a:pt x="959128" y="1974737"/>
                </a:lnTo>
                <a:close/>
                <a:moveTo>
                  <a:pt x="746602" y="1972513"/>
                </a:moveTo>
                <a:lnTo>
                  <a:pt x="746602" y="2064169"/>
                </a:lnTo>
                <a:lnTo>
                  <a:pt x="838256" y="2064169"/>
                </a:lnTo>
                <a:lnTo>
                  <a:pt x="838256" y="1972513"/>
                </a:lnTo>
                <a:close/>
                <a:moveTo>
                  <a:pt x="622026" y="1970995"/>
                </a:moveTo>
                <a:lnTo>
                  <a:pt x="622026" y="2065690"/>
                </a:lnTo>
                <a:lnTo>
                  <a:pt x="716717" y="2065690"/>
                </a:lnTo>
                <a:lnTo>
                  <a:pt x="716717" y="1970995"/>
                </a:lnTo>
                <a:close/>
                <a:moveTo>
                  <a:pt x="497672" y="1969699"/>
                </a:moveTo>
                <a:lnTo>
                  <a:pt x="497672" y="2066982"/>
                </a:lnTo>
                <a:lnTo>
                  <a:pt x="594955" y="2066982"/>
                </a:lnTo>
                <a:lnTo>
                  <a:pt x="594955" y="1969699"/>
                </a:lnTo>
                <a:close/>
                <a:moveTo>
                  <a:pt x="373949" y="1969073"/>
                </a:moveTo>
                <a:lnTo>
                  <a:pt x="373949" y="2067652"/>
                </a:lnTo>
                <a:lnTo>
                  <a:pt x="472528" y="2067652"/>
                </a:lnTo>
                <a:lnTo>
                  <a:pt x="472528" y="1969073"/>
                </a:lnTo>
                <a:close/>
                <a:moveTo>
                  <a:pt x="4777" y="1969073"/>
                </a:moveTo>
                <a:lnTo>
                  <a:pt x="4777" y="2067652"/>
                </a:lnTo>
                <a:lnTo>
                  <a:pt x="103356" y="2067652"/>
                </a:lnTo>
                <a:lnTo>
                  <a:pt x="103356" y="1969073"/>
                </a:lnTo>
                <a:close/>
                <a:moveTo>
                  <a:pt x="250262" y="1968405"/>
                </a:moveTo>
                <a:lnTo>
                  <a:pt x="250262" y="2068317"/>
                </a:lnTo>
                <a:lnTo>
                  <a:pt x="350174" y="2068317"/>
                </a:lnTo>
                <a:lnTo>
                  <a:pt x="350174" y="1968405"/>
                </a:lnTo>
                <a:close/>
                <a:moveTo>
                  <a:pt x="126760" y="1967957"/>
                </a:moveTo>
                <a:lnTo>
                  <a:pt x="126760" y="2068725"/>
                </a:lnTo>
                <a:lnTo>
                  <a:pt x="227524" y="2068725"/>
                </a:lnTo>
                <a:lnTo>
                  <a:pt x="227524" y="1967957"/>
                </a:lnTo>
                <a:close/>
                <a:moveTo>
                  <a:pt x="3499523" y="1895081"/>
                </a:moveTo>
                <a:lnTo>
                  <a:pt x="3499523" y="1895523"/>
                </a:lnTo>
                <a:lnTo>
                  <a:pt x="3499967" y="1895523"/>
                </a:lnTo>
                <a:lnTo>
                  <a:pt x="3499967" y="1895081"/>
                </a:lnTo>
                <a:close/>
                <a:moveTo>
                  <a:pt x="3376466" y="1895081"/>
                </a:moveTo>
                <a:lnTo>
                  <a:pt x="3376466" y="1895523"/>
                </a:lnTo>
                <a:lnTo>
                  <a:pt x="3376910" y="1895523"/>
                </a:lnTo>
                <a:lnTo>
                  <a:pt x="3376910" y="1895081"/>
                </a:lnTo>
                <a:close/>
                <a:moveTo>
                  <a:pt x="3253408" y="1895081"/>
                </a:moveTo>
                <a:lnTo>
                  <a:pt x="3253408" y="1895523"/>
                </a:lnTo>
                <a:lnTo>
                  <a:pt x="3253852" y="1895523"/>
                </a:lnTo>
                <a:lnTo>
                  <a:pt x="3253852" y="1895081"/>
                </a:lnTo>
                <a:close/>
                <a:moveTo>
                  <a:pt x="3130351" y="1895081"/>
                </a:moveTo>
                <a:lnTo>
                  <a:pt x="3130351" y="1895523"/>
                </a:lnTo>
                <a:lnTo>
                  <a:pt x="3130795" y="1895523"/>
                </a:lnTo>
                <a:lnTo>
                  <a:pt x="3130795" y="1895081"/>
                </a:lnTo>
                <a:close/>
                <a:moveTo>
                  <a:pt x="3007294" y="1895081"/>
                </a:moveTo>
                <a:lnTo>
                  <a:pt x="3007294" y="1895523"/>
                </a:lnTo>
                <a:lnTo>
                  <a:pt x="3007738" y="1895523"/>
                </a:lnTo>
                <a:lnTo>
                  <a:pt x="3007738" y="1895081"/>
                </a:lnTo>
                <a:close/>
                <a:moveTo>
                  <a:pt x="2883792" y="1894635"/>
                </a:moveTo>
                <a:lnTo>
                  <a:pt x="2883792" y="1895930"/>
                </a:lnTo>
                <a:lnTo>
                  <a:pt x="2885088" y="1895930"/>
                </a:lnTo>
                <a:lnTo>
                  <a:pt x="2885088" y="1894635"/>
                </a:lnTo>
                <a:close/>
                <a:moveTo>
                  <a:pt x="2760105" y="1894008"/>
                </a:moveTo>
                <a:lnTo>
                  <a:pt x="2760105" y="1896598"/>
                </a:lnTo>
                <a:lnTo>
                  <a:pt x="2762697" y="1896598"/>
                </a:lnTo>
                <a:lnTo>
                  <a:pt x="2762697" y="1894008"/>
                </a:lnTo>
                <a:close/>
                <a:moveTo>
                  <a:pt x="2635937" y="1892894"/>
                </a:moveTo>
                <a:lnTo>
                  <a:pt x="2635937" y="1897672"/>
                </a:lnTo>
                <a:lnTo>
                  <a:pt x="2640714" y="1897672"/>
                </a:lnTo>
                <a:lnTo>
                  <a:pt x="2640714" y="1892894"/>
                </a:lnTo>
                <a:close/>
                <a:moveTo>
                  <a:pt x="2511139" y="1891153"/>
                </a:moveTo>
                <a:lnTo>
                  <a:pt x="2511139" y="1899413"/>
                </a:lnTo>
                <a:lnTo>
                  <a:pt x="2519397" y="1899413"/>
                </a:lnTo>
                <a:lnTo>
                  <a:pt x="2519397" y="1891153"/>
                </a:lnTo>
                <a:close/>
                <a:moveTo>
                  <a:pt x="2385712" y="1888786"/>
                </a:moveTo>
                <a:lnTo>
                  <a:pt x="2385712" y="1901821"/>
                </a:lnTo>
                <a:lnTo>
                  <a:pt x="2398747" y="1901821"/>
                </a:lnTo>
                <a:lnTo>
                  <a:pt x="2398747" y="1888786"/>
                </a:lnTo>
                <a:close/>
                <a:moveTo>
                  <a:pt x="2259803" y="1885970"/>
                </a:moveTo>
                <a:lnTo>
                  <a:pt x="2259803" y="1904636"/>
                </a:lnTo>
                <a:lnTo>
                  <a:pt x="2278467" y="1904636"/>
                </a:lnTo>
                <a:lnTo>
                  <a:pt x="2278467" y="1885970"/>
                </a:lnTo>
                <a:close/>
                <a:moveTo>
                  <a:pt x="2133487" y="1882712"/>
                </a:moveTo>
                <a:lnTo>
                  <a:pt x="2133487" y="1907894"/>
                </a:lnTo>
                <a:lnTo>
                  <a:pt x="2158669" y="1907894"/>
                </a:lnTo>
                <a:lnTo>
                  <a:pt x="2158669" y="1882712"/>
                </a:lnTo>
                <a:close/>
                <a:moveTo>
                  <a:pt x="2007171" y="1879450"/>
                </a:moveTo>
                <a:lnTo>
                  <a:pt x="2007171" y="1911151"/>
                </a:lnTo>
                <a:lnTo>
                  <a:pt x="2038870" y="1911151"/>
                </a:lnTo>
                <a:lnTo>
                  <a:pt x="2038870" y="1879450"/>
                </a:lnTo>
                <a:close/>
                <a:moveTo>
                  <a:pt x="1880632" y="1875973"/>
                </a:moveTo>
                <a:lnTo>
                  <a:pt x="1880632" y="1914633"/>
                </a:lnTo>
                <a:lnTo>
                  <a:pt x="1919293" y="1914633"/>
                </a:lnTo>
                <a:lnTo>
                  <a:pt x="1919293" y="1875973"/>
                </a:lnTo>
                <a:close/>
                <a:moveTo>
                  <a:pt x="1754131" y="1872492"/>
                </a:moveTo>
                <a:lnTo>
                  <a:pt x="1754131" y="1918078"/>
                </a:lnTo>
                <a:lnTo>
                  <a:pt x="1799717" y="1918078"/>
                </a:lnTo>
                <a:lnTo>
                  <a:pt x="1799717" y="1872492"/>
                </a:lnTo>
                <a:close/>
                <a:moveTo>
                  <a:pt x="1627371" y="1868785"/>
                </a:moveTo>
                <a:lnTo>
                  <a:pt x="1627371" y="1921779"/>
                </a:lnTo>
                <a:lnTo>
                  <a:pt x="1680364" y="1921779"/>
                </a:lnTo>
                <a:lnTo>
                  <a:pt x="1680364" y="1868785"/>
                </a:lnTo>
                <a:close/>
                <a:moveTo>
                  <a:pt x="1500610" y="1865121"/>
                </a:moveTo>
                <a:lnTo>
                  <a:pt x="1500610" y="1925485"/>
                </a:lnTo>
                <a:lnTo>
                  <a:pt x="1560972" y="1925485"/>
                </a:lnTo>
                <a:lnTo>
                  <a:pt x="1560972" y="1865121"/>
                </a:lnTo>
                <a:close/>
                <a:moveTo>
                  <a:pt x="1374072" y="1861641"/>
                </a:moveTo>
                <a:lnTo>
                  <a:pt x="1374072" y="1928963"/>
                </a:lnTo>
                <a:lnTo>
                  <a:pt x="1441396" y="1928963"/>
                </a:lnTo>
                <a:lnTo>
                  <a:pt x="1441396" y="1861641"/>
                </a:lnTo>
                <a:close/>
                <a:moveTo>
                  <a:pt x="1247756" y="1858381"/>
                </a:moveTo>
                <a:lnTo>
                  <a:pt x="1247756" y="1932224"/>
                </a:lnTo>
                <a:lnTo>
                  <a:pt x="1321598" y="1932224"/>
                </a:lnTo>
                <a:lnTo>
                  <a:pt x="1321598" y="1858381"/>
                </a:lnTo>
                <a:close/>
                <a:moveTo>
                  <a:pt x="1121439" y="1855124"/>
                </a:moveTo>
                <a:lnTo>
                  <a:pt x="1121439" y="1935482"/>
                </a:lnTo>
                <a:lnTo>
                  <a:pt x="1201798" y="1935482"/>
                </a:lnTo>
                <a:lnTo>
                  <a:pt x="1201798" y="1855124"/>
                </a:lnTo>
                <a:close/>
                <a:moveTo>
                  <a:pt x="995568" y="1852309"/>
                </a:moveTo>
                <a:lnTo>
                  <a:pt x="995568" y="1938296"/>
                </a:lnTo>
                <a:lnTo>
                  <a:pt x="1081556" y="1938296"/>
                </a:lnTo>
                <a:lnTo>
                  <a:pt x="1081556" y="1852309"/>
                </a:lnTo>
                <a:close/>
                <a:moveTo>
                  <a:pt x="869881" y="1849678"/>
                </a:moveTo>
                <a:lnTo>
                  <a:pt x="869881" y="1940888"/>
                </a:lnTo>
                <a:lnTo>
                  <a:pt x="961091" y="1940888"/>
                </a:lnTo>
                <a:lnTo>
                  <a:pt x="961091" y="1849678"/>
                </a:lnTo>
                <a:close/>
                <a:moveTo>
                  <a:pt x="744676" y="1847529"/>
                </a:moveTo>
                <a:lnTo>
                  <a:pt x="744676" y="1943072"/>
                </a:lnTo>
                <a:lnTo>
                  <a:pt x="840219" y="1943072"/>
                </a:lnTo>
                <a:lnTo>
                  <a:pt x="840219" y="1847529"/>
                </a:lnTo>
                <a:close/>
                <a:moveTo>
                  <a:pt x="619878" y="1845788"/>
                </a:moveTo>
                <a:lnTo>
                  <a:pt x="619878" y="1944814"/>
                </a:lnTo>
                <a:lnTo>
                  <a:pt x="718902" y="1944814"/>
                </a:lnTo>
                <a:lnTo>
                  <a:pt x="718902" y="1845788"/>
                </a:lnTo>
                <a:close/>
                <a:moveTo>
                  <a:pt x="495932" y="1844903"/>
                </a:moveTo>
                <a:lnTo>
                  <a:pt x="495932" y="1945665"/>
                </a:lnTo>
                <a:lnTo>
                  <a:pt x="596696" y="1945665"/>
                </a:lnTo>
                <a:lnTo>
                  <a:pt x="596696" y="1844903"/>
                </a:lnTo>
                <a:close/>
                <a:moveTo>
                  <a:pt x="3258" y="1844494"/>
                </a:moveTo>
                <a:lnTo>
                  <a:pt x="3258" y="1946110"/>
                </a:lnTo>
                <a:lnTo>
                  <a:pt x="104874" y="1946110"/>
                </a:lnTo>
                <a:lnTo>
                  <a:pt x="104874" y="1844494"/>
                </a:lnTo>
                <a:close/>
                <a:moveTo>
                  <a:pt x="371986" y="1844049"/>
                </a:moveTo>
                <a:lnTo>
                  <a:pt x="371986" y="1946554"/>
                </a:lnTo>
                <a:lnTo>
                  <a:pt x="474491" y="1946554"/>
                </a:lnTo>
                <a:lnTo>
                  <a:pt x="474491" y="1844049"/>
                </a:lnTo>
                <a:close/>
                <a:moveTo>
                  <a:pt x="248521" y="1843605"/>
                </a:moveTo>
                <a:lnTo>
                  <a:pt x="248521" y="1946963"/>
                </a:lnTo>
                <a:lnTo>
                  <a:pt x="351877" y="1946963"/>
                </a:lnTo>
                <a:lnTo>
                  <a:pt x="351877" y="1843605"/>
                </a:lnTo>
                <a:close/>
                <a:moveTo>
                  <a:pt x="125242" y="1843382"/>
                </a:moveTo>
                <a:lnTo>
                  <a:pt x="125242" y="1947183"/>
                </a:lnTo>
                <a:lnTo>
                  <a:pt x="229043" y="1947183"/>
                </a:lnTo>
                <a:lnTo>
                  <a:pt x="229043" y="1843382"/>
                </a:lnTo>
                <a:close/>
                <a:moveTo>
                  <a:pt x="3253408" y="1772021"/>
                </a:moveTo>
                <a:lnTo>
                  <a:pt x="3253408" y="1772464"/>
                </a:lnTo>
                <a:lnTo>
                  <a:pt x="3253852" y="1772464"/>
                </a:lnTo>
                <a:lnTo>
                  <a:pt x="3253852" y="1772021"/>
                </a:lnTo>
                <a:close/>
                <a:moveTo>
                  <a:pt x="3130351" y="1772021"/>
                </a:moveTo>
                <a:lnTo>
                  <a:pt x="3130351" y="1772464"/>
                </a:lnTo>
                <a:lnTo>
                  <a:pt x="3130795" y="1772464"/>
                </a:lnTo>
                <a:lnTo>
                  <a:pt x="3130795" y="1772021"/>
                </a:lnTo>
                <a:close/>
                <a:moveTo>
                  <a:pt x="3007294" y="1772021"/>
                </a:moveTo>
                <a:lnTo>
                  <a:pt x="3007294" y="1772464"/>
                </a:lnTo>
                <a:lnTo>
                  <a:pt x="3007738" y="1772464"/>
                </a:lnTo>
                <a:lnTo>
                  <a:pt x="3007738" y="1772021"/>
                </a:lnTo>
                <a:close/>
                <a:moveTo>
                  <a:pt x="2884237" y="1772021"/>
                </a:moveTo>
                <a:lnTo>
                  <a:pt x="2884237" y="1772464"/>
                </a:lnTo>
                <a:lnTo>
                  <a:pt x="2884681" y="1772464"/>
                </a:lnTo>
                <a:lnTo>
                  <a:pt x="2884681" y="1772021"/>
                </a:lnTo>
                <a:close/>
                <a:moveTo>
                  <a:pt x="2760735" y="1771576"/>
                </a:moveTo>
                <a:lnTo>
                  <a:pt x="2760735" y="1772876"/>
                </a:lnTo>
                <a:lnTo>
                  <a:pt x="2762031" y="1772876"/>
                </a:lnTo>
                <a:lnTo>
                  <a:pt x="2762031" y="1771576"/>
                </a:lnTo>
                <a:close/>
                <a:moveTo>
                  <a:pt x="2636381" y="1770244"/>
                </a:moveTo>
                <a:lnTo>
                  <a:pt x="2636381" y="1774169"/>
                </a:lnTo>
                <a:lnTo>
                  <a:pt x="2640306" y="1774169"/>
                </a:lnTo>
                <a:lnTo>
                  <a:pt x="2640306" y="1770244"/>
                </a:lnTo>
                <a:close/>
                <a:moveTo>
                  <a:pt x="2511584" y="1768539"/>
                </a:moveTo>
                <a:lnTo>
                  <a:pt x="2511584" y="1775910"/>
                </a:lnTo>
                <a:lnTo>
                  <a:pt x="2518953" y="1775910"/>
                </a:lnTo>
                <a:lnTo>
                  <a:pt x="2518953" y="1768539"/>
                </a:lnTo>
                <a:close/>
                <a:moveTo>
                  <a:pt x="2385712" y="1765725"/>
                </a:moveTo>
                <a:lnTo>
                  <a:pt x="2385712" y="1778761"/>
                </a:lnTo>
                <a:lnTo>
                  <a:pt x="2398747" y="1778761"/>
                </a:lnTo>
                <a:lnTo>
                  <a:pt x="2398747" y="1765725"/>
                </a:lnTo>
                <a:close/>
                <a:moveTo>
                  <a:pt x="2259618" y="1762686"/>
                </a:moveTo>
                <a:lnTo>
                  <a:pt x="2259618" y="1781798"/>
                </a:lnTo>
                <a:lnTo>
                  <a:pt x="2278726" y="1781798"/>
                </a:lnTo>
                <a:lnTo>
                  <a:pt x="2278726" y="1762686"/>
                </a:lnTo>
                <a:close/>
                <a:moveTo>
                  <a:pt x="2133302" y="1759429"/>
                </a:moveTo>
                <a:lnTo>
                  <a:pt x="2133302" y="1785055"/>
                </a:lnTo>
                <a:lnTo>
                  <a:pt x="2158928" y="1785055"/>
                </a:lnTo>
                <a:lnTo>
                  <a:pt x="2158928" y="1759429"/>
                </a:lnTo>
                <a:close/>
                <a:moveTo>
                  <a:pt x="2006763" y="1755910"/>
                </a:moveTo>
                <a:lnTo>
                  <a:pt x="2006763" y="1788501"/>
                </a:lnTo>
                <a:lnTo>
                  <a:pt x="2039351" y="1788501"/>
                </a:lnTo>
                <a:lnTo>
                  <a:pt x="2039351" y="1755910"/>
                </a:lnTo>
                <a:close/>
                <a:moveTo>
                  <a:pt x="1880225" y="1752468"/>
                </a:moveTo>
                <a:lnTo>
                  <a:pt x="1880225" y="1791983"/>
                </a:lnTo>
                <a:lnTo>
                  <a:pt x="1919738" y="1791983"/>
                </a:lnTo>
                <a:lnTo>
                  <a:pt x="1919738" y="1752468"/>
                </a:lnTo>
                <a:close/>
                <a:moveTo>
                  <a:pt x="1753242" y="1748579"/>
                </a:moveTo>
                <a:lnTo>
                  <a:pt x="1753242" y="1795908"/>
                </a:lnTo>
                <a:lnTo>
                  <a:pt x="1800569" y="1795908"/>
                </a:lnTo>
                <a:lnTo>
                  <a:pt x="1800569" y="1748579"/>
                </a:lnTo>
                <a:close/>
                <a:moveTo>
                  <a:pt x="1626482" y="1744875"/>
                </a:moveTo>
                <a:lnTo>
                  <a:pt x="1626482" y="1799610"/>
                </a:lnTo>
                <a:lnTo>
                  <a:pt x="1681215" y="1799610"/>
                </a:lnTo>
                <a:lnTo>
                  <a:pt x="1681215" y="1744875"/>
                </a:lnTo>
                <a:close/>
                <a:moveTo>
                  <a:pt x="1499758" y="1741174"/>
                </a:moveTo>
                <a:lnTo>
                  <a:pt x="1499758" y="1803275"/>
                </a:lnTo>
                <a:lnTo>
                  <a:pt x="1561861" y="1803275"/>
                </a:lnTo>
                <a:lnTo>
                  <a:pt x="1561861" y="1741174"/>
                </a:lnTo>
                <a:close/>
                <a:moveTo>
                  <a:pt x="1372998" y="1737468"/>
                </a:moveTo>
                <a:lnTo>
                  <a:pt x="1372998" y="1806979"/>
                </a:lnTo>
                <a:lnTo>
                  <a:pt x="1442507" y="1806979"/>
                </a:lnTo>
                <a:lnTo>
                  <a:pt x="1442507" y="1737468"/>
                </a:lnTo>
                <a:close/>
                <a:moveTo>
                  <a:pt x="1246459" y="1734027"/>
                </a:moveTo>
                <a:lnTo>
                  <a:pt x="1246459" y="1810463"/>
                </a:lnTo>
                <a:lnTo>
                  <a:pt x="1322893" y="1810463"/>
                </a:lnTo>
                <a:lnTo>
                  <a:pt x="1322893" y="1734027"/>
                </a:lnTo>
                <a:close/>
                <a:moveTo>
                  <a:pt x="1119921" y="1730545"/>
                </a:moveTo>
                <a:lnTo>
                  <a:pt x="1119921" y="1813942"/>
                </a:lnTo>
                <a:lnTo>
                  <a:pt x="1203317" y="1813942"/>
                </a:lnTo>
                <a:lnTo>
                  <a:pt x="1203317" y="1730545"/>
                </a:lnTo>
                <a:close/>
                <a:moveTo>
                  <a:pt x="993827" y="1727507"/>
                </a:moveTo>
                <a:lnTo>
                  <a:pt x="993827" y="1816978"/>
                </a:lnTo>
                <a:lnTo>
                  <a:pt x="1083296" y="1816978"/>
                </a:lnTo>
                <a:lnTo>
                  <a:pt x="1083296" y="1727507"/>
                </a:lnTo>
                <a:close/>
                <a:moveTo>
                  <a:pt x="867918" y="1724654"/>
                </a:moveTo>
                <a:lnTo>
                  <a:pt x="867918" y="1819792"/>
                </a:lnTo>
                <a:lnTo>
                  <a:pt x="963053" y="1819792"/>
                </a:lnTo>
                <a:lnTo>
                  <a:pt x="963053" y="1724654"/>
                </a:lnTo>
                <a:close/>
                <a:moveTo>
                  <a:pt x="742713" y="1722508"/>
                </a:moveTo>
                <a:lnTo>
                  <a:pt x="742713" y="1821974"/>
                </a:lnTo>
                <a:lnTo>
                  <a:pt x="842181" y="1821974"/>
                </a:lnTo>
                <a:lnTo>
                  <a:pt x="842181" y="1722508"/>
                </a:lnTo>
                <a:close/>
                <a:moveTo>
                  <a:pt x="618138" y="1720992"/>
                </a:moveTo>
                <a:lnTo>
                  <a:pt x="618138" y="1823497"/>
                </a:lnTo>
                <a:lnTo>
                  <a:pt x="720643" y="1823497"/>
                </a:lnTo>
                <a:lnTo>
                  <a:pt x="720643" y="1720992"/>
                </a:lnTo>
                <a:close/>
                <a:moveTo>
                  <a:pt x="494191" y="1720102"/>
                </a:moveTo>
                <a:lnTo>
                  <a:pt x="494191" y="1824348"/>
                </a:lnTo>
                <a:lnTo>
                  <a:pt x="598436" y="1824348"/>
                </a:lnTo>
                <a:lnTo>
                  <a:pt x="598436" y="1720102"/>
                </a:lnTo>
                <a:close/>
                <a:moveTo>
                  <a:pt x="1962" y="1720102"/>
                </a:moveTo>
                <a:lnTo>
                  <a:pt x="1962" y="1824348"/>
                </a:lnTo>
                <a:lnTo>
                  <a:pt x="106207" y="1824348"/>
                </a:lnTo>
                <a:lnTo>
                  <a:pt x="106207" y="1720102"/>
                </a:lnTo>
                <a:close/>
                <a:moveTo>
                  <a:pt x="370468" y="1719474"/>
                </a:moveTo>
                <a:lnTo>
                  <a:pt x="370468" y="1825015"/>
                </a:lnTo>
                <a:lnTo>
                  <a:pt x="476009" y="1825015"/>
                </a:lnTo>
                <a:lnTo>
                  <a:pt x="476009" y="1719474"/>
                </a:lnTo>
                <a:close/>
                <a:moveTo>
                  <a:pt x="247003" y="1719027"/>
                </a:moveTo>
                <a:lnTo>
                  <a:pt x="247003" y="1825422"/>
                </a:lnTo>
                <a:lnTo>
                  <a:pt x="353396" y="1825422"/>
                </a:lnTo>
                <a:lnTo>
                  <a:pt x="353396" y="1719027"/>
                </a:lnTo>
                <a:close/>
                <a:moveTo>
                  <a:pt x="123723" y="1718804"/>
                </a:moveTo>
                <a:lnTo>
                  <a:pt x="123723" y="1825646"/>
                </a:lnTo>
                <a:lnTo>
                  <a:pt x="230560" y="1825646"/>
                </a:lnTo>
                <a:lnTo>
                  <a:pt x="230560" y="1718804"/>
                </a:lnTo>
                <a:close/>
                <a:moveTo>
                  <a:pt x="3130351" y="1648925"/>
                </a:moveTo>
                <a:lnTo>
                  <a:pt x="3130351" y="1649369"/>
                </a:lnTo>
                <a:lnTo>
                  <a:pt x="3130795" y="1649369"/>
                </a:lnTo>
                <a:lnTo>
                  <a:pt x="3130795" y="1648925"/>
                </a:lnTo>
                <a:close/>
                <a:moveTo>
                  <a:pt x="3007294" y="1648925"/>
                </a:moveTo>
                <a:lnTo>
                  <a:pt x="3007294" y="1649369"/>
                </a:lnTo>
                <a:lnTo>
                  <a:pt x="3007738" y="1649369"/>
                </a:lnTo>
                <a:lnTo>
                  <a:pt x="3007738" y="1648925"/>
                </a:lnTo>
                <a:close/>
                <a:moveTo>
                  <a:pt x="2884237" y="1648925"/>
                </a:moveTo>
                <a:lnTo>
                  <a:pt x="2884237" y="1649369"/>
                </a:lnTo>
                <a:lnTo>
                  <a:pt x="2884681" y="1649369"/>
                </a:lnTo>
                <a:lnTo>
                  <a:pt x="2884681" y="1648925"/>
                </a:lnTo>
                <a:close/>
                <a:moveTo>
                  <a:pt x="2761179" y="1648925"/>
                </a:moveTo>
                <a:lnTo>
                  <a:pt x="2761179" y="1649369"/>
                </a:lnTo>
                <a:lnTo>
                  <a:pt x="2761623" y="1649369"/>
                </a:lnTo>
                <a:lnTo>
                  <a:pt x="2761623" y="1648925"/>
                </a:lnTo>
                <a:close/>
                <a:moveTo>
                  <a:pt x="2636826" y="1647666"/>
                </a:moveTo>
                <a:lnTo>
                  <a:pt x="2636826" y="1650702"/>
                </a:lnTo>
                <a:lnTo>
                  <a:pt x="2639863" y="1650702"/>
                </a:lnTo>
                <a:lnTo>
                  <a:pt x="2639863" y="1647666"/>
                </a:lnTo>
                <a:close/>
                <a:moveTo>
                  <a:pt x="2511584" y="1645479"/>
                </a:moveTo>
                <a:lnTo>
                  <a:pt x="2511584" y="1652850"/>
                </a:lnTo>
                <a:lnTo>
                  <a:pt x="2518953" y="1652850"/>
                </a:lnTo>
                <a:lnTo>
                  <a:pt x="2518953" y="1645479"/>
                </a:lnTo>
                <a:close/>
                <a:moveTo>
                  <a:pt x="2385490" y="1642409"/>
                </a:moveTo>
                <a:lnTo>
                  <a:pt x="2385490" y="1655888"/>
                </a:lnTo>
                <a:lnTo>
                  <a:pt x="2398970" y="1655888"/>
                </a:lnTo>
                <a:lnTo>
                  <a:pt x="2398970" y="1642409"/>
                </a:lnTo>
                <a:close/>
                <a:moveTo>
                  <a:pt x="2259173" y="1639151"/>
                </a:moveTo>
                <a:lnTo>
                  <a:pt x="2259173" y="1659144"/>
                </a:lnTo>
                <a:lnTo>
                  <a:pt x="2279170" y="1659144"/>
                </a:lnTo>
                <a:lnTo>
                  <a:pt x="2279170" y="1639151"/>
                </a:lnTo>
                <a:close/>
                <a:moveTo>
                  <a:pt x="2133080" y="1636111"/>
                </a:moveTo>
                <a:lnTo>
                  <a:pt x="2133080" y="1662183"/>
                </a:lnTo>
                <a:lnTo>
                  <a:pt x="2159150" y="1662183"/>
                </a:lnTo>
                <a:lnTo>
                  <a:pt x="2159150" y="1636111"/>
                </a:lnTo>
                <a:close/>
                <a:moveTo>
                  <a:pt x="2006319" y="1632448"/>
                </a:moveTo>
                <a:lnTo>
                  <a:pt x="2006319" y="1665886"/>
                </a:lnTo>
                <a:lnTo>
                  <a:pt x="2039759" y="1665886"/>
                </a:lnTo>
                <a:lnTo>
                  <a:pt x="2039759" y="1632448"/>
                </a:lnTo>
                <a:close/>
                <a:moveTo>
                  <a:pt x="1879558" y="1628778"/>
                </a:moveTo>
                <a:lnTo>
                  <a:pt x="1879558" y="1669590"/>
                </a:lnTo>
                <a:lnTo>
                  <a:pt x="1920367" y="1669590"/>
                </a:lnTo>
                <a:lnTo>
                  <a:pt x="1920367" y="1628778"/>
                </a:lnTo>
                <a:close/>
                <a:moveTo>
                  <a:pt x="1752576" y="1624818"/>
                </a:moveTo>
                <a:lnTo>
                  <a:pt x="1752576" y="1673480"/>
                </a:lnTo>
                <a:lnTo>
                  <a:pt x="1801236" y="1673480"/>
                </a:lnTo>
                <a:lnTo>
                  <a:pt x="1801236" y="1624818"/>
                </a:lnTo>
                <a:close/>
                <a:moveTo>
                  <a:pt x="1625630" y="1620928"/>
                </a:moveTo>
                <a:lnTo>
                  <a:pt x="1625630" y="1677403"/>
                </a:lnTo>
                <a:lnTo>
                  <a:pt x="1682104" y="1677403"/>
                </a:lnTo>
                <a:lnTo>
                  <a:pt x="1682104" y="1620928"/>
                </a:lnTo>
                <a:close/>
                <a:moveTo>
                  <a:pt x="1498870" y="1617263"/>
                </a:moveTo>
                <a:lnTo>
                  <a:pt x="1498870" y="1681105"/>
                </a:lnTo>
                <a:lnTo>
                  <a:pt x="1562713" y="1681105"/>
                </a:lnTo>
                <a:lnTo>
                  <a:pt x="1562713" y="1617263"/>
                </a:lnTo>
                <a:close/>
                <a:moveTo>
                  <a:pt x="1371887" y="1613339"/>
                </a:moveTo>
                <a:lnTo>
                  <a:pt x="1371887" y="1684994"/>
                </a:lnTo>
                <a:lnTo>
                  <a:pt x="1443544" y="1684994"/>
                </a:lnTo>
                <a:lnTo>
                  <a:pt x="1443544" y="1613339"/>
                </a:lnTo>
                <a:close/>
                <a:moveTo>
                  <a:pt x="1245386" y="1609857"/>
                </a:moveTo>
                <a:lnTo>
                  <a:pt x="1245386" y="1688476"/>
                </a:lnTo>
                <a:lnTo>
                  <a:pt x="1324005" y="1688476"/>
                </a:lnTo>
                <a:lnTo>
                  <a:pt x="1324005" y="1609857"/>
                </a:lnTo>
                <a:close/>
                <a:moveTo>
                  <a:pt x="1118847" y="1606375"/>
                </a:moveTo>
                <a:lnTo>
                  <a:pt x="1118847" y="1691957"/>
                </a:lnTo>
                <a:lnTo>
                  <a:pt x="1204428" y="1691957"/>
                </a:lnTo>
                <a:lnTo>
                  <a:pt x="1204428" y="1606375"/>
                </a:lnTo>
                <a:close/>
                <a:moveTo>
                  <a:pt x="992531" y="1603155"/>
                </a:moveTo>
                <a:lnTo>
                  <a:pt x="992531" y="1695216"/>
                </a:lnTo>
                <a:lnTo>
                  <a:pt x="1084592" y="1695216"/>
                </a:lnTo>
                <a:lnTo>
                  <a:pt x="1084592" y="1603155"/>
                </a:lnTo>
                <a:close/>
                <a:moveTo>
                  <a:pt x="866400" y="1600080"/>
                </a:moveTo>
                <a:lnTo>
                  <a:pt x="866400" y="1698253"/>
                </a:lnTo>
                <a:lnTo>
                  <a:pt x="964572" y="1698253"/>
                </a:lnTo>
                <a:lnTo>
                  <a:pt x="964572" y="1600080"/>
                </a:lnTo>
                <a:close/>
                <a:moveTo>
                  <a:pt x="740973" y="1597672"/>
                </a:moveTo>
                <a:lnTo>
                  <a:pt x="740973" y="1700622"/>
                </a:lnTo>
                <a:lnTo>
                  <a:pt x="843922" y="1700622"/>
                </a:lnTo>
                <a:lnTo>
                  <a:pt x="843922" y="1597672"/>
                </a:lnTo>
                <a:close/>
                <a:moveTo>
                  <a:pt x="616619" y="1596414"/>
                </a:moveTo>
                <a:lnTo>
                  <a:pt x="616619" y="1701954"/>
                </a:lnTo>
                <a:lnTo>
                  <a:pt x="722160" y="1701954"/>
                </a:lnTo>
                <a:lnTo>
                  <a:pt x="722160" y="1596414"/>
                </a:lnTo>
                <a:close/>
                <a:moveTo>
                  <a:pt x="1073" y="1596154"/>
                </a:moveTo>
                <a:lnTo>
                  <a:pt x="1073" y="1702142"/>
                </a:lnTo>
                <a:lnTo>
                  <a:pt x="107059" y="1702142"/>
                </a:lnTo>
                <a:lnTo>
                  <a:pt x="107059" y="1596154"/>
                </a:lnTo>
                <a:close/>
                <a:moveTo>
                  <a:pt x="492895" y="1595747"/>
                </a:moveTo>
                <a:lnTo>
                  <a:pt x="492895" y="1702584"/>
                </a:lnTo>
                <a:lnTo>
                  <a:pt x="599732" y="1702584"/>
                </a:lnTo>
                <a:lnTo>
                  <a:pt x="599732" y="1595747"/>
                </a:lnTo>
                <a:close/>
                <a:moveTo>
                  <a:pt x="369171" y="1595117"/>
                </a:moveTo>
                <a:lnTo>
                  <a:pt x="369171" y="1703253"/>
                </a:lnTo>
                <a:lnTo>
                  <a:pt x="477304" y="1703253"/>
                </a:lnTo>
                <a:lnTo>
                  <a:pt x="477304" y="1595117"/>
                </a:lnTo>
                <a:close/>
                <a:moveTo>
                  <a:pt x="245892" y="1594897"/>
                </a:moveTo>
                <a:lnTo>
                  <a:pt x="245892" y="1703475"/>
                </a:lnTo>
                <a:lnTo>
                  <a:pt x="354470" y="1703475"/>
                </a:lnTo>
                <a:lnTo>
                  <a:pt x="354470" y="1594897"/>
                </a:lnTo>
                <a:close/>
                <a:moveTo>
                  <a:pt x="122835" y="1594897"/>
                </a:moveTo>
                <a:lnTo>
                  <a:pt x="122835" y="1703475"/>
                </a:lnTo>
                <a:lnTo>
                  <a:pt x="231413" y="1703475"/>
                </a:lnTo>
                <a:lnTo>
                  <a:pt x="231413" y="1594897"/>
                </a:lnTo>
                <a:close/>
                <a:moveTo>
                  <a:pt x="3622617" y="1525867"/>
                </a:moveTo>
                <a:lnTo>
                  <a:pt x="3622617" y="1526310"/>
                </a:lnTo>
                <a:lnTo>
                  <a:pt x="3623061" y="1526310"/>
                </a:lnTo>
                <a:lnTo>
                  <a:pt x="3623061" y="1525867"/>
                </a:lnTo>
                <a:close/>
                <a:moveTo>
                  <a:pt x="3499523" y="1525867"/>
                </a:moveTo>
                <a:lnTo>
                  <a:pt x="3499523" y="1526312"/>
                </a:lnTo>
                <a:lnTo>
                  <a:pt x="3499967" y="1526312"/>
                </a:lnTo>
                <a:lnTo>
                  <a:pt x="3499967" y="1525867"/>
                </a:lnTo>
                <a:close/>
                <a:moveTo>
                  <a:pt x="3376466" y="1525867"/>
                </a:moveTo>
                <a:lnTo>
                  <a:pt x="3376466" y="1526312"/>
                </a:lnTo>
                <a:lnTo>
                  <a:pt x="3376910" y="1526312"/>
                </a:lnTo>
                <a:lnTo>
                  <a:pt x="3376910" y="1525867"/>
                </a:lnTo>
                <a:close/>
                <a:moveTo>
                  <a:pt x="3253408" y="1525867"/>
                </a:moveTo>
                <a:lnTo>
                  <a:pt x="3253408" y="1526312"/>
                </a:lnTo>
                <a:lnTo>
                  <a:pt x="3253852" y="1526312"/>
                </a:lnTo>
                <a:lnTo>
                  <a:pt x="3253852" y="1525867"/>
                </a:lnTo>
                <a:close/>
                <a:moveTo>
                  <a:pt x="3130351" y="1525867"/>
                </a:moveTo>
                <a:lnTo>
                  <a:pt x="3130351" y="1526312"/>
                </a:lnTo>
                <a:lnTo>
                  <a:pt x="3130795" y="1526312"/>
                </a:lnTo>
                <a:lnTo>
                  <a:pt x="3130795" y="1525867"/>
                </a:lnTo>
                <a:close/>
                <a:moveTo>
                  <a:pt x="3007294" y="1525867"/>
                </a:moveTo>
                <a:lnTo>
                  <a:pt x="3007294" y="1526312"/>
                </a:lnTo>
                <a:lnTo>
                  <a:pt x="3007738" y="1526312"/>
                </a:lnTo>
                <a:lnTo>
                  <a:pt x="3007738" y="1525867"/>
                </a:lnTo>
                <a:close/>
                <a:moveTo>
                  <a:pt x="2883792" y="1525460"/>
                </a:moveTo>
                <a:lnTo>
                  <a:pt x="2883792" y="1526756"/>
                </a:lnTo>
                <a:lnTo>
                  <a:pt x="2885088" y="1526756"/>
                </a:lnTo>
                <a:lnTo>
                  <a:pt x="2885088" y="1525460"/>
                </a:lnTo>
                <a:close/>
                <a:moveTo>
                  <a:pt x="2760735" y="1525460"/>
                </a:moveTo>
                <a:lnTo>
                  <a:pt x="2760735" y="1526756"/>
                </a:lnTo>
                <a:lnTo>
                  <a:pt x="2762031" y="1526756"/>
                </a:lnTo>
                <a:lnTo>
                  <a:pt x="2762031" y="1525460"/>
                </a:lnTo>
                <a:close/>
                <a:moveTo>
                  <a:pt x="2636381" y="1524124"/>
                </a:moveTo>
                <a:lnTo>
                  <a:pt x="2636381" y="1528052"/>
                </a:lnTo>
                <a:lnTo>
                  <a:pt x="2640306" y="1528052"/>
                </a:lnTo>
                <a:lnTo>
                  <a:pt x="2640306" y="1524124"/>
                </a:lnTo>
                <a:close/>
                <a:moveTo>
                  <a:pt x="2511139" y="1521979"/>
                </a:moveTo>
                <a:lnTo>
                  <a:pt x="2511139" y="1530234"/>
                </a:lnTo>
                <a:lnTo>
                  <a:pt x="2519397" y="1530234"/>
                </a:lnTo>
                <a:lnTo>
                  <a:pt x="2519397" y="1521979"/>
                </a:lnTo>
                <a:close/>
                <a:moveTo>
                  <a:pt x="2385045" y="1518942"/>
                </a:moveTo>
                <a:lnTo>
                  <a:pt x="2385045" y="1533275"/>
                </a:lnTo>
                <a:lnTo>
                  <a:pt x="2399376" y="1533275"/>
                </a:lnTo>
                <a:lnTo>
                  <a:pt x="2399376" y="1518942"/>
                </a:lnTo>
                <a:close/>
                <a:moveTo>
                  <a:pt x="2258951" y="1515904"/>
                </a:moveTo>
                <a:lnTo>
                  <a:pt x="2258951" y="1536309"/>
                </a:lnTo>
                <a:lnTo>
                  <a:pt x="2279356" y="1536309"/>
                </a:lnTo>
                <a:lnTo>
                  <a:pt x="2279356" y="1515904"/>
                </a:lnTo>
                <a:close/>
                <a:moveTo>
                  <a:pt x="2132413" y="1512424"/>
                </a:moveTo>
                <a:lnTo>
                  <a:pt x="2132413" y="1539790"/>
                </a:lnTo>
                <a:lnTo>
                  <a:pt x="2159780" y="1539790"/>
                </a:lnTo>
                <a:lnTo>
                  <a:pt x="2159780" y="1512424"/>
                </a:lnTo>
                <a:close/>
                <a:moveTo>
                  <a:pt x="2005875" y="1508944"/>
                </a:moveTo>
                <a:lnTo>
                  <a:pt x="2005875" y="1543272"/>
                </a:lnTo>
                <a:lnTo>
                  <a:pt x="2040204" y="1543272"/>
                </a:lnTo>
                <a:lnTo>
                  <a:pt x="2040204" y="1508944"/>
                </a:lnTo>
                <a:close/>
                <a:moveTo>
                  <a:pt x="1878929" y="1505019"/>
                </a:moveTo>
                <a:lnTo>
                  <a:pt x="1878929" y="1547161"/>
                </a:lnTo>
                <a:lnTo>
                  <a:pt x="1921071" y="1547161"/>
                </a:lnTo>
                <a:lnTo>
                  <a:pt x="1921071" y="1505019"/>
                </a:lnTo>
                <a:close/>
                <a:moveTo>
                  <a:pt x="1751946" y="1501130"/>
                </a:moveTo>
                <a:lnTo>
                  <a:pt x="1751946" y="1551086"/>
                </a:lnTo>
                <a:lnTo>
                  <a:pt x="1801902" y="1551086"/>
                </a:lnTo>
                <a:lnTo>
                  <a:pt x="1801902" y="1501130"/>
                </a:lnTo>
                <a:close/>
                <a:moveTo>
                  <a:pt x="1624963" y="1497201"/>
                </a:moveTo>
                <a:lnTo>
                  <a:pt x="1624963" y="1554975"/>
                </a:lnTo>
                <a:lnTo>
                  <a:pt x="1682733" y="1554975"/>
                </a:lnTo>
                <a:lnTo>
                  <a:pt x="1682733" y="1497201"/>
                </a:lnTo>
                <a:close/>
                <a:moveTo>
                  <a:pt x="1498018" y="1493317"/>
                </a:moveTo>
                <a:lnTo>
                  <a:pt x="1498018" y="1558898"/>
                </a:lnTo>
                <a:lnTo>
                  <a:pt x="1563602" y="1558898"/>
                </a:lnTo>
                <a:lnTo>
                  <a:pt x="1563602" y="1493317"/>
                </a:lnTo>
                <a:close/>
                <a:moveTo>
                  <a:pt x="1371035" y="1489428"/>
                </a:moveTo>
                <a:lnTo>
                  <a:pt x="1371035" y="1562823"/>
                </a:lnTo>
                <a:lnTo>
                  <a:pt x="1444432" y="1562823"/>
                </a:lnTo>
                <a:lnTo>
                  <a:pt x="1444432" y="1489428"/>
                </a:lnTo>
                <a:close/>
                <a:moveTo>
                  <a:pt x="1244275" y="1485686"/>
                </a:moveTo>
                <a:lnTo>
                  <a:pt x="1244275" y="1566491"/>
                </a:lnTo>
                <a:lnTo>
                  <a:pt x="1325079" y="1566491"/>
                </a:lnTo>
                <a:lnTo>
                  <a:pt x="1325079" y="1485686"/>
                </a:lnTo>
                <a:close/>
                <a:moveTo>
                  <a:pt x="1117736" y="1482242"/>
                </a:moveTo>
                <a:lnTo>
                  <a:pt x="1117736" y="1569972"/>
                </a:lnTo>
                <a:lnTo>
                  <a:pt x="1205465" y="1569972"/>
                </a:lnTo>
                <a:lnTo>
                  <a:pt x="1205465" y="1482242"/>
                </a:lnTo>
                <a:close/>
                <a:moveTo>
                  <a:pt x="991420" y="1478983"/>
                </a:moveTo>
                <a:lnTo>
                  <a:pt x="991420" y="1573234"/>
                </a:lnTo>
                <a:lnTo>
                  <a:pt x="1085666" y="1573234"/>
                </a:lnTo>
                <a:lnTo>
                  <a:pt x="1085666" y="1478983"/>
                </a:lnTo>
                <a:close/>
                <a:moveTo>
                  <a:pt x="865326" y="1475949"/>
                </a:moveTo>
                <a:lnTo>
                  <a:pt x="865326" y="1576269"/>
                </a:lnTo>
                <a:lnTo>
                  <a:pt x="965646" y="1576269"/>
                </a:lnTo>
                <a:lnTo>
                  <a:pt x="965646" y="1475949"/>
                </a:lnTo>
                <a:close/>
                <a:moveTo>
                  <a:pt x="739899" y="1473577"/>
                </a:moveTo>
                <a:lnTo>
                  <a:pt x="739899" y="1578674"/>
                </a:lnTo>
                <a:lnTo>
                  <a:pt x="844996" y="1578674"/>
                </a:lnTo>
                <a:lnTo>
                  <a:pt x="844996" y="1473577"/>
                </a:lnTo>
                <a:close/>
                <a:moveTo>
                  <a:pt x="444" y="1472467"/>
                </a:moveTo>
                <a:lnTo>
                  <a:pt x="444" y="1579749"/>
                </a:lnTo>
                <a:lnTo>
                  <a:pt x="107726" y="1579749"/>
                </a:lnTo>
                <a:lnTo>
                  <a:pt x="107726" y="1472467"/>
                </a:lnTo>
                <a:close/>
                <a:moveTo>
                  <a:pt x="615101" y="1471836"/>
                </a:moveTo>
                <a:lnTo>
                  <a:pt x="615101" y="1580415"/>
                </a:lnTo>
                <a:lnTo>
                  <a:pt x="723679" y="1580415"/>
                </a:lnTo>
                <a:lnTo>
                  <a:pt x="723679" y="1471836"/>
                </a:lnTo>
                <a:close/>
                <a:moveTo>
                  <a:pt x="491377" y="1471169"/>
                </a:moveTo>
                <a:lnTo>
                  <a:pt x="491377" y="1581049"/>
                </a:lnTo>
                <a:lnTo>
                  <a:pt x="601251" y="1581049"/>
                </a:lnTo>
                <a:lnTo>
                  <a:pt x="601251" y="1471169"/>
                </a:lnTo>
                <a:close/>
                <a:moveTo>
                  <a:pt x="368320" y="1471169"/>
                </a:moveTo>
                <a:lnTo>
                  <a:pt x="368320" y="1581049"/>
                </a:lnTo>
                <a:lnTo>
                  <a:pt x="478194" y="1581049"/>
                </a:lnTo>
                <a:lnTo>
                  <a:pt x="478194" y="1471169"/>
                </a:lnTo>
                <a:close/>
                <a:moveTo>
                  <a:pt x="245262" y="1471169"/>
                </a:moveTo>
                <a:lnTo>
                  <a:pt x="245262" y="1581049"/>
                </a:lnTo>
                <a:lnTo>
                  <a:pt x="355136" y="1581049"/>
                </a:lnTo>
                <a:lnTo>
                  <a:pt x="355136" y="1471169"/>
                </a:lnTo>
                <a:close/>
                <a:moveTo>
                  <a:pt x="122205" y="1471169"/>
                </a:moveTo>
                <a:lnTo>
                  <a:pt x="122205" y="1581049"/>
                </a:lnTo>
                <a:lnTo>
                  <a:pt x="232079" y="1581049"/>
                </a:lnTo>
                <a:lnTo>
                  <a:pt x="232079" y="1471169"/>
                </a:lnTo>
                <a:close/>
                <a:moveTo>
                  <a:pt x="5714629" y="1402807"/>
                </a:moveTo>
                <a:lnTo>
                  <a:pt x="5714629" y="1403251"/>
                </a:lnTo>
                <a:lnTo>
                  <a:pt x="5715073" y="1403251"/>
                </a:lnTo>
                <a:lnTo>
                  <a:pt x="5715073" y="1402807"/>
                </a:lnTo>
                <a:close/>
                <a:moveTo>
                  <a:pt x="5591572" y="1402807"/>
                </a:moveTo>
                <a:lnTo>
                  <a:pt x="5591572" y="1403251"/>
                </a:lnTo>
                <a:lnTo>
                  <a:pt x="5592017" y="1403251"/>
                </a:lnTo>
                <a:lnTo>
                  <a:pt x="5592017" y="1402807"/>
                </a:lnTo>
                <a:close/>
                <a:moveTo>
                  <a:pt x="3745675" y="1402807"/>
                </a:moveTo>
                <a:lnTo>
                  <a:pt x="3745675" y="1403251"/>
                </a:lnTo>
                <a:lnTo>
                  <a:pt x="3746119" y="1403251"/>
                </a:lnTo>
                <a:lnTo>
                  <a:pt x="3746119" y="1402807"/>
                </a:lnTo>
                <a:close/>
                <a:moveTo>
                  <a:pt x="3622617" y="1402807"/>
                </a:moveTo>
                <a:lnTo>
                  <a:pt x="3622617" y="1403251"/>
                </a:lnTo>
                <a:lnTo>
                  <a:pt x="3623061" y="1403251"/>
                </a:lnTo>
                <a:lnTo>
                  <a:pt x="3623061" y="1402807"/>
                </a:lnTo>
                <a:close/>
                <a:moveTo>
                  <a:pt x="3499523" y="1402807"/>
                </a:moveTo>
                <a:lnTo>
                  <a:pt x="3499523" y="1403251"/>
                </a:lnTo>
                <a:lnTo>
                  <a:pt x="3499967" y="1403251"/>
                </a:lnTo>
                <a:lnTo>
                  <a:pt x="3499967" y="1402807"/>
                </a:lnTo>
                <a:close/>
                <a:moveTo>
                  <a:pt x="3376466" y="1402807"/>
                </a:moveTo>
                <a:lnTo>
                  <a:pt x="3376466" y="1403251"/>
                </a:lnTo>
                <a:lnTo>
                  <a:pt x="3376910" y="1403251"/>
                </a:lnTo>
                <a:lnTo>
                  <a:pt x="3376910" y="1402807"/>
                </a:lnTo>
                <a:close/>
                <a:moveTo>
                  <a:pt x="3253408" y="1402807"/>
                </a:moveTo>
                <a:lnTo>
                  <a:pt x="3253408" y="1403251"/>
                </a:lnTo>
                <a:lnTo>
                  <a:pt x="3253852" y="1403251"/>
                </a:lnTo>
                <a:lnTo>
                  <a:pt x="3253852" y="1402807"/>
                </a:lnTo>
                <a:close/>
                <a:moveTo>
                  <a:pt x="3130351" y="1402807"/>
                </a:moveTo>
                <a:lnTo>
                  <a:pt x="3130351" y="1403251"/>
                </a:lnTo>
                <a:lnTo>
                  <a:pt x="3130795" y="1403251"/>
                </a:lnTo>
                <a:lnTo>
                  <a:pt x="3130795" y="1402807"/>
                </a:lnTo>
                <a:close/>
                <a:moveTo>
                  <a:pt x="3006849" y="1402401"/>
                </a:moveTo>
                <a:lnTo>
                  <a:pt x="3006849" y="1403696"/>
                </a:lnTo>
                <a:lnTo>
                  <a:pt x="3008145" y="1403696"/>
                </a:lnTo>
                <a:lnTo>
                  <a:pt x="3008145" y="1402401"/>
                </a:lnTo>
                <a:close/>
                <a:moveTo>
                  <a:pt x="2883385" y="1401956"/>
                </a:moveTo>
                <a:lnTo>
                  <a:pt x="2883385" y="1404140"/>
                </a:lnTo>
                <a:lnTo>
                  <a:pt x="2885570" y="1404140"/>
                </a:lnTo>
                <a:lnTo>
                  <a:pt x="2885570" y="1401956"/>
                </a:lnTo>
                <a:close/>
                <a:moveTo>
                  <a:pt x="2759883" y="1401512"/>
                </a:moveTo>
                <a:lnTo>
                  <a:pt x="2759883" y="1404548"/>
                </a:lnTo>
                <a:lnTo>
                  <a:pt x="2762920" y="1404548"/>
                </a:lnTo>
                <a:lnTo>
                  <a:pt x="2762920" y="1401512"/>
                </a:lnTo>
                <a:close/>
                <a:moveTo>
                  <a:pt x="2635530" y="1400251"/>
                </a:moveTo>
                <a:lnTo>
                  <a:pt x="2635530" y="1405880"/>
                </a:lnTo>
                <a:lnTo>
                  <a:pt x="2641159" y="1405880"/>
                </a:lnTo>
                <a:lnTo>
                  <a:pt x="2641159" y="1400251"/>
                </a:lnTo>
                <a:close/>
                <a:moveTo>
                  <a:pt x="2510287" y="1398028"/>
                </a:moveTo>
                <a:lnTo>
                  <a:pt x="2510287" y="1408029"/>
                </a:lnTo>
                <a:lnTo>
                  <a:pt x="2520286" y="1408029"/>
                </a:lnTo>
                <a:lnTo>
                  <a:pt x="2520286" y="1398028"/>
                </a:lnTo>
                <a:close/>
                <a:moveTo>
                  <a:pt x="2384601" y="1395475"/>
                </a:moveTo>
                <a:lnTo>
                  <a:pt x="2384601" y="1410658"/>
                </a:lnTo>
                <a:lnTo>
                  <a:pt x="2399784" y="1410658"/>
                </a:lnTo>
                <a:lnTo>
                  <a:pt x="2399784" y="1395475"/>
                </a:lnTo>
                <a:close/>
                <a:moveTo>
                  <a:pt x="2258507" y="1392401"/>
                </a:moveTo>
                <a:lnTo>
                  <a:pt x="2258507" y="1413695"/>
                </a:lnTo>
                <a:lnTo>
                  <a:pt x="2279800" y="1413695"/>
                </a:lnTo>
                <a:lnTo>
                  <a:pt x="2279800" y="1392401"/>
                </a:lnTo>
                <a:close/>
                <a:moveTo>
                  <a:pt x="2131969" y="1388957"/>
                </a:moveTo>
                <a:lnTo>
                  <a:pt x="2131969" y="1417177"/>
                </a:lnTo>
                <a:lnTo>
                  <a:pt x="2160187" y="1417177"/>
                </a:lnTo>
                <a:lnTo>
                  <a:pt x="2160187" y="1388957"/>
                </a:lnTo>
                <a:close/>
                <a:moveTo>
                  <a:pt x="2005245" y="1385215"/>
                </a:moveTo>
                <a:lnTo>
                  <a:pt x="2005245" y="1420842"/>
                </a:lnTo>
                <a:lnTo>
                  <a:pt x="2040870" y="1420842"/>
                </a:lnTo>
                <a:lnTo>
                  <a:pt x="2040870" y="1385215"/>
                </a:lnTo>
                <a:close/>
                <a:moveTo>
                  <a:pt x="1878262" y="1381329"/>
                </a:moveTo>
                <a:lnTo>
                  <a:pt x="1878262" y="1424767"/>
                </a:lnTo>
                <a:lnTo>
                  <a:pt x="1921701" y="1424767"/>
                </a:lnTo>
                <a:lnTo>
                  <a:pt x="1921701" y="1381329"/>
                </a:lnTo>
                <a:close/>
                <a:moveTo>
                  <a:pt x="1751280" y="1377403"/>
                </a:moveTo>
                <a:lnTo>
                  <a:pt x="1751280" y="1428656"/>
                </a:lnTo>
                <a:lnTo>
                  <a:pt x="1802532" y="1428656"/>
                </a:lnTo>
                <a:lnTo>
                  <a:pt x="1802532" y="1377403"/>
                </a:lnTo>
                <a:close/>
                <a:moveTo>
                  <a:pt x="1624334" y="1373515"/>
                </a:moveTo>
                <a:lnTo>
                  <a:pt x="1624334" y="1432582"/>
                </a:lnTo>
                <a:lnTo>
                  <a:pt x="1683400" y="1432582"/>
                </a:lnTo>
                <a:lnTo>
                  <a:pt x="1683400" y="1373515"/>
                </a:lnTo>
                <a:close/>
                <a:moveTo>
                  <a:pt x="1497351" y="1369627"/>
                </a:moveTo>
                <a:lnTo>
                  <a:pt x="1497351" y="1436505"/>
                </a:lnTo>
                <a:lnTo>
                  <a:pt x="1564231" y="1436505"/>
                </a:lnTo>
                <a:lnTo>
                  <a:pt x="1564231" y="1369627"/>
                </a:lnTo>
                <a:close/>
                <a:moveTo>
                  <a:pt x="1370369" y="1365700"/>
                </a:moveTo>
                <a:lnTo>
                  <a:pt x="1370369" y="1440395"/>
                </a:lnTo>
                <a:lnTo>
                  <a:pt x="1445063" y="1440395"/>
                </a:lnTo>
                <a:lnTo>
                  <a:pt x="1445063" y="1365700"/>
                </a:lnTo>
                <a:close/>
                <a:moveTo>
                  <a:pt x="1243645" y="1361997"/>
                </a:moveTo>
                <a:lnTo>
                  <a:pt x="1243645" y="1444098"/>
                </a:lnTo>
                <a:lnTo>
                  <a:pt x="1325745" y="1444098"/>
                </a:lnTo>
                <a:lnTo>
                  <a:pt x="1325745" y="1361997"/>
                </a:lnTo>
                <a:close/>
                <a:moveTo>
                  <a:pt x="1117107" y="1358555"/>
                </a:moveTo>
                <a:lnTo>
                  <a:pt x="1117107" y="1447579"/>
                </a:lnTo>
                <a:lnTo>
                  <a:pt x="1206132" y="1447579"/>
                </a:lnTo>
                <a:lnTo>
                  <a:pt x="1206132" y="1358555"/>
                </a:lnTo>
                <a:close/>
                <a:moveTo>
                  <a:pt x="990791" y="1355294"/>
                </a:moveTo>
                <a:lnTo>
                  <a:pt x="990791" y="1450837"/>
                </a:lnTo>
                <a:lnTo>
                  <a:pt x="1086333" y="1450837"/>
                </a:lnTo>
                <a:lnTo>
                  <a:pt x="1086333" y="1355294"/>
                </a:lnTo>
                <a:close/>
                <a:moveTo>
                  <a:pt x="864882" y="1352444"/>
                </a:moveTo>
                <a:lnTo>
                  <a:pt x="864882" y="1453654"/>
                </a:lnTo>
                <a:lnTo>
                  <a:pt x="966090" y="1453654"/>
                </a:lnTo>
                <a:lnTo>
                  <a:pt x="966090" y="1352444"/>
                </a:lnTo>
                <a:close/>
                <a:moveTo>
                  <a:pt x="739232" y="1349852"/>
                </a:moveTo>
                <a:lnTo>
                  <a:pt x="739232" y="1456244"/>
                </a:lnTo>
                <a:lnTo>
                  <a:pt x="845625" y="1456244"/>
                </a:lnTo>
                <a:lnTo>
                  <a:pt x="845625" y="1349852"/>
                </a:lnTo>
                <a:close/>
                <a:moveTo>
                  <a:pt x="222" y="1349185"/>
                </a:moveTo>
                <a:lnTo>
                  <a:pt x="222" y="1456913"/>
                </a:lnTo>
                <a:lnTo>
                  <a:pt x="107948" y="1456913"/>
                </a:lnTo>
                <a:lnTo>
                  <a:pt x="107948" y="1349185"/>
                </a:lnTo>
                <a:close/>
                <a:moveTo>
                  <a:pt x="614212" y="1347889"/>
                </a:moveTo>
                <a:lnTo>
                  <a:pt x="614212" y="1458208"/>
                </a:lnTo>
                <a:lnTo>
                  <a:pt x="724530" y="1458208"/>
                </a:lnTo>
                <a:lnTo>
                  <a:pt x="724530" y="1347889"/>
                </a:lnTo>
                <a:close/>
                <a:moveTo>
                  <a:pt x="121983" y="1347889"/>
                </a:moveTo>
                <a:lnTo>
                  <a:pt x="121983" y="1458208"/>
                </a:lnTo>
                <a:lnTo>
                  <a:pt x="232301" y="1458208"/>
                </a:lnTo>
                <a:lnTo>
                  <a:pt x="232301" y="1347889"/>
                </a:lnTo>
                <a:close/>
                <a:moveTo>
                  <a:pt x="490933" y="1347667"/>
                </a:moveTo>
                <a:lnTo>
                  <a:pt x="490933" y="1458429"/>
                </a:lnTo>
                <a:lnTo>
                  <a:pt x="601696" y="1458429"/>
                </a:lnTo>
                <a:lnTo>
                  <a:pt x="601696" y="1347667"/>
                </a:lnTo>
                <a:close/>
                <a:moveTo>
                  <a:pt x="367875" y="1347667"/>
                </a:moveTo>
                <a:lnTo>
                  <a:pt x="367875" y="1458429"/>
                </a:lnTo>
                <a:lnTo>
                  <a:pt x="478638" y="1458429"/>
                </a:lnTo>
                <a:lnTo>
                  <a:pt x="478638" y="1347667"/>
                </a:lnTo>
                <a:close/>
                <a:moveTo>
                  <a:pt x="244818" y="1347667"/>
                </a:moveTo>
                <a:lnTo>
                  <a:pt x="244818" y="1458429"/>
                </a:lnTo>
                <a:lnTo>
                  <a:pt x="355581" y="1458429"/>
                </a:lnTo>
                <a:lnTo>
                  <a:pt x="355581" y="1347667"/>
                </a:lnTo>
                <a:close/>
                <a:moveTo>
                  <a:pt x="5714629" y="1279748"/>
                </a:moveTo>
                <a:lnTo>
                  <a:pt x="5714629" y="1280193"/>
                </a:lnTo>
                <a:lnTo>
                  <a:pt x="5715073" y="1280193"/>
                </a:lnTo>
                <a:lnTo>
                  <a:pt x="5715073" y="1279748"/>
                </a:lnTo>
                <a:close/>
                <a:moveTo>
                  <a:pt x="5591572" y="1279748"/>
                </a:moveTo>
                <a:lnTo>
                  <a:pt x="5591572" y="1280193"/>
                </a:lnTo>
                <a:lnTo>
                  <a:pt x="5592017" y="1280193"/>
                </a:lnTo>
                <a:lnTo>
                  <a:pt x="5592017" y="1279748"/>
                </a:lnTo>
                <a:close/>
                <a:moveTo>
                  <a:pt x="5468514" y="1279748"/>
                </a:moveTo>
                <a:lnTo>
                  <a:pt x="5468514" y="1280193"/>
                </a:lnTo>
                <a:lnTo>
                  <a:pt x="5468958" y="1280193"/>
                </a:lnTo>
                <a:lnTo>
                  <a:pt x="5468958" y="1279748"/>
                </a:lnTo>
                <a:close/>
                <a:moveTo>
                  <a:pt x="4976248" y="1279748"/>
                </a:moveTo>
                <a:lnTo>
                  <a:pt x="4976248" y="1280193"/>
                </a:lnTo>
                <a:lnTo>
                  <a:pt x="4976692" y="1280193"/>
                </a:lnTo>
                <a:lnTo>
                  <a:pt x="4976692" y="1279748"/>
                </a:lnTo>
                <a:close/>
                <a:moveTo>
                  <a:pt x="3991789" y="1279748"/>
                </a:moveTo>
                <a:lnTo>
                  <a:pt x="3991789" y="1280193"/>
                </a:lnTo>
                <a:lnTo>
                  <a:pt x="3992234" y="1280193"/>
                </a:lnTo>
                <a:lnTo>
                  <a:pt x="3992234" y="1279748"/>
                </a:lnTo>
                <a:close/>
                <a:moveTo>
                  <a:pt x="3868732" y="1279748"/>
                </a:moveTo>
                <a:lnTo>
                  <a:pt x="3868732" y="1280193"/>
                </a:lnTo>
                <a:lnTo>
                  <a:pt x="3869176" y="1280193"/>
                </a:lnTo>
                <a:lnTo>
                  <a:pt x="3869176" y="1279748"/>
                </a:lnTo>
                <a:close/>
                <a:moveTo>
                  <a:pt x="3745675" y="1279748"/>
                </a:moveTo>
                <a:lnTo>
                  <a:pt x="3745675" y="1280193"/>
                </a:lnTo>
                <a:lnTo>
                  <a:pt x="3746119" y="1280193"/>
                </a:lnTo>
                <a:lnTo>
                  <a:pt x="3746119" y="1279748"/>
                </a:lnTo>
                <a:close/>
                <a:moveTo>
                  <a:pt x="3622617" y="1279748"/>
                </a:moveTo>
                <a:lnTo>
                  <a:pt x="3622617" y="1280193"/>
                </a:lnTo>
                <a:lnTo>
                  <a:pt x="3623061" y="1280193"/>
                </a:lnTo>
                <a:lnTo>
                  <a:pt x="3623061" y="1279748"/>
                </a:lnTo>
                <a:close/>
                <a:moveTo>
                  <a:pt x="3499523" y="1279748"/>
                </a:moveTo>
                <a:lnTo>
                  <a:pt x="3499523" y="1280193"/>
                </a:lnTo>
                <a:lnTo>
                  <a:pt x="3499967" y="1280193"/>
                </a:lnTo>
                <a:lnTo>
                  <a:pt x="3499967" y="1279748"/>
                </a:lnTo>
                <a:close/>
                <a:moveTo>
                  <a:pt x="3376466" y="1279748"/>
                </a:moveTo>
                <a:lnTo>
                  <a:pt x="3376466" y="1280193"/>
                </a:lnTo>
                <a:lnTo>
                  <a:pt x="3376910" y="1280193"/>
                </a:lnTo>
                <a:lnTo>
                  <a:pt x="3376910" y="1279748"/>
                </a:lnTo>
                <a:close/>
                <a:moveTo>
                  <a:pt x="3253186" y="1279563"/>
                </a:moveTo>
                <a:lnTo>
                  <a:pt x="3253186" y="1280414"/>
                </a:lnTo>
                <a:lnTo>
                  <a:pt x="3254038" y="1280414"/>
                </a:lnTo>
                <a:lnTo>
                  <a:pt x="3254038" y="1279563"/>
                </a:lnTo>
                <a:close/>
                <a:moveTo>
                  <a:pt x="3129944" y="1279342"/>
                </a:moveTo>
                <a:lnTo>
                  <a:pt x="3129944" y="1280637"/>
                </a:lnTo>
                <a:lnTo>
                  <a:pt x="3131240" y="1280637"/>
                </a:lnTo>
                <a:lnTo>
                  <a:pt x="3131240" y="1279342"/>
                </a:lnTo>
                <a:close/>
                <a:moveTo>
                  <a:pt x="3006442" y="1278897"/>
                </a:moveTo>
                <a:lnTo>
                  <a:pt x="3006442" y="1281082"/>
                </a:lnTo>
                <a:lnTo>
                  <a:pt x="3008627" y="1281082"/>
                </a:lnTo>
                <a:lnTo>
                  <a:pt x="3008627" y="1278897"/>
                </a:lnTo>
                <a:close/>
                <a:moveTo>
                  <a:pt x="2882940" y="1278453"/>
                </a:moveTo>
                <a:lnTo>
                  <a:pt x="2882940" y="1281490"/>
                </a:lnTo>
                <a:lnTo>
                  <a:pt x="2885977" y="1281490"/>
                </a:lnTo>
                <a:lnTo>
                  <a:pt x="2885977" y="1278453"/>
                </a:lnTo>
                <a:close/>
                <a:moveTo>
                  <a:pt x="2758994" y="1277603"/>
                </a:moveTo>
                <a:lnTo>
                  <a:pt x="2758994" y="1282379"/>
                </a:lnTo>
                <a:lnTo>
                  <a:pt x="2763771" y="1282379"/>
                </a:lnTo>
                <a:lnTo>
                  <a:pt x="2763771" y="1277603"/>
                </a:lnTo>
                <a:close/>
                <a:moveTo>
                  <a:pt x="2634419" y="1276082"/>
                </a:moveTo>
                <a:lnTo>
                  <a:pt x="2634419" y="1283895"/>
                </a:lnTo>
                <a:lnTo>
                  <a:pt x="2642233" y="1283895"/>
                </a:lnTo>
                <a:lnTo>
                  <a:pt x="2642233" y="1276082"/>
                </a:lnTo>
                <a:close/>
                <a:moveTo>
                  <a:pt x="2509399" y="1274119"/>
                </a:moveTo>
                <a:lnTo>
                  <a:pt x="2509399" y="1285860"/>
                </a:lnTo>
                <a:lnTo>
                  <a:pt x="2521138" y="1285860"/>
                </a:lnTo>
                <a:lnTo>
                  <a:pt x="2521138" y="1274119"/>
                </a:lnTo>
                <a:close/>
                <a:moveTo>
                  <a:pt x="2383749" y="1271528"/>
                </a:moveTo>
                <a:lnTo>
                  <a:pt x="2383749" y="1288452"/>
                </a:lnTo>
                <a:lnTo>
                  <a:pt x="2400673" y="1288452"/>
                </a:lnTo>
                <a:lnTo>
                  <a:pt x="2400673" y="1271528"/>
                </a:lnTo>
                <a:close/>
                <a:moveTo>
                  <a:pt x="2257655" y="1268455"/>
                </a:moveTo>
                <a:lnTo>
                  <a:pt x="2257655" y="1291489"/>
                </a:lnTo>
                <a:lnTo>
                  <a:pt x="2280689" y="1291489"/>
                </a:lnTo>
                <a:lnTo>
                  <a:pt x="2280689" y="1268455"/>
                </a:lnTo>
                <a:close/>
                <a:moveTo>
                  <a:pt x="2131117" y="1265010"/>
                </a:moveTo>
                <a:lnTo>
                  <a:pt x="2131117" y="1294968"/>
                </a:lnTo>
                <a:lnTo>
                  <a:pt x="2161076" y="1294968"/>
                </a:lnTo>
                <a:lnTo>
                  <a:pt x="2161076" y="1265010"/>
                </a:lnTo>
                <a:close/>
                <a:moveTo>
                  <a:pt x="2004578" y="1261530"/>
                </a:moveTo>
                <a:lnTo>
                  <a:pt x="2004578" y="1298451"/>
                </a:lnTo>
                <a:lnTo>
                  <a:pt x="2041499" y="1298451"/>
                </a:lnTo>
                <a:lnTo>
                  <a:pt x="2041499" y="1261530"/>
                </a:lnTo>
                <a:close/>
                <a:moveTo>
                  <a:pt x="1877596" y="1257604"/>
                </a:moveTo>
                <a:lnTo>
                  <a:pt x="1877596" y="1302341"/>
                </a:lnTo>
                <a:lnTo>
                  <a:pt x="1922331" y="1302341"/>
                </a:lnTo>
                <a:lnTo>
                  <a:pt x="1922331" y="1257604"/>
                </a:lnTo>
                <a:close/>
                <a:moveTo>
                  <a:pt x="1750872" y="1253938"/>
                </a:moveTo>
                <a:lnTo>
                  <a:pt x="1750872" y="1306042"/>
                </a:lnTo>
                <a:lnTo>
                  <a:pt x="1802976" y="1306042"/>
                </a:lnTo>
                <a:lnTo>
                  <a:pt x="1802976" y="1253938"/>
                </a:lnTo>
                <a:close/>
                <a:moveTo>
                  <a:pt x="1623890" y="1250013"/>
                </a:moveTo>
                <a:lnTo>
                  <a:pt x="1623890" y="1309968"/>
                </a:lnTo>
                <a:lnTo>
                  <a:pt x="1683845" y="1309968"/>
                </a:lnTo>
                <a:lnTo>
                  <a:pt x="1683845" y="1250013"/>
                </a:lnTo>
                <a:close/>
                <a:moveTo>
                  <a:pt x="1496907" y="1246086"/>
                </a:moveTo>
                <a:lnTo>
                  <a:pt x="1496907" y="1313855"/>
                </a:lnTo>
                <a:lnTo>
                  <a:pt x="1564676" y="1313855"/>
                </a:lnTo>
                <a:lnTo>
                  <a:pt x="1564676" y="1246086"/>
                </a:lnTo>
                <a:close/>
                <a:moveTo>
                  <a:pt x="1369961" y="1242197"/>
                </a:moveTo>
                <a:lnTo>
                  <a:pt x="1369961" y="1317780"/>
                </a:lnTo>
                <a:lnTo>
                  <a:pt x="1445543" y="1317780"/>
                </a:lnTo>
                <a:lnTo>
                  <a:pt x="1445543" y="1242197"/>
                </a:lnTo>
                <a:close/>
                <a:moveTo>
                  <a:pt x="1243201" y="1238494"/>
                </a:moveTo>
                <a:lnTo>
                  <a:pt x="1243201" y="1321446"/>
                </a:lnTo>
                <a:lnTo>
                  <a:pt x="1326153" y="1321446"/>
                </a:lnTo>
                <a:lnTo>
                  <a:pt x="1326153" y="1238494"/>
                </a:lnTo>
                <a:close/>
                <a:moveTo>
                  <a:pt x="1116662" y="1235014"/>
                </a:moveTo>
                <a:lnTo>
                  <a:pt x="1116662" y="1324928"/>
                </a:lnTo>
                <a:lnTo>
                  <a:pt x="1206576" y="1324928"/>
                </a:lnTo>
                <a:lnTo>
                  <a:pt x="1206576" y="1235014"/>
                </a:lnTo>
                <a:close/>
                <a:moveTo>
                  <a:pt x="990346" y="1231755"/>
                </a:moveTo>
                <a:lnTo>
                  <a:pt x="990346" y="1328188"/>
                </a:lnTo>
                <a:lnTo>
                  <a:pt x="1086777" y="1328188"/>
                </a:lnTo>
                <a:lnTo>
                  <a:pt x="1086777" y="1231755"/>
                </a:lnTo>
                <a:close/>
                <a:moveTo>
                  <a:pt x="864474" y="1228943"/>
                </a:moveTo>
                <a:lnTo>
                  <a:pt x="864474" y="1331002"/>
                </a:lnTo>
                <a:lnTo>
                  <a:pt x="966534" y="1331002"/>
                </a:lnTo>
                <a:lnTo>
                  <a:pt x="966534" y="1228943"/>
                </a:lnTo>
                <a:close/>
                <a:moveTo>
                  <a:pt x="739232" y="1226795"/>
                </a:moveTo>
                <a:lnTo>
                  <a:pt x="739232" y="1333187"/>
                </a:lnTo>
                <a:lnTo>
                  <a:pt x="845625" y="1333187"/>
                </a:lnTo>
                <a:lnTo>
                  <a:pt x="845625" y="1226795"/>
                </a:lnTo>
                <a:close/>
                <a:moveTo>
                  <a:pt x="614657" y="1225238"/>
                </a:moveTo>
                <a:lnTo>
                  <a:pt x="614657" y="1334706"/>
                </a:lnTo>
                <a:lnTo>
                  <a:pt x="724124" y="1334706"/>
                </a:lnTo>
                <a:lnTo>
                  <a:pt x="724124" y="1225238"/>
                </a:lnTo>
                <a:close/>
                <a:moveTo>
                  <a:pt x="490933" y="1224609"/>
                </a:moveTo>
                <a:lnTo>
                  <a:pt x="490933" y="1335372"/>
                </a:lnTo>
                <a:lnTo>
                  <a:pt x="601696" y="1335372"/>
                </a:lnTo>
                <a:lnTo>
                  <a:pt x="601696" y="1224609"/>
                </a:lnTo>
                <a:close/>
                <a:moveTo>
                  <a:pt x="367875" y="1224609"/>
                </a:moveTo>
                <a:lnTo>
                  <a:pt x="367875" y="1335372"/>
                </a:lnTo>
                <a:lnTo>
                  <a:pt x="478638" y="1335372"/>
                </a:lnTo>
                <a:lnTo>
                  <a:pt x="478638" y="1224609"/>
                </a:lnTo>
                <a:close/>
                <a:moveTo>
                  <a:pt x="244818" y="1224609"/>
                </a:moveTo>
                <a:lnTo>
                  <a:pt x="244818" y="1335372"/>
                </a:lnTo>
                <a:lnTo>
                  <a:pt x="355581" y="1335372"/>
                </a:lnTo>
                <a:lnTo>
                  <a:pt x="355581" y="1224609"/>
                </a:lnTo>
                <a:close/>
                <a:moveTo>
                  <a:pt x="121761" y="1224609"/>
                </a:moveTo>
                <a:lnTo>
                  <a:pt x="121761" y="1335372"/>
                </a:lnTo>
                <a:lnTo>
                  <a:pt x="232524" y="1335372"/>
                </a:lnTo>
                <a:lnTo>
                  <a:pt x="232524" y="1224609"/>
                </a:lnTo>
                <a:close/>
                <a:moveTo>
                  <a:pt x="5714629" y="1156689"/>
                </a:moveTo>
                <a:lnTo>
                  <a:pt x="5714629" y="1157134"/>
                </a:lnTo>
                <a:lnTo>
                  <a:pt x="5715073" y="1157134"/>
                </a:lnTo>
                <a:lnTo>
                  <a:pt x="5715073" y="1156689"/>
                </a:lnTo>
                <a:close/>
                <a:moveTo>
                  <a:pt x="5591572" y="1156689"/>
                </a:moveTo>
                <a:lnTo>
                  <a:pt x="5591572" y="1157134"/>
                </a:lnTo>
                <a:lnTo>
                  <a:pt x="5592017" y="1157134"/>
                </a:lnTo>
                <a:lnTo>
                  <a:pt x="5592017" y="1156689"/>
                </a:lnTo>
                <a:close/>
                <a:moveTo>
                  <a:pt x="5468514" y="1156689"/>
                </a:moveTo>
                <a:lnTo>
                  <a:pt x="5468514" y="1157134"/>
                </a:lnTo>
                <a:lnTo>
                  <a:pt x="5468958" y="1157134"/>
                </a:lnTo>
                <a:lnTo>
                  <a:pt x="5468958" y="1156689"/>
                </a:lnTo>
                <a:close/>
                <a:moveTo>
                  <a:pt x="5222400" y="1156689"/>
                </a:moveTo>
                <a:lnTo>
                  <a:pt x="5222400" y="1157134"/>
                </a:lnTo>
                <a:lnTo>
                  <a:pt x="5222844" y="1157134"/>
                </a:lnTo>
                <a:lnTo>
                  <a:pt x="5222844" y="1156689"/>
                </a:lnTo>
                <a:close/>
                <a:moveTo>
                  <a:pt x="5099305" y="1156689"/>
                </a:moveTo>
                <a:lnTo>
                  <a:pt x="5099305" y="1157134"/>
                </a:lnTo>
                <a:lnTo>
                  <a:pt x="5099749" y="1157134"/>
                </a:lnTo>
                <a:lnTo>
                  <a:pt x="5099749" y="1156689"/>
                </a:lnTo>
                <a:close/>
                <a:moveTo>
                  <a:pt x="4976248" y="1156689"/>
                </a:moveTo>
                <a:lnTo>
                  <a:pt x="4976248" y="1157134"/>
                </a:lnTo>
                <a:lnTo>
                  <a:pt x="4976692" y="1157134"/>
                </a:lnTo>
                <a:lnTo>
                  <a:pt x="4976692" y="1156689"/>
                </a:lnTo>
                <a:close/>
                <a:moveTo>
                  <a:pt x="4853191" y="1156689"/>
                </a:moveTo>
                <a:lnTo>
                  <a:pt x="4853191" y="1157134"/>
                </a:lnTo>
                <a:lnTo>
                  <a:pt x="4853636" y="1157134"/>
                </a:lnTo>
                <a:lnTo>
                  <a:pt x="4853636" y="1156689"/>
                </a:lnTo>
                <a:close/>
                <a:moveTo>
                  <a:pt x="4730133" y="1156689"/>
                </a:moveTo>
                <a:lnTo>
                  <a:pt x="4730133" y="1157134"/>
                </a:lnTo>
                <a:lnTo>
                  <a:pt x="4730578" y="1157134"/>
                </a:lnTo>
                <a:lnTo>
                  <a:pt x="4730578" y="1156689"/>
                </a:lnTo>
                <a:close/>
                <a:moveTo>
                  <a:pt x="3991789" y="1156689"/>
                </a:moveTo>
                <a:lnTo>
                  <a:pt x="3991789" y="1157134"/>
                </a:lnTo>
                <a:lnTo>
                  <a:pt x="3992234" y="1157134"/>
                </a:lnTo>
                <a:lnTo>
                  <a:pt x="3992234" y="1156689"/>
                </a:lnTo>
                <a:close/>
                <a:moveTo>
                  <a:pt x="3868732" y="1156689"/>
                </a:moveTo>
                <a:lnTo>
                  <a:pt x="3868732" y="1157134"/>
                </a:lnTo>
                <a:lnTo>
                  <a:pt x="3869176" y="1157134"/>
                </a:lnTo>
                <a:lnTo>
                  <a:pt x="3869176" y="1156689"/>
                </a:lnTo>
                <a:close/>
                <a:moveTo>
                  <a:pt x="3745675" y="1156689"/>
                </a:moveTo>
                <a:lnTo>
                  <a:pt x="3745675" y="1157134"/>
                </a:lnTo>
                <a:lnTo>
                  <a:pt x="3746119" y="1157134"/>
                </a:lnTo>
                <a:lnTo>
                  <a:pt x="3746119" y="1156689"/>
                </a:lnTo>
                <a:close/>
                <a:moveTo>
                  <a:pt x="3622617" y="1156689"/>
                </a:moveTo>
                <a:lnTo>
                  <a:pt x="3622617" y="1157134"/>
                </a:lnTo>
                <a:lnTo>
                  <a:pt x="3623061" y="1157134"/>
                </a:lnTo>
                <a:lnTo>
                  <a:pt x="3623061" y="1156689"/>
                </a:lnTo>
                <a:close/>
                <a:moveTo>
                  <a:pt x="3499523" y="1156689"/>
                </a:moveTo>
                <a:lnTo>
                  <a:pt x="3499523" y="1157134"/>
                </a:lnTo>
                <a:lnTo>
                  <a:pt x="3499967" y="1157134"/>
                </a:lnTo>
                <a:lnTo>
                  <a:pt x="3499967" y="1156689"/>
                </a:lnTo>
                <a:close/>
                <a:moveTo>
                  <a:pt x="3376281" y="1156505"/>
                </a:moveTo>
                <a:lnTo>
                  <a:pt x="3376281" y="1157358"/>
                </a:lnTo>
                <a:lnTo>
                  <a:pt x="3377133" y="1157358"/>
                </a:lnTo>
                <a:lnTo>
                  <a:pt x="3377133" y="1156505"/>
                </a:lnTo>
                <a:close/>
                <a:moveTo>
                  <a:pt x="3253001" y="1156283"/>
                </a:moveTo>
                <a:lnTo>
                  <a:pt x="3253001" y="1157579"/>
                </a:lnTo>
                <a:lnTo>
                  <a:pt x="3254297" y="1157579"/>
                </a:lnTo>
                <a:lnTo>
                  <a:pt x="3254297" y="1156283"/>
                </a:lnTo>
                <a:close/>
                <a:moveTo>
                  <a:pt x="3129722" y="1156061"/>
                </a:moveTo>
                <a:lnTo>
                  <a:pt x="3129722" y="1157802"/>
                </a:lnTo>
                <a:lnTo>
                  <a:pt x="3131462" y="1157802"/>
                </a:lnTo>
                <a:lnTo>
                  <a:pt x="3131462" y="1156061"/>
                </a:lnTo>
                <a:close/>
                <a:moveTo>
                  <a:pt x="3005998" y="1155395"/>
                </a:moveTo>
                <a:lnTo>
                  <a:pt x="3005998" y="1158431"/>
                </a:lnTo>
                <a:lnTo>
                  <a:pt x="3009035" y="1158431"/>
                </a:lnTo>
                <a:lnTo>
                  <a:pt x="3009035" y="1155395"/>
                </a:lnTo>
                <a:close/>
                <a:moveTo>
                  <a:pt x="2882274" y="1154764"/>
                </a:moveTo>
                <a:lnTo>
                  <a:pt x="2882274" y="1159098"/>
                </a:lnTo>
                <a:lnTo>
                  <a:pt x="2886607" y="1159098"/>
                </a:lnTo>
                <a:lnTo>
                  <a:pt x="2886607" y="1154764"/>
                </a:lnTo>
                <a:close/>
                <a:moveTo>
                  <a:pt x="2758143" y="1153653"/>
                </a:moveTo>
                <a:lnTo>
                  <a:pt x="2758143" y="1160171"/>
                </a:lnTo>
                <a:lnTo>
                  <a:pt x="2764661" y="1160171"/>
                </a:lnTo>
                <a:lnTo>
                  <a:pt x="2764661" y="1153653"/>
                </a:lnTo>
                <a:close/>
                <a:moveTo>
                  <a:pt x="2633567" y="1152135"/>
                </a:moveTo>
                <a:lnTo>
                  <a:pt x="2633567" y="1161689"/>
                </a:lnTo>
                <a:lnTo>
                  <a:pt x="2643121" y="1161689"/>
                </a:lnTo>
                <a:lnTo>
                  <a:pt x="2643121" y="1152135"/>
                </a:lnTo>
                <a:close/>
                <a:moveTo>
                  <a:pt x="2508547" y="1150172"/>
                </a:moveTo>
                <a:lnTo>
                  <a:pt x="2508547" y="1163652"/>
                </a:lnTo>
                <a:lnTo>
                  <a:pt x="2522027" y="1163652"/>
                </a:lnTo>
                <a:lnTo>
                  <a:pt x="2522027" y="1150172"/>
                </a:lnTo>
                <a:close/>
                <a:moveTo>
                  <a:pt x="2382675" y="1147361"/>
                </a:moveTo>
                <a:lnTo>
                  <a:pt x="2382675" y="1166467"/>
                </a:lnTo>
                <a:lnTo>
                  <a:pt x="2401783" y="1166467"/>
                </a:lnTo>
                <a:lnTo>
                  <a:pt x="2401783" y="1147361"/>
                </a:lnTo>
                <a:close/>
                <a:moveTo>
                  <a:pt x="2256766" y="1144543"/>
                </a:moveTo>
                <a:lnTo>
                  <a:pt x="2256766" y="1169317"/>
                </a:lnTo>
                <a:lnTo>
                  <a:pt x="2281540" y="1169317"/>
                </a:lnTo>
                <a:lnTo>
                  <a:pt x="2281540" y="1144543"/>
                </a:lnTo>
                <a:close/>
                <a:moveTo>
                  <a:pt x="2130228" y="1141063"/>
                </a:moveTo>
                <a:lnTo>
                  <a:pt x="2130228" y="1172761"/>
                </a:lnTo>
                <a:lnTo>
                  <a:pt x="2161927" y="1172761"/>
                </a:lnTo>
                <a:lnTo>
                  <a:pt x="2161927" y="1141063"/>
                </a:lnTo>
                <a:close/>
                <a:moveTo>
                  <a:pt x="2003912" y="1137804"/>
                </a:moveTo>
                <a:lnTo>
                  <a:pt x="2003912" y="1176021"/>
                </a:lnTo>
                <a:lnTo>
                  <a:pt x="2042129" y="1176021"/>
                </a:lnTo>
                <a:lnTo>
                  <a:pt x="2042129" y="1137804"/>
                </a:lnTo>
                <a:close/>
                <a:moveTo>
                  <a:pt x="1876966" y="1133915"/>
                </a:moveTo>
                <a:lnTo>
                  <a:pt x="1876966" y="1179946"/>
                </a:lnTo>
                <a:lnTo>
                  <a:pt x="1922997" y="1179946"/>
                </a:lnTo>
                <a:lnTo>
                  <a:pt x="1922997" y="1133915"/>
                </a:lnTo>
                <a:close/>
                <a:moveTo>
                  <a:pt x="1750206" y="1130212"/>
                </a:moveTo>
                <a:lnTo>
                  <a:pt x="1750206" y="1183649"/>
                </a:lnTo>
                <a:lnTo>
                  <a:pt x="1803643" y="1183649"/>
                </a:lnTo>
                <a:lnTo>
                  <a:pt x="1803643" y="1130212"/>
                </a:lnTo>
                <a:close/>
                <a:moveTo>
                  <a:pt x="1623223" y="1126287"/>
                </a:moveTo>
                <a:lnTo>
                  <a:pt x="1623223" y="1187538"/>
                </a:lnTo>
                <a:lnTo>
                  <a:pt x="1684474" y="1187538"/>
                </a:lnTo>
                <a:lnTo>
                  <a:pt x="1684474" y="1126287"/>
                </a:lnTo>
                <a:close/>
                <a:moveTo>
                  <a:pt x="1496499" y="1122622"/>
                </a:moveTo>
                <a:lnTo>
                  <a:pt x="1496499" y="1191241"/>
                </a:lnTo>
                <a:lnTo>
                  <a:pt x="1565119" y="1191241"/>
                </a:lnTo>
                <a:lnTo>
                  <a:pt x="1565119" y="1122622"/>
                </a:lnTo>
                <a:close/>
                <a:moveTo>
                  <a:pt x="1369739" y="1118955"/>
                </a:moveTo>
                <a:lnTo>
                  <a:pt x="1369739" y="1194944"/>
                </a:lnTo>
                <a:lnTo>
                  <a:pt x="1445729" y="1194944"/>
                </a:lnTo>
                <a:lnTo>
                  <a:pt x="1445729" y="1118955"/>
                </a:lnTo>
                <a:close/>
                <a:moveTo>
                  <a:pt x="1242978" y="1115214"/>
                </a:moveTo>
                <a:lnTo>
                  <a:pt x="1242978" y="1198610"/>
                </a:lnTo>
                <a:lnTo>
                  <a:pt x="1326374" y="1198610"/>
                </a:lnTo>
                <a:lnTo>
                  <a:pt x="1326374" y="1115214"/>
                </a:lnTo>
                <a:close/>
                <a:moveTo>
                  <a:pt x="1116662" y="1111955"/>
                </a:moveTo>
                <a:lnTo>
                  <a:pt x="1116662" y="1201870"/>
                </a:lnTo>
                <a:lnTo>
                  <a:pt x="1206576" y="1201870"/>
                </a:lnTo>
                <a:lnTo>
                  <a:pt x="1206576" y="1111955"/>
                </a:lnTo>
                <a:close/>
                <a:moveTo>
                  <a:pt x="990568" y="1108919"/>
                </a:moveTo>
                <a:lnTo>
                  <a:pt x="990568" y="1204907"/>
                </a:lnTo>
                <a:lnTo>
                  <a:pt x="1086555" y="1204907"/>
                </a:lnTo>
                <a:lnTo>
                  <a:pt x="1086555" y="1108919"/>
                </a:lnTo>
                <a:close/>
                <a:moveTo>
                  <a:pt x="864697" y="1106141"/>
                </a:moveTo>
                <a:lnTo>
                  <a:pt x="864697" y="1207757"/>
                </a:lnTo>
                <a:lnTo>
                  <a:pt x="966313" y="1207757"/>
                </a:lnTo>
                <a:lnTo>
                  <a:pt x="966313" y="1106141"/>
                </a:lnTo>
                <a:close/>
                <a:moveTo>
                  <a:pt x="739677" y="1104142"/>
                </a:moveTo>
                <a:lnTo>
                  <a:pt x="739677" y="1209683"/>
                </a:lnTo>
                <a:lnTo>
                  <a:pt x="845218" y="1209683"/>
                </a:lnTo>
                <a:lnTo>
                  <a:pt x="845218" y="1104142"/>
                </a:lnTo>
                <a:close/>
                <a:moveTo>
                  <a:pt x="615101" y="1102624"/>
                </a:moveTo>
                <a:lnTo>
                  <a:pt x="615101" y="1211201"/>
                </a:lnTo>
                <a:lnTo>
                  <a:pt x="723679" y="1211201"/>
                </a:lnTo>
                <a:lnTo>
                  <a:pt x="723679" y="1102624"/>
                </a:lnTo>
                <a:close/>
                <a:moveTo>
                  <a:pt x="491377" y="1101995"/>
                </a:moveTo>
                <a:lnTo>
                  <a:pt x="491377" y="1211868"/>
                </a:lnTo>
                <a:lnTo>
                  <a:pt x="601251" y="1211868"/>
                </a:lnTo>
                <a:lnTo>
                  <a:pt x="601251" y="1101995"/>
                </a:lnTo>
                <a:close/>
                <a:moveTo>
                  <a:pt x="367875" y="1101549"/>
                </a:moveTo>
                <a:lnTo>
                  <a:pt x="367875" y="1212311"/>
                </a:lnTo>
                <a:lnTo>
                  <a:pt x="478638" y="1212311"/>
                </a:lnTo>
                <a:lnTo>
                  <a:pt x="478638" y="1101549"/>
                </a:lnTo>
                <a:close/>
                <a:moveTo>
                  <a:pt x="244818" y="1101549"/>
                </a:moveTo>
                <a:lnTo>
                  <a:pt x="244818" y="1212311"/>
                </a:lnTo>
                <a:lnTo>
                  <a:pt x="355581" y="1212311"/>
                </a:lnTo>
                <a:lnTo>
                  <a:pt x="355581" y="1101549"/>
                </a:lnTo>
                <a:close/>
                <a:moveTo>
                  <a:pt x="121761" y="1101549"/>
                </a:moveTo>
                <a:lnTo>
                  <a:pt x="121761" y="1212311"/>
                </a:lnTo>
                <a:lnTo>
                  <a:pt x="232524" y="1212311"/>
                </a:lnTo>
                <a:lnTo>
                  <a:pt x="232524" y="1101549"/>
                </a:lnTo>
                <a:close/>
                <a:moveTo>
                  <a:pt x="4114847" y="1033628"/>
                </a:moveTo>
                <a:lnTo>
                  <a:pt x="4114847" y="1034072"/>
                </a:lnTo>
                <a:lnTo>
                  <a:pt x="4115291" y="1034072"/>
                </a:lnTo>
                <a:lnTo>
                  <a:pt x="4115291" y="1033628"/>
                </a:lnTo>
                <a:close/>
                <a:moveTo>
                  <a:pt x="3991789" y="1033628"/>
                </a:moveTo>
                <a:lnTo>
                  <a:pt x="3991789" y="1034072"/>
                </a:lnTo>
                <a:lnTo>
                  <a:pt x="3992234" y="1034072"/>
                </a:lnTo>
                <a:lnTo>
                  <a:pt x="3992234" y="1033628"/>
                </a:lnTo>
                <a:close/>
                <a:moveTo>
                  <a:pt x="3868732" y="1033628"/>
                </a:moveTo>
                <a:lnTo>
                  <a:pt x="3868732" y="1034072"/>
                </a:lnTo>
                <a:lnTo>
                  <a:pt x="3869176" y="1034072"/>
                </a:lnTo>
                <a:lnTo>
                  <a:pt x="3869176" y="1033628"/>
                </a:lnTo>
                <a:close/>
                <a:moveTo>
                  <a:pt x="3745675" y="1033628"/>
                </a:moveTo>
                <a:lnTo>
                  <a:pt x="3745675" y="1034072"/>
                </a:lnTo>
                <a:lnTo>
                  <a:pt x="3746119" y="1034072"/>
                </a:lnTo>
                <a:lnTo>
                  <a:pt x="3746119" y="1033628"/>
                </a:lnTo>
                <a:close/>
                <a:moveTo>
                  <a:pt x="3622617" y="1033628"/>
                </a:moveTo>
                <a:lnTo>
                  <a:pt x="3622617" y="1034072"/>
                </a:lnTo>
                <a:lnTo>
                  <a:pt x="3623061" y="1034072"/>
                </a:lnTo>
                <a:lnTo>
                  <a:pt x="3623061" y="1033628"/>
                </a:lnTo>
                <a:close/>
                <a:moveTo>
                  <a:pt x="5714629" y="1033627"/>
                </a:moveTo>
                <a:lnTo>
                  <a:pt x="5714629" y="1034071"/>
                </a:lnTo>
                <a:lnTo>
                  <a:pt x="5715073" y="1034071"/>
                </a:lnTo>
                <a:lnTo>
                  <a:pt x="5715073" y="1033627"/>
                </a:lnTo>
                <a:close/>
                <a:moveTo>
                  <a:pt x="5591572" y="1033627"/>
                </a:moveTo>
                <a:lnTo>
                  <a:pt x="5591572" y="1034071"/>
                </a:lnTo>
                <a:lnTo>
                  <a:pt x="5592017" y="1034071"/>
                </a:lnTo>
                <a:lnTo>
                  <a:pt x="5592017" y="1033627"/>
                </a:lnTo>
                <a:close/>
                <a:moveTo>
                  <a:pt x="5468514" y="1033627"/>
                </a:moveTo>
                <a:lnTo>
                  <a:pt x="5468514" y="1034071"/>
                </a:lnTo>
                <a:lnTo>
                  <a:pt x="5468958" y="1034071"/>
                </a:lnTo>
                <a:lnTo>
                  <a:pt x="5468958" y="1033627"/>
                </a:lnTo>
                <a:close/>
                <a:moveTo>
                  <a:pt x="5345457" y="1033627"/>
                </a:moveTo>
                <a:lnTo>
                  <a:pt x="5345457" y="1034071"/>
                </a:lnTo>
                <a:lnTo>
                  <a:pt x="5345901" y="1034071"/>
                </a:lnTo>
                <a:lnTo>
                  <a:pt x="5345901" y="1033627"/>
                </a:lnTo>
                <a:close/>
                <a:moveTo>
                  <a:pt x="5222400" y="1033627"/>
                </a:moveTo>
                <a:lnTo>
                  <a:pt x="5222400" y="1034071"/>
                </a:lnTo>
                <a:lnTo>
                  <a:pt x="5222844" y="1034071"/>
                </a:lnTo>
                <a:lnTo>
                  <a:pt x="5222844" y="1033627"/>
                </a:lnTo>
                <a:close/>
                <a:moveTo>
                  <a:pt x="5099305" y="1033627"/>
                </a:moveTo>
                <a:lnTo>
                  <a:pt x="5099305" y="1034071"/>
                </a:lnTo>
                <a:lnTo>
                  <a:pt x="5099749" y="1034071"/>
                </a:lnTo>
                <a:lnTo>
                  <a:pt x="5099749" y="1033627"/>
                </a:lnTo>
                <a:close/>
                <a:moveTo>
                  <a:pt x="4976248" y="1033627"/>
                </a:moveTo>
                <a:lnTo>
                  <a:pt x="4976248" y="1034071"/>
                </a:lnTo>
                <a:lnTo>
                  <a:pt x="4976692" y="1034071"/>
                </a:lnTo>
                <a:lnTo>
                  <a:pt x="4976692" y="1033627"/>
                </a:lnTo>
                <a:close/>
                <a:moveTo>
                  <a:pt x="4853191" y="1033627"/>
                </a:moveTo>
                <a:lnTo>
                  <a:pt x="4853191" y="1034071"/>
                </a:lnTo>
                <a:lnTo>
                  <a:pt x="4853636" y="1034071"/>
                </a:lnTo>
                <a:lnTo>
                  <a:pt x="4853636" y="1033627"/>
                </a:lnTo>
                <a:close/>
                <a:moveTo>
                  <a:pt x="4730133" y="1033627"/>
                </a:moveTo>
                <a:lnTo>
                  <a:pt x="4730133" y="1034071"/>
                </a:lnTo>
                <a:lnTo>
                  <a:pt x="4730578" y="1034071"/>
                </a:lnTo>
                <a:lnTo>
                  <a:pt x="4730578" y="1033627"/>
                </a:lnTo>
                <a:close/>
                <a:moveTo>
                  <a:pt x="4607076" y="1033627"/>
                </a:moveTo>
                <a:lnTo>
                  <a:pt x="4607076" y="1034072"/>
                </a:lnTo>
                <a:lnTo>
                  <a:pt x="4607520" y="1034072"/>
                </a:lnTo>
                <a:lnTo>
                  <a:pt x="4607520" y="1033627"/>
                </a:lnTo>
                <a:close/>
                <a:moveTo>
                  <a:pt x="3499338" y="1033442"/>
                </a:moveTo>
                <a:lnTo>
                  <a:pt x="3499338" y="1034294"/>
                </a:lnTo>
                <a:lnTo>
                  <a:pt x="3500190" y="1034294"/>
                </a:lnTo>
                <a:lnTo>
                  <a:pt x="3500190" y="1033442"/>
                </a:lnTo>
                <a:close/>
                <a:moveTo>
                  <a:pt x="3376058" y="1033221"/>
                </a:moveTo>
                <a:lnTo>
                  <a:pt x="3376058" y="1034517"/>
                </a:lnTo>
                <a:lnTo>
                  <a:pt x="3377354" y="1034517"/>
                </a:lnTo>
                <a:lnTo>
                  <a:pt x="3377354" y="1033221"/>
                </a:lnTo>
                <a:close/>
                <a:moveTo>
                  <a:pt x="3252779" y="1033000"/>
                </a:moveTo>
                <a:lnTo>
                  <a:pt x="3252779" y="1034739"/>
                </a:lnTo>
                <a:lnTo>
                  <a:pt x="3254519" y="1034739"/>
                </a:lnTo>
                <a:lnTo>
                  <a:pt x="3254519" y="1033000"/>
                </a:lnTo>
                <a:close/>
                <a:moveTo>
                  <a:pt x="3129055" y="1032331"/>
                </a:moveTo>
                <a:lnTo>
                  <a:pt x="3129055" y="1035368"/>
                </a:lnTo>
                <a:lnTo>
                  <a:pt x="3132092" y="1035368"/>
                </a:lnTo>
                <a:lnTo>
                  <a:pt x="3132092" y="1032331"/>
                </a:lnTo>
                <a:close/>
                <a:moveTo>
                  <a:pt x="3005553" y="1031887"/>
                </a:moveTo>
                <a:lnTo>
                  <a:pt x="3005553" y="1035813"/>
                </a:lnTo>
                <a:lnTo>
                  <a:pt x="3009478" y="1035813"/>
                </a:lnTo>
                <a:lnTo>
                  <a:pt x="3009478" y="1031887"/>
                </a:lnTo>
                <a:close/>
                <a:moveTo>
                  <a:pt x="2881644" y="1031035"/>
                </a:moveTo>
                <a:lnTo>
                  <a:pt x="2881644" y="1036664"/>
                </a:lnTo>
                <a:lnTo>
                  <a:pt x="2887273" y="1036664"/>
                </a:lnTo>
                <a:lnTo>
                  <a:pt x="2887273" y="1031035"/>
                </a:lnTo>
                <a:close/>
                <a:moveTo>
                  <a:pt x="2757254" y="1029741"/>
                </a:moveTo>
                <a:lnTo>
                  <a:pt x="2757254" y="1037998"/>
                </a:lnTo>
                <a:lnTo>
                  <a:pt x="2765512" y="1037998"/>
                </a:lnTo>
                <a:lnTo>
                  <a:pt x="2765512" y="1029741"/>
                </a:lnTo>
                <a:close/>
                <a:moveTo>
                  <a:pt x="2632456" y="1028000"/>
                </a:moveTo>
                <a:lnTo>
                  <a:pt x="2632456" y="1039739"/>
                </a:lnTo>
                <a:lnTo>
                  <a:pt x="2644195" y="1039739"/>
                </a:lnTo>
                <a:lnTo>
                  <a:pt x="2644195" y="1028000"/>
                </a:lnTo>
                <a:close/>
                <a:moveTo>
                  <a:pt x="2507473" y="1026037"/>
                </a:moveTo>
                <a:lnTo>
                  <a:pt x="2507473" y="1041665"/>
                </a:lnTo>
                <a:lnTo>
                  <a:pt x="2523100" y="1041665"/>
                </a:lnTo>
                <a:lnTo>
                  <a:pt x="2523100" y="1026037"/>
                </a:lnTo>
                <a:close/>
                <a:moveTo>
                  <a:pt x="2381786" y="1023445"/>
                </a:moveTo>
                <a:lnTo>
                  <a:pt x="2381786" y="1044293"/>
                </a:lnTo>
                <a:lnTo>
                  <a:pt x="2402635" y="1044293"/>
                </a:lnTo>
                <a:lnTo>
                  <a:pt x="2402635" y="1023445"/>
                </a:lnTo>
                <a:close/>
                <a:moveTo>
                  <a:pt x="2255915" y="1020630"/>
                </a:moveTo>
                <a:lnTo>
                  <a:pt x="2255915" y="1047108"/>
                </a:lnTo>
                <a:lnTo>
                  <a:pt x="2282393" y="1047108"/>
                </a:lnTo>
                <a:lnTo>
                  <a:pt x="2282393" y="1020630"/>
                </a:lnTo>
                <a:close/>
                <a:moveTo>
                  <a:pt x="2129599" y="1017371"/>
                </a:moveTo>
                <a:lnTo>
                  <a:pt x="2129599" y="1050367"/>
                </a:lnTo>
                <a:lnTo>
                  <a:pt x="2162594" y="1050367"/>
                </a:lnTo>
                <a:lnTo>
                  <a:pt x="2162594" y="1017371"/>
                </a:lnTo>
                <a:close/>
                <a:moveTo>
                  <a:pt x="2003060" y="1013890"/>
                </a:moveTo>
                <a:lnTo>
                  <a:pt x="2003060" y="1053848"/>
                </a:lnTo>
                <a:lnTo>
                  <a:pt x="2043018" y="1053848"/>
                </a:lnTo>
                <a:lnTo>
                  <a:pt x="2043018" y="1013890"/>
                </a:lnTo>
                <a:close/>
                <a:moveTo>
                  <a:pt x="1876522" y="1010408"/>
                </a:moveTo>
                <a:lnTo>
                  <a:pt x="1876522" y="1057329"/>
                </a:lnTo>
                <a:lnTo>
                  <a:pt x="1923442" y="1057329"/>
                </a:lnTo>
                <a:lnTo>
                  <a:pt x="1923442" y="1010408"/>
                </a:lnTo>
                <a:close/>
                <a:moveTo>
                  <a:pt x="1749761" y="1006705"/>
                </a:moveTo>
                <a:lnTo>
                  <a:pt x="1749761" y="1060995"/>
                </a:lnTo>
                <a:lnTo>
                  <a:pt x="1804050" y="1060995"/>
                </a:lnTo>
                <a:lnTo>
                  <a:pt x="1804050" y="1006705"/>
                </a:lnTo>
                <a:close/>
                <a:moveTo>
                  <a:pt x="1622816" y="1002818"/>
                </a:moveTo>
                <a:lnTo>
                  <a:pt x="1622816" y="1064922"/>
                </a:lnTo>
                <a:lnTo>
                  <a:pt x="1684919" y="1064922"/>
                </a:lnTo>
                <a:lnTo>
                  <a:pt x="1684919" y="1002818"/>
                </a:lnTo>
                <a:close/>
                <a:moveTo>
                  <a:pt x="1496055" y="999078"/>
                </a:moveTo>
                <a:lnTo>
                  <a:pt x="1496055" y="1068589"/>
                </a:lnTo>
                <a:lnTo>
                  <a:pt x="1565564" y="1068589"/>
                </a:lnTo>
                <a:lnTo>
                  <a:pt x="1565564" y="999078"/>
                </a:lnTo>
                <a:close/>
                <a:moveTo>
                  <a:pt x="1369517" y="995634"/>
                </a:moveTo>
                <a:lnTo>
                  <a:pt x="1369517" y="1072070"/>
                </a:lnTo>
                <a:lnTo>
                  <a:pt x="1445951" y="1072070"/>
                </a:lnTo>
                <a:lnTo>
                  <a:pt x="1445951" y="995634"/>
                </a:lnTo>
                <a:close/>
                <a:moveTo>
                  <a:pt x="1242978" y="992154"/>
                </a:moveTo>
                <a:lnTo>
                  <a:pt x="1242978" y="1075552"/>
                </a:lnTo>
                <a:lnTo>
                  <a:pt x="1326374" y="1075552"/>
                </a:lnTo>
                <a:lnTo>
                  <a:pt x="1326374" y="992154"/>
                </a:lnTo>
                <a:close/>
                <a:moveTo>
                  <a:pt x="1116662" y="988894"/>
                </a:moveTo>
                <a:lnTo>
                  <a:pt x="1116662" y="1078810"/>
                </a:lnTo>
                <a:lnTo>
                  <a:pt x="1206576" y="1078810"/>
                </a:lnTo>
                <a:lnTo>
                  <a:pt x="1206576" y="988894"/>
                </a:lnTo>
                <a:close/>
                <a:moveTo>
                  <a:pt x="990568" y="985857"/>
                </a:moveTo>
                <a:lnTo>
                  <a:pt x="990568" y="1081846"/>
                </a:lnTo>
                <a:lnTo>
                  <a:pt x="1086555" y="1081846"/>
                </a:lnTo>
                <a:lnTo>
                  <a:pt x="1086555" y="985857"/>
                </a:lnTo>
                <a:close/>
                <a:moveTo>
                  <a:pt x="865104" y="983489"/>
                </a:moveTo>
                <a:lnTo>
                  <a:pt x="865104" y="1084254"/>
                </a:lnTo>
                <a:lnTo>
                  <a:pt x="965868" y="1084254"/>
                </a:lnTo>
                <a:lnTo>
                  <a:pt x="965868" y="983489"/>
                </a:lnTo>
                <a:close/>
                <a:moveTo>
                  <a:pt x="740306" y="981747"/>
                </a:moveTo>
                <a:lnTo>
                  <a:pt x="740306" y="1085994"/>
                </a:lnTo>
                <a:lnTo>
                  <a:pt x="844551" y="1085994"/>
                </a:lnTo>
                <a:lnTo>
                  <a:pt x="844551" y="981747"/>
                </a:lnTo>
                <a:close/>
                <a:moveTo>
                  <a:pt x="615508" y="980007"/>
                </a:moveTo>
                <a:lnTo>
                  <a:pt x="615508" y="1087737"/>
                </a:lnTo>
                <a:lnTo>
                  <a:pt x="723234" y="1087737"/>
                </a:lnTo>
                <a:lnTo>
                  <a:pt x="723234" y="980007"/>
                </a:lnTo>
                <a:close/>
                <a:moveTo>
                  <a:pt x="491821" y="979342"/>
                </a:moveTo>
                <a:lnTo>
                  <a:pt x="491821" y="1088365"/>
                </a:lnTo>
                <a:lnTo>
                  <a:pt x="600843" y="1088365"/>
                </a:lnTo>
                <a:lnTo>
                  <a:pt x="600843" y="979342"/>
                </a:lnTo>
                <a:close/>
                <a:moveTo>
                  <a:pt x="368098" y="978711"/>
                </a:moveTo>
                <a:lnTo>
                  <a:pt x="368098" y="1089032"/>
                </a:lnTo>
                <a:lnTo>
                  <a:pt x="478416" y="1089032"/>
                </a:lnTo>
                <a:lnTo>
                  <a:pt x="478416" y="978711"/>
                </a:lnTo>
                <a:close/>
                <a:moveTo>
                  <a:pt x="244818" y="978489"/>
                </a:moveTo>
                <a:lnTo>
                  <a:pt x="244818" y="1089255"/>
                </a:lnTo>
                <a:lnTo>
                  <a:pt x="355581" y="1089255"/>
                </a:lnTo>
                <a:lnTo>
                  <a:pt x="355581" y="978489"/>
                </a:lnTo>
                <a:close/>
                <a:moveTo>
                  <a:pt x="121761" y="978489"/>
                </a:moveTo>
                <a:lnTo>
                  <a:pt x="121761" y="1089255"/>
                </a:lnTo>
                <a:lnTo>
                  <a:pt x="232524" y="1089255"/>
                </a:lnTo>
                <a:lnTo>
                  <a:pt x="232524" y="978489"/>
                </a:lnTo>
                <a:close/>
                <a:moveTo>
                  <a:pt x="4976248" y="910567"/>
                </a:moveTo>
                <a:lnTo>
                  <a:pt x="4976248" y="911010"/>
                </a:lnTo>
                <a:lnTo>
                  <a:pt x="4976692" y="911010"/>
                </a:lnTo>
                <a:lnTo>
                  <a:pt x="4976692" y="910567"/>
                </a:lnTo>
                <a:close/>
                <a:moveTo>
                  <a:pt x="4853191" y="910567"/>
                </a:moveTo>
                <a:lnTo>
                  <a:pt x="4853191" y="911010"/>
                </a:lnTo>
                <a:lnTo>
                  <a:pt x="4853636" y="911010"/>
                </a:lnTo>
                <a:lnTo>
                  <a:pt x="4853636" y="910567"/>
                </a:lnTo>
                <a:close/>
                <a:moveTo>
                  <a:pt x="4730133" y="910567"/>
                </a:moveTo>
                <a:lnTo>
                  <a:pt x="4730133" y="911011"/>
                </a:lnTo>
                <a:lnTo>
                  <a:pt x="4730578" y="911011"/>
                </a:lnTo>
                <a:lnTo>
                  <a:pt x="4730578" y="910567"/>
                </a:lnTo>
                <a:close/>
                <a:moveTo>
                  <a:pt x="4607076" y="910567"/>
                </a:moveTo>
                <a:lnTo>
                  <a:pt x="4607076" y="911011"/>
                </a:lnTo>
                <a:lnTo>
                  <a:pt x="4607520" y="911011"/>
                </a:lnTo>
                <a:lnTo>
                  <a:pt x="4607520" y="910567"/>
                </a:lnTo>
                <a:close/>
                <a:moveTo>
                  <a:pt x="4237904" y="910567"/>
                </a:moveTo>
                <a:lnTo>
                  <a:pt x="4237904" y="911011"/>
                </a:lnTo>
                <a:lnTo>
                  <a:pt x="4238348" y="911011"/>
                </a:lnTo>
                <a:lnTo>
                  <a:pt x="4238348" y="910567"/>
                </a:lnTo>
                <a:close/>
                <a:moveTo>
                  <a:pt x="4114847" y="910567"/>
                </a:moveTo>
                <a:lnTo>
                  <a:pt x="4114847" y="911011"/>
                </a:lnTo>
                <a:lnTo>
                  <a:pt x="4115291" y="911011"/>
                </a:lnTo>
                <a:lnTo>
                  <a:pt x="4115291" y="910567"/>
                </a:lnTo>
                <a:close/>
                <a:moveTo>
                  <a:pt x="3991789" y="910567"/>
                </a:moveTo>
                <a:lnTo>
                  <a:pt x="3991789" y="911011"/>
                </a:lnTo>
                <a:lnTo>
                  <a:pt x="3992234" y="911011"/>
                </a:lnTo>
                <a:lnTo>
                  <a:pt x="3992234" y="910567"/>
                </a:lnTo>
                <a:close/>
                <a:moveTo>
                  <a:pt x="3868732" y="910567"/>
                </a:moveTo>
                <a:lnTo>
                  <a:pt x="3868732" y="911011"/>
                </a:lnTo>
                <a:lnTo>
                  <a:pt x="3869176" y="911011"/>
                </a:lnTo>
                <a:lnTo>
                  <a:pt x="3869176" y="910567"/>
                </a:lnTo>
                <a:close/>
                <a:moveTo>
                  <a:pt x="3745675" y="910567"/>
                </a:moveTo>
                <a:lnTo>
                  <a:pt x="3745675" y="911011"/>
                </a:lnTo>
                <a:lnTo>
                  <a:pt x="3746119" y="911011"/>
                </a:lnTo>
                <a:lnTo>
                  <a:pt x="3746119" y="910567"/>
                </a:lnTo>
                <a:close/>
                <a:moveTo>
                  <a:pt x="5714629" y="910566"/>
                </a:moveTo>
                <a:lnTo>
                  <a:pt x="5714629" y="911010"/>
                </a:lnTo>
                <a:lnTo>
                  <a:pt x="5715073" y="911010"/>
                </a:lnTo>
                <a:lnTo>
                  <a:pt x="5715073" y="910566"/>
                </a:lnTo>
                <a:close/>
                <a:moveTo>
                  <a:pt x="5591572" y="910566"/>
                </a:moveTo>
                <a:lnTo>
                  <a:pt x="5591572" y="911010"/>
                </a:lnTo>
                <a:lnTo>
                  <a:pt x="5592017" y="911010"/>
                </a:lnTo>
                <a:lnTo>
                  <a:pt x="5592017" y="910566"/>
                </a:lnTo>
                <a:close/>
                <a:moveTo>
                  <a:pt x="5468514" y="910566"/>
                </a:moveTo>
                <a:lnTo>
                  <a:pt x="5468514" y="911010"/>
                </a:lnTo>
                <a:lnTo>
                  <a:pt x="5468958" y="911010"/>
                </a:lnTo>
                <a:lnTo>
                  <a:pt x="5468958" y="910566"/>
                </a:lnTo>
                <a:close/>
                <a:moveTo>
                  <a:pt x="5345457" y="910566"/>
                </a:moveTo>
                <a:lnTo>
                  <a:pt x="5345457" y="911010"/>
                </a:lnTo>
                <a:lnTo>
                  <a:pt x="5345901" y="911010"/>
                </a:lnTo>
                <a:lnTo>
                  <a:pt x="5345901" y="910566"/>
                </a:lnTo>
                <a:close/>
                <a:moveTo>
                  <a:pt x="5222400" y="910566"/>
                </a:moveTo>
                <a:lnTo>
                  <a:pt x="5222400" y="911010"/>
                </a:lnTo>
                <a:lnTo>
                  <a:pt x="5222844" y="911010"/>
                </a:lnTo>
                <a:lnTo>
                  <a:pt x="5222844" y="910566"/>
                </a:lnTo>
                <a:close/>
                <a:moveTo>
                  <a:pt x="5099305" y="910566"/>
                </a:moveTo>
                <a:lnTo>
                  <a:pt x="5099305" y="911010"/>
                </a:lnTo>
                <a:lnTo>
                  <a:pt x="5099749" y="911010"/>
                </a:lnTo>
                <a:lnTo>
                  <a:pt x="5099749" y="910566"/>
                </a:lnTo>
                <a:close/>
                <a:moveTo>
                  <a:pt x="3622395" y="910382"/>
                </a:moveTo>
                <a:lnTo>
                  <a:pt x="3622395" y="911233"/>
                </a:lnTo>
                <a:lnTo>
                  <a:pt x="3623247" y="911233"/>
                </a:lnTo>
                <a:lnTo>
                  <a:pt x="3623247" y="910382"/>
                </a:lnTo>
                <a:close/>
                <a:moveTo>
                  <a:pt x="3499116" y="910159"/>
                </a:moveTo>
                <a:lnTo>
                  <a:pt x="3499116" y="911455"/>
                </a:lnTo>
                <a:lnTo>
                  <a:pt x="3500412" y="911455"/>
                </a:lnTo>
                <a:lnTo>
                  <a:pt x="3500412" y="910159"/>
                </a:lnTo>
                <a:close/>
                <a:moveTo>
                  <a:pt x="3375836" y="909938"/>
                </a:moveTo>
                <a:lnTo>
                  <a:pt x="3375836" y="911677"/>
                </a:lnTo>
                <a:lnTo>
                  <a:pt x="3377576" y="911677"/>
                </a:lnTo>
                <a:lnTo>
                  <a:pt x="3377576" y="909938"/>
                </a:lnTo>
                <a:close/>
                <a:moveTo>
                  <a:pt x="3252335" y="909493"/>
                </a:moveTo>
                <a:lnTo>
                  <a:pt x="3252335" y="912085"/>
                </a:lnTo>
                <a:lnTo>
                  <a:pt x="3254927" y="912085"/>
                </a:lnTo>
                <a:lnTo>
                  <a:pt x="3254927" y="909493"/>
                </a:lnTo>
                <a:close/>
                <a:moveTo>
                  <a:pt x="3128611" y="908825"/>
                </a:moveTo>
                <a:lnTo>
                  <a:pt x="3128611" y="912751"/>
                </a:lnTo>
                <a:lnTo>
                  <a:pt x="3132536" y="912751"/>
                </a:lnTo>
                <a:lnTo>
                  <a:pt x="3132536" y="908825"/>
                </a:lnTo>
                <a:close/>
                <a:moveTo>
                  <a:pt x="3004924" y="908196"/>
                </a:moveTo>
                <a:lnTo>
                  <a:pt x="3004924" y="913419"/>
                </a:lnTo>
                <a:lnTo>
                  <a:pt x="3010145" y="913419"/>
                </a:lnTo>
                <a:lnTo>
                  <a:pt x="3010145" y="908196"/>
                </a:lnTo>
                <a:close/>
                <a:moveTo>
                  <a:pt x="2880756" y="907123"/>
                </a:moveTo>
                <a:lnTo>
                  <a:pt x="2880756" y="914492"/>
                </a:lnTo>
                <a:lnTo>
                  <a:pt x="2888125" y="914492"/>
                </a:lnTo>
                <a:lnTo>
                  <a:pt x="2888125" y="907123"/>
                </a:lnTo>
                <a:close/>
                <a:moveTo>
                  <a:pt x="2756402" y="905791"/>
                </a:moveTo>
                <a:lnTo>
                  <a:pt x="2756402" y="915788"/>
                </a:lnTo>
                <a:lnTo>
                  <a:pt x="2766401" y="915788"/>
                </a:lnTo>
                <a:lnTo>
                  <a:pt x="2766401" y="905791"/>
                </a:lnTo>
                <a:close/>
                <a:moveTo>
                  <a:pt x="2631604" y="904048"/>
                </a:moveTo>
                <a:lnTo>
                  <a:pt x="2631604" y="917528"/>
                </a:lnTo>
                <a:lnTo>
                  <a:pt x="2645084" y="917528"/>
                </a:lnTo>
                <a:lnTo>
                  <a:pt x="2645084" y="904048"/>
                </a:lnTo>
                <a:close/>
                <a:moveTo>
                  <a:pt x="2506362" y="901901"/>
                </a:moveTo>
                <a:lnTo>
                  <a:pt x="2506362" y="919714"/>
                </a:lnTo>
                <a:lnTo>
                  <a:pt x="2524174" y="919714"/>
                </a:lnTo>
                <a:lnTo>
                  <a:pt x="2524174" y="901901"/>
                </a:lnTo>
                <a:close/>
                <a:moveTo>
                  <a:pt x="2380935" y="899495"/>
                </a:moveTo>
                <a:lnTo>
                  <a:pt x="2380935" y="922084"/>
                </a:lnTo>
                <a:lnTo>
                  <a:pt x="2403524" y="922084"/>
                </a:lnTo>
                <a:lnTo>
                  <a:pt x="2403524" y="899495"/>
                </a:lnTo>
                <a:close/>
                <a:moveTo>
                  <a:pt x="2255026" y="896680"/>
                </a:moveTo>
                <a:lnTo>
                  <a:pt x="2255026" y="924898"/>
                </a:lnTo>
                <a:lnTo>
                  <a:pt x="2283244" y="924898"/>
                </a:lnTo>
                <a:lnTo>
                  <a:pt x="2283244" y="896680"/>
                </a:lnTo>
                <a:close/>
                <a:moveTo>
                  <a:pt x="2128710" y="893421"/>
                </a:moveTo>
                <a:lnTo>
                  <a:pt x="2128710" y="928158"/>
                </a:lnTo>
                <a:lnTo>
                  <a:pt x="2163446" y="928158"/>
                </a:lnTo>
                <a:lnTo>
                  <a:pt x="2163446" y="893421"/>
                </a:lnTo>
                <a:close/>
                <a:moveTo>
                  <a:pt x="2002394" y="890162"/>
                </a:moveTo>
                <a:lnTo>
                  <a:pt x="2002394" y="931415"/>
                </a:lnTo>
                <a:lnTo>
                  <a:pt x="2043648" y="931415"/>
                </a:lnTo>
                <a:lnTo>
                  <a:pt x="2043648" y="890162"/>
                </a:lnTo>
                <a:close/>
                <a:moveTo>
                  <a:pt x="1875855" y="886681"/>
                </a:moveTo>
                <a:lnTo>
                  <a:pt x="1875855" y="934897"/>
                </a:lnTo>
                <a:lnTo>
                  <a:pt x="1924071" y="934897"/>
                </a:lnTo>
                <a:lnTo>
                  <a:pt x="1924071" y="886681"/>
                </a:lnTo>
                <a:close/>
                <a:moveTo>
                  <a:pt x="1749132" y="883015"/>
                </a:moveTo>
                <a:lnTo>
                  <a:pt x="1749132" y="938601"/>
                </a:lnTo>
                <a:lnTo>
                  <a:pt x="1804717" y="938601"/>
                </a:lnTo>
                <a:lnTo>
                  <a:pt x="1804717" y="883015"/>
                </a:lnTo>
                <a:close/>
                <a:moveTo>
                  <a:pt x="1622593" y="879534"/>
                </a:moveTo>
                <a:lnTo>
                  <a:pt x="1622593" y="942082"/>
                </a:lnTo>
                <a:lnTo>
                  <a:pt x="1685140" y="942082"/>
                </a:lnTo>
                <a:lnTo>
                  <a:pt x="1685140" y="879534"/>
                </a:lnTo>
                <a:close/>
                <a:moveTo>
                  <a:pt x="1495833" y="875832"/>
                </a:moveTo>
                <a:lnTo>
                  <a:pt x="1495833" y="945749"/>
                </a:lnTo>
                <a:lnTo>
                  <a:pt x="1565749" y="945749"/>
                </a:lnTo>
                <a:lnTo>
                  <a:pt x="1565749" y="875832"/>
                </a:lnTo>
                <a:close/>
                <a:moveTo>
                  <a:pt x="1369295" y="872350"/>
                </a:moveTo>
                <a:lnTo>
                  <a:pt x="1369295" y="949229"/>
                </a:lnTo>
                <a:lnTo>
                  <a:pt x="1446174" y="949229"/>
                </a:lnTo>
                <a:lnTo>
                  <a:pt x="1446174" y="872350"/>
                </a:lnTo>
                <a:close/>
                <a:moveTo>
                  <a:pt x="1242978" y="869093"/>
                </a:moveTo>
                <a:lnTo>
                  <a:pt x="1242978" y="952488"/>
                </a:lnTo>
                <a:lnTo>
                  <a:pt x="1326374" y="952488"/>
                </a:lnTo>
                <a:lnTo>
                  <a:pt x="1326374" y="869093"/>
                </a:lnTo>
                <a:close/>
                <a:moveTo>
                  <a:pt x="1116885" y="866055"/>
                </a:moveTo>
                <a:lnTo>
                  <a:pt x="1116885" y="955525"/>
                </a:lnTo>
                <a:lnTo>
                  <a:pt x="1206354" y="955525"/>
                </a:lnTo>
                <a:lnTo>
                  <a:pt x="1206354" y="866055"/>
                </a:lnTo>
                <a:close/>
                <a:moveTo>
                  <a:pt x="991013" y="863205"/>
                </a:moveTo>
                <a:lnTo>
                  <a:pt x="991013" y="958340"/>
                </a:lnTo>
                <a:lnTo>
                  <a:pt x="1086148" y="958340"/>
                </a:lnTo>
                <a:lnTo>
                  <a:pt x="1086148" y="863205"/>
                </a:lnTo>
                <a:close/>
                <a:moveTo>
                  <a:pt x="865548" y="860835"/>
                </a:moveTo>
                <a:lnTo>
                  <a:pt x="865548" y="960746"/>
                </a:lnTo>
                <a:lnTo>
                  <a:pt x="965460" y="960746"/>
                </a:lnTo>
                <a:lnTo>
                  <a:pt x="965460" y="860835"/>
                </a:lnTo>
                <a:close/>
                <a:moveTo>
                  <a:pt x="740528" y="858907"/>
                </a:moveTo>
                <a:lnTo>
                  <a:pt x="740528" y="962709"/>
                </a:lnTo>
                <a:lnTo>
                  <a:pt x="844329" y="962709"/>
                </a:lnTo>
                <a:lnTo>
                  <a:pt x="844329" y="858907"/>
                </a:lnTo>
                <a:close/>
                <a:moveTo>
                  <a:pt x="615953" y="857391"/>
                </a:moveTo>
                <a:lnTo>
                  <a:pt x="615953" y="964228"/>
                </a:lnTo>
                <a:lnTo>
                  <a:pt x="722790" y="964228"/>
                </a:lnTo>
                <a:lnTo>
                  <a:pt x="722790" y="857391"/>
                </a:lnTo>
                <a:close/>
                <a:moveTo>
                  <a:pt x="492007" y="856501"/>
                </a:moveTo>
                <a:lnTo>
                  <a:pt x="492007" y="965080"/>
                </a:lnTo>
                <a:lnTo>
                  <a:pt x="600585" y="965080"/>
                </a:lnTo>
                <a:lnTo>
                  <a:pt x="600585" y="856501"/>
                </a:lnTo>
                <a:close/>
                <a:moveTo>
                  <a:pt x="368320" y="855872"/>
                </a:moveTo>
                <a:lnTo>
                  <a:pt x="368320" y="965746"/>
                </a:lnTo>
                <a:lnTo>
                  <a:pt x="478194" y="965746"/>
                </a:lnTo>
                <a:lnTo>
                  <a:pt x="478194" y="855872"/>
                </a:lnTo>
                <a:close/>
                <a:moveTo>
                  <a:pt x="244818" y="855427"/>
                </a:moveTo>
                <a:lnTo>
                  <a:pt x="244818" y="966190"/>
                </a:lnTo>
                <a:lnTo>
                  <a:pt x="355581" y="966190"/>
                </a:lnTo>
                <a:lnTo>
                  <a:pt x="355581" y="855427"/>
                </a:lnTo>
                <a:close/>
                <a:moveTo>
                  <a:pt x="121761" y="855427"/>
                </a:moveTo>
                <a:lnTo>
                  <a:pt x="121761" y="966190"/>
                </a:lnTo>
                <a:lnTo>
                  <a:pt x="232524" y="966190"/>
                </a:lnTo>
                <a:lnTo>
                  <a:pt x="232524" y="855427"/>
                </a:lnTo>
                <a:close/>
                <a:moveTo>
                  <a:pt x="3868732" y="787506"/>
                </a:moveTo>
                <a:lnTo>
                  <a:pt x="3868732" y="787949"/>
                </a:lnTo>
                <a:lnTo>
                  <a:pt x="3869176" y="787949"/>
                </a:lnTo>
                <a:lnTo>
                  <a:pt x="3869176" y="787506"/>
                </a:lnTo>
                <a:close/>
                <a:moveTo>
                  <a:pt x="3745675" y="787506"/>
                </a:moveTo>
                <a:lnTo>
                  <a:pt x="3745675" y="787949"/>
                </a:lnTo>
                <a:lnTo>
                  <a:pt x="3746119" y="787949"/>
                </a:lnTo>
                <a:lnTo>
                  <a:pt x="3746119" y="787506"/>
                </a:lnTo>
                <a:close/>
                <a:moveTo>
                  <a:pt x="5714629" y="787505"/>
                </a:moveTo>
                <a:lnTo>
                  <a:pt x="5714629" y="787948"/>
                </a:lnTo>
                <a:lnTo>
                  <a:pt x="5715073" y="787948"/>
                </a:lnTo>
                <a:lnTo>
                  <a:pt x="5715073" y="787505"/>
                </a:lnTo>
                <a:close/>
                <a:moveTo>
                  <a:pt x="5591572" y="787505"/>
                </a:moveTo>
                <a:lnTo>
                  <a:pt x="5591572" y="787948"/>
                </a:lnTo>
                <a:lnTo>
                  <a:pt x="5592017" y="787948"/>
                </a:lnTo>
                <a:lnTo>
                  <a:pt x="5592017" y="787505"/>
                </a:lnTo>
                <a:close/>
                <a:moveTo>
                  <a:pt x="5468514" y="787505"/>
                </a:moveTo>
                <a:lnTo>
                  <a:pt x="5468514" y="787948"/>
                </a:lnTo>
                <a:lnTo>
                  <a:pt x="5468958" y="787948"/>
                </a:lnTo>
                <a:lnTo>
                  <a:pt x="5468958" y="787505"/>
                </a:lnTo>
                <a:close/>
                <a:moveTo>
                  <a:pt x="5345457" y="787505"/>
                </a:moveTo>
                <a:lnTo>
                  <a:pt x="5345457" y="787949"/>
                </a:lnTo>
                <a:lnTo>
                  <a:pt x="5345901" y="787949"/>
                </a:lnTo>
                <a:lnTo>
                  <a:pt x="5345901" y="787505"/>
                </a:lnTo>
                <a:close/>
                <a:moveTo>
                  <a:pt x="5222400" y="787505"/>
                </a:moveTo>
                <a:lnTo>
                  <a:pt x="5222400" y="787949"/>
                </a:lnTo>
                <a:lnTo>
                  <a:pt x="5222844" y="787949"/>
                </a:lnTo>
                <a:lnTo>
                  <a:pt x="5222844" y="787505"/>
                </a:lnTo>
                <a:close/>
                <a:moveTo>
                  <a:pt x="5099305" y="787505"/>
                </a:moveTo>
                <a:lnTo>
                  <a:pt x="5099305" y="787949"/>
                </a:lnTo>
                <a:lnTo>
                  <a:pt x="5099749" y="787949"/>
                </a:lnTo>
                <a:lnTo>
                  <a:pt x="5099749" y="787505"/>
                </a:lnTo>
                <a:close/>
                <a:moveTo>
                  <a:pt x="4976248" y="787505"/>
                </a:moveTo>
                <a:lnTo>
                  <a:pt x="4976248" y="787949"/>
                </a:lnTo>
                <a:lnTo>
                  <a:pt x="4976692" y="787949"/>
                </a:lnTo>
                <a:lnTo>
                  <a:pt x="4976692" y="787505"/>
                </a:lnTo>
                <a:close/>
                <a:moveTo>
                  <a:pt x="4853191" y="787505"/>
                </a:moveTo>
                <a:lnTo>
                  <a:pt x="4853191" y="787949"/>
                </a:lnTo>
                <a:lnTo>
                  <a:pt x="4853636" y="787949"/>
                </a:lnTo>
                <a:lnTo>
                  <a:pt x="4853636" y="787505"/>
                </a:lnTo>
                <a:close/>
                <a:moveTo>
                  <a:pt x="4730133" y="787505"/>
                </a:moveTo>
                <a:lnTo>
                  <a:pt x="4730133" y="787949"/>
                </a:lnTo>
                <a:lnTo>
                  <a:pt x="4730578" y="787949"/>
                </a:lnTo>
                <a:lnTo>
                  <a:pt x="4730578" y="787505"/>
                </a:lnTo>
                <a:close/>
                <a:moveTo>
                  <a:pt x="4360961" y="787505"/>
                </a:moveTo>
                <a:lnTo>
                  <a:pt x="4360961" y="787949"/>
                </a:lnTo>
                <a:lnTo>
                  <a:pt x="4361405" y="787949"/>
                </a:lnTo>
                <a:lnTo>
                  <a:pt x="4361405" y="787505"/>
                </a:lnTo>
                <a:close/>
                <a:moveTo>
                  <a:pt x="4237904" y="787505"/>
                </a:moveTo>
                <a:lnTo>
                  <a:pt x="4237904" y="787949"/>
                </a:lnTo>
                <a:lnTo>
                  <a:pt x="4238348" y="787949"/>
                </a:lnTo>
                <a:lnTo>
                  <a:pt x="4238348" y="787505"/>
                </a:lnTo>
                <a:close/>
                <a:moveTo>
                  <a:pt x="4114847" y="787505"/>
                </a:moveTo>
                <a:lnTo>
                  <a:pt x="4114847" y="787949"/>
                </a:lnTo>
                <a:lnTo>
                  <a:pt x="4115291" y="787949"/>
                </a:lnTo>
                <a:lnTo>
                  <a:pt x="4115291" y="787505"/>
                </a:lnTo>
                <a:close/>
                <a:moveTo>
                  <a:pt x="3991789" y="787505"/>
                </a:moveTo>
                <a:lnTo>
                  <a:pt x="3991789" y="787949"/>
                </a:lnTo>
                <a:lnTo>
                  <a:pt x="3992234" y="787949"/>
                </a:lnTo>
                <a:lnTo>
                  <a:pt x="3992234" y="787505"/>
                </a:lnTo>
                <a:close/>
                <a:moveTo>
                  <a:pt x="3622173" y="787098"/>
                </a:moveTo>
                <a:lnTo>
                  <a:pt x="3622173" y="788395"/>
                </a:lnTo>
                <a:lnTo>
                  <a:pt x="3623469" y="788395"/>
                </a:lnTo>
                <a:lnTo>
                  <a:pt x="3623469" y="787098"/>
                </a:lnTo>
                <a:close/>
                <a:moveTo>
                  <a:pt x="3498894" y="786876"/>
                </a:moveTo>
                <a:lnTo>
                  <a:pt x="3498894" y="788617"/>
                </a:lnTo>
                <a:lnTo>
                  <a:pt x="3500634" y="788617"/>
                </a:lnTo>
                <a:lnTo>
                  <a:pt x="3500634" y="786876"/>
                </a:lnTo>
                <a:close/>
                <a:moveTo>
                  <a:pt x="3375614" y="786617"/>
                </a:moveTo>
                <a:lnTo>
                  <a:pt x="3375614" y="788802"/>
                </a:lnTo>
                <a:lnTo>
                  <a:pt x="3377799" y="788802"/>
                </a:lnTo>
                <a:lnTo>
                  <a:pt x="3377799" y="786617"/>
                </a:lnTo>
                <a:close/>
                <a:moveTo>
                  <a:pt x="3251890" y="785988"/>
                </a:moveTo>
                <a:lnTo>
                  <a:pt x="3251890" y="789469"/>
                </a:lnTo>
                <a:lnTo>
                  <a:pt x="3255371" y="789469"/>
                </a:lnTo>
                <a:lnTo>
                  <a:pt x="3255371" y="785988"/>
                </a:lnTo>
                <a:close/>
                <a:moveTo>
                  <a:pt x="3128203" y="785358"/>
                </a:moveTo>
                <a:lnTo>
                  <a:pt x="3128203" y="790135"/>
                </a:lnTo>
                <a:lnTo>
                  <a:pt x="3132980" y="790135"/>
                </a:lnTo>
                <a:lnTo>
                  <a:pt x="3132980" y="785358"/>
                </a:lnTo>
                <a:close/>
                <a:moveTo>
                  <a:pt x="3004257" y="784469"/>
                </a:moveTo>
                <a:lnTo>
                  <a:pt x="3004257" y="790987"/>
                </a:lnTo>
                <a:lnTo>
                  <a:pt x="3010775" y="790987"/>
                </a:lnTo>
                <a:lnTo>
                  <a:pt x="3010775" y="784469"/>
                </a:lnTo>
                <a:close/>
                <a:moveTo>
                  <a:pt x="2880126" y="783359"/>
                </a:moveTo>
                <a:lnTo>
                  <a:pt x="2880126" y="792061"/>
                </a:lnTo>
                <a:lnTo>
                  <a:pt x="2888828" y="792061"/>
                </a:lnTo>
                <a:lnTo>
                  <a:pt x="2888828" y="783359"/>
                </a:lnTo>
                <a:close/>
                <a:moveTo>
                  <a:pt x="2755550" y="781840"/>
                </a:moveTo>
                <a:lnTo>
                  <a:pt x="2755550" y="793579"/>
                </a:lnTo>
                <a:lnTo>
                  <a:pt x="2767289" y="793579"/>
                </a:lnTo>
                <a:lnTo>
                  <a:pt x="2767289" y="781840"/>
                </a:lnTo>
                <a:close/>
                <a:moveTo>
                  <a:pt x="2630753" y="780138"/>
                </a:moveTo>
                <a:lnTo>
                  <a:pt x="2630753" y="795321"/>
                </a:lnTo>
                <a:lnTo>
                  <a:pt x="2645936" y="795321"/>
                </a:lnTo>
                <a:lnTo>
                  <a:pt x="2645936" y="780138"/>
                </a:lnTo>
                <a:close/>
                <a:moveTo>
                  <a:pt x="2505510" y="777952"/>
                </a:moveTo>
                <a:lnTo>
                  <a:pt x="2505510" y="797505"/>
                </a:lnTo>
                <a:lnTo>
                  <a:pt x="2525063" y="797505"/>
                </a:lnTo>
                <a:lnTo>
                  <a:pt x="2525063" y="777952"/>
                </a:lnTo>
                <a:close/>
                <a:moveTo>
                  <a:pt x="2380046" y="775546"/>
                </a:moveTo>
                <a:lnTo>
                  <a:pt x="2380046" y="799875"/>
                </a:lnTo>
                <a:lnTo>
                  <a:pt x="2404376" y="799875"/>
                </a:lnTo>
                <a:lnTo>
                  <a:pt x="2404376" y="775546"/>
                </a:lnTo>
                <a:close/>
                <a:moveTo>
                  <a:pt x="2254174" y="772767"/>
                </a:moveTo>
                <a:lnTo>
                  <a:pt x="2254174" y="802727"/>
                </a:lnTo>
                <a:lnTo>
                  <a:pt x="2284133" y="802727"/>
                </a:lnTo>
                <a:lnTo>
                  <a:pt x="2284133" y="772767"/>
                </a:lnTo>
                <a:close/>
                <a:moveTo>
                  <a:pt x="2128080" y="769731"/>
                </a:moveTo>
                <a:lnTo>
                  <a:pt x="2128080" y="805764"/>
                </a:lnTo>
                <a:lnTo>
                  <a:pt x="2164112" y="805764"/>
                </a:lnTo>
                <a:lnTo>
                  <a:pt x="2164112" y="769731"/>
                </a:lnTo>
                <a:close/>
                <a:moveTo>
                  <a:pt x="2001764" y="766472"/>
                </a:moveTo>
                <a:lnTo>
                  <a:pt x="2001764" y="809022"/>
                </a:lnTo>
                <a:lnTo>
                  <a:pt x="2044314" y="809022"/>
                </a:lnTo>
                <a:lnTo>
                  <a:pt x="2044314" y="766472"/>
                </a:lnTo>
                <a:close/>
                <a:moveTo>
                  <a:pt x="1875448" y="763213"/>
                </a:moveTo>
                <a:lnTo>
                  <a:pt x="1875448" y="812281"/>
                </a:lnTo>
                <a:lnTo>
                  <a:pt x="1924515" y="812281"/>
                </a:lnTo>
                <a:lnTo>
                  <a:pt x="1924515" y="763213"/>
                </a:lnTo>
                <a:close/>
                <a:moveTo>
                  <a:pt x="1748910" y="759733"/>
                </a:moveTo>
                <a:lnTo>
                  <a:pt x="1748910" y="815762"/>
                </a:lnTo>
                <a:lnTo>
                  <a:pt x="1804939" y="815762"/>
                </a:lnTo>
                <a:lnTo>
                  <a:pt x="1804939" y="759733"/>
                </a:lnTo>
                <a:close/>
                <a:moveTo>
                  <a:pt x="1622371" y="756214"/>
                </a:moveTo>
                <a:lnTo>
                  <a:pt x="1622371" y="819206"/>
                </a:lnTo>
                <a:lnTo>
                  <a:pt x="1685362" y="819206"/>
                </a:lnTo>
                <a:lnTo>
                  <a:pt x="1685362" y="756214"/>
                </a:lnTo>
                <a:close/>
                <a:moveTo>
                  <a:pt x="1495833" y="752771"/>
                </a:moveTo>
                <a:lnTo>
                  <a:pt x="1495833" y="822687"/>
                </a:lnTo>
                <a:lnTo>
                  <a:pt x="1565749" y="822687"/>
                </a:lnTo>
                <a:lnTo>
                  <a:pt x="1565749" y="752771"/>
                </a:lnTo>
                <a:close/>
                <a:moveTo>
                  <a:pt x="1369295" y="749289"/>
                </a:moveTo>
                <a:lnTo>
                  <a:pt x="1369295" y="826168"/>
                </a:lnTo>
                <a:lnTo>
                  <a:pt x="1446174" y="826168"/>
                </a:lnTo>
                <a:lnTo>
                  <a:pt x="1446174" y="749289"/>
                </a:lnTo>
                <a:close/>
                <a:moveTo>
                  <a:pt x="1242978" y="746031"/>
                </a:moveTo>
                <a:lnTo>
                  <a:pt x="1242978" y="829427"/>
                </a:lnTo>
                <a:lnTo>
                  <a:pt x="1326374" y="829427"/>
                </a:lnTo>
                <a:lnTo>
                  <a:pt x="1326374" y="746031"/>
                </a:lnTo>
                <a:close/>
                <a:moveTo>
                  <a:pt x="1117107" y="743217"/>
                </a:moveTo>
                <a:lnTo>
                  <a:pt x="1117107" y="832242"/>
                </a:lnTo>
                <a:lnTo>
                  <a:pt x="1206132" y="832242"/>
                </a:lnTo>
                <a:lnTo>
                  <a:pt x="1206132" y="743217"/>
                </a:lnTo>
                <a:close/>
                <a:moveTo>
                  <a:pt x="991198" y="740365"/>
                </a:moveTo>
                <a:lnTo>
                  <a:pt x="991198" y="835057"/>
                </a:lnTo>
                <a:lnTo>
                  <a:pt x="1085889" y="835057"/>
                </a:lnTo>
                <a:lnTo>
                  <a:pt x="1085889" y="740365"/>
                </a:lnTo>
                <a:close/>
                <a:moveTo>
                  <a:pt x="865993" y="738217"/>
                </a:moveTo>
                <a:lnTo>
                  <a:pt x="865993" y="837242"/>
                </a:lnTo>
                <a:lnTo>
                  <a:pt x="965017" y="837242"/>
                </a:lnTo>
                <a:lnTo>
                  <a:pt x="965017" y="738217"/>
                </a:lnTo>
                <a:close/>
                <a:moveTo>
                  <a:pt x="740973" y="736255"/>
                </a:moveTo>
                <a:lnTo>
                  <a:pt x="740973" y="839205"/>
                </a:lnTo>
                <a:lnTo>
                  <a:pt x="843922" y="839205"/>
                </a:lnTo>
                <a:lnTo>
                  <a:pt x="843922" y="736255"/>
                </a:lnTo>
                <a:close/>
                <a:moveTo>
                  <a:pt x="616397" y="734737"/>
                </a:moveTo>
                <a:lnTo>
                  <a:pt x="616397" y="840722"/>
                </a:lnTo>
                <a:lnTo>
                  <a:pt x="722383" y="840722"/>
                </a:lnTo>
                <a:lnTo>
                  <a:pt x="722383" y="734737"/>
                </a:lnTo>
                <a:close/>
                <a:moveTo>
                  <a:pt x="492229" y="733663"/>
                </a:moveTo>
                <a:lnTo>
                  <a:pt x="492229" y="841796"/>
                </a:lnTo>
                <a:lnTo>
                  <a:pt x="600362" y="841796"/>
                </a:lnTo>
                <a:lnTo>
                  <a:pt x="600362" y="733663"/>
                </a:lnTo>
                <a:close/>
                <a:moveTo>
                  <a:pt x="368542" y="732996"/>
                </a:moveTo>
                <a:lnTo>
                  <a:pt x="368542" y="842463"/>
                </a:lnTo>
                <a:lnTo>
                  <a:pt x="478009" y="842463"/>
                </a:lnTo>
                <a:lnTo>
                  <a:pt x="478009" y="732996"/>
                </a:lnTo>
                <a:close/>
                <a:moveTo>
                  <a:pt x="245040" y="732588"/>
                </a:moveTo>
                <a:lnTo>
                  <a:pt x="245040" y="842907"/>
                </a:lnTo>
                <a:lnTo>
                  <a:pt x="355358" y="842907"/>
                </a:lnTo>
                <a:lnTo>
                  <a:pt x="355358" y="732588"/>
                </a:lnTo>
                <a:close/>
                <a:moveTo>
                  <a:pt x="121761" y="732330"/>
                </a:moveTo>
                <a:lnTo>
                  <a:pt x="121761" y="843093"/>
                </a:lnTo>
                <a:lnTo>
                  <a:pt x="232524" y="843093"/>
                </a:lnTo>
                <a:lnTo>
                  <a:pt x="232524" y="732330"/>
                </a:lnTo>
                <a:close/>
                <a:moveTo>
                  <a:pt x="3991789" y="664446"/>
                </a:moveTo>
                <a:lnTo>
                  <a:pt x="3991789" y="664890"/>
                </a:lnTo>
                <a:lnTo>
                  <a:pt x="3992234" y="664890"/>
                </a:lnTo>
                <a:lnTo>
                  <a:pt x="3992234" y="664446"/>
                </a:lnTo>
                <a:close/>
                <a:moveTo>
                  <a:pt x="3868732" y="664446"/>
                </a:moveTo>
                <a:lnTo>
                  <a:pt x="3868732" y="664890"/>
                </a:lnTo>
                <a:lnTo>
                  <a:pt x="3869176" y="664890"/>
                </a:lnTo>
                <a:lnTo>
                  <a:pt x="3869176" y="664446"/>
                </a:lnTo>
                <a:close/>
                <a:moveTo>
                  <a:pt x="5714629" y="664445"/>
                </a:moveTo>
                <a:lnTo>
                  <a:pt x="5714629" y="664889"/>
                </a:lnTo>
                <a:lnTo>
                  <a:pt x="5715073" y="664889"/>
                </a:lnTo>
                <a:lnTo>
                  <a:pt x="5715073" y="664445"/>
                </a:lnTo>
                <a:close/>
                <a:moveTo>
                  <a:pt x="5591572" y="664445"/>
                </a:moveTo>
                <a:lnTo>
                  <a:pt x="5591572" y="664889"/>
                </a:lnTo>
                <a:lnTo>
                  <a:pt x="5592017" y="664889"/>
                </a:lnTo>
                <a:lnTo>
                  <a:pt x="5592017" y="664445"/>
                </a:lnTo>
                <a:close/>
                <a:moveTo>
                  <a:pt x="5468514" y="664445"/>
                </a:moveTo>
                <a:lnTo>
                  <a:pt x="5468514" y="664889"/>
                </a:lnTo>
                <a:lnTo>
                  <a:pt x="5468958" y="664889"/>
                </a:lnTo>
                <a:lnTo>
                  <a:pt x="5468958" y="664445"/>
                </a:lnTo>
                <a:close/>
                <a:moveTo>
                  <a:pt x="5345457" y="664445"/>
                </a:moveTo>
                <a:lnTo>
                  <a:pt x="5345457" y="664889"/>
                </a:lnTo>
                <a:lnTo>
                  <a:pt x="5345901" y="664889"/>
                </a:lnTo>
                <a:lnTo>
                  <a:pt x="5345901" y="664445"/>
                </a:lnTo>
                <a:close/>
                <a:moveTo>
                  <a:pt x="5222400" y="664445"/>
                </a:moveTo>
                <a:lnTo>
                  <a:pt x="5222400" y="664889"/>
                </a:lnTo>
                <a:lnTo>
                  <a:pt x="5222844" y="664889"/>
                </a:lnTo>
                <a:lnTo>
                  <a:pt x="5222844" y="664445"/>
                </a:lnTo>
                <a:close/>
                <a:moveTo>
                  <a:pt x="5099305" y="664445"/>
                </a:moveTo>
                <a:lnTo>
                  <a:pt x="5099305" y="664889"/>
                </a:lnTo>
                <a:lnTo>
                  <a:pt x="5099749" y="664889"/>
                </a:lnTo>
                <a:lnTo>
                  <a:pt x="5099749" y="664445"/>
                </a:lnTo>
                <a:close/>
                <a:moveTo>
                  <a:pt x="4976248" y="664445"/>
                </a:moveTo>
                <a:lnTo>
                  <a:pt x="4976248" y="664889"/>
                </a:lnTo>
                <a:lnTo>
                  <a:pt x="4976692" y="664889"/>
                </a:lnTo>
                <a:lnTo>
                  <a:pt x="4976692" y="664445"/>
                </a:lnTo>
                <a:close/>
                <a:moveTo>
                  <a:pt x="4853191" y="664445"/>
                </a:moveTo>
                <a:lnTo>
                  <a:pt x="4853191" y="664889"/>
                </a:lnTo>
                <a:lnTo>
                  <a:pt x="4853636" y="664889"/>
                </a:lnTo>
                <a:lnTo>
                  <a:pt x="4853636" y="664445"/>
                </a:lnTo>
                <a:close/>
                <a:moveTo>
                  <a:pt x="4730133" y="664445"/>
                </a:moveTo>
                <a:lnTo>
                  <a:pt x="4730133" y="664889"/>
                </a:lnTo>
                <a:lnTo>
                  <a:pt x="4730578" y="664889"/>
                </a:lnTo>
                <a:lnTo>
                  <a:pt x="4730578" y="664445"/>
                </a:lnTo>
                <a:close/>
                <a:moveTo>
                  <a:pt x="4360961" y="664445"/>
                </a:moveTo>
                <a:lnTo>
                  <a:pt x="4360961" y="664889"/>
                </a:lnTo>
                <a:lnTo>
                  <a:pt x="4361405" y="664889"/>
                </a:lnTo>
                <a:lnTo>
                  <a:pt x="4361405" y="664445"/>
                </a:lnTo>
                <a:close/>
                <a:moveTo>
                  <a:pt x="4237904" y="664445"/>
                </a:moveTo>
                <a:lnTo>
                  <a:pt x="4237904" y="664890"/>
                </a:lnTo>
                <a:lnTo>
                  <a:pt x="4238348" y="664890"/>
                </a:lnTo>
                <a:lnTo>
                  <a:pt x="4238348" y="664445"/>
                </a:lnTo>
                <a:close/>
                <a:moveTo>
                  <a:pt x="4114847" y="664445"/>
                </a:moveTo>
                <a:lnTo>
                  <a:pt x="4114847" y="664890"/>
                </a:lnTo>
                <a:lnTo>
                  <a:pt x="4115291" y="664890"/>
                </a:lnTo>
                <a:lnTo>
                  <a:pt x="4115291" y="664445"/>
                </a:lnTo>
                <a:close/>
                <a:moveTo>
                  <a:pt x="3745453" y="664260"/>
                </a:moveTo>
                <a:lnTo>
                  <a:pt x="3745453" y="665112"/>
                </a:lnTo>
                <a:lnTo>
                  <a:pt x="3746305" y="665112"/>
                </a:lnTo>
                <a:lnTo>
                  <a:pt x="3746305" y="664260"/>
                </a:lnTo>
                <a:close/>
                <a:moveTo>
                  <a:pt x="3622173" y="664038"/>
                </a:moveTo>
                <a:lnTo>
                  <a:pt x="3622173" y="665334"/>
                </a:lnTo>
                <a:lnTo>
                  <a:pt x="3623469" y="665334"/>
                </a:lnTo>
                <a:lnTo>
                  <a:pt x="3623469" y="664038"/>
                </a:lnTo>
                <a:close/>
                <a:moveTo>
                  <a:pt x="3498894" y="663779"/>
                </a:moveTo>
                <a:lnTo>
                  <a:pt x="3498894" y="665520"/>
                </a:lnTo>
                <a:lnTo>
                  <a:pt x="3500634" y="665520"/>
                </a:lnTo>
                <a:lnTo>
                  <a:pt x="3500634" y="663779"/>
                </a:lnTo>
                <a:close/>
                <a:moveTo>
                  <a:pt x="3375392" y="663372"/>
                </a:moveTo>
                <a:lnTo>
                  <a:pt x="3375392" y="665964"/>
                </a:lnTo>
                <a:lnTo>
                  <a:pt x="3377984" y="665964"/>
                </a:lnTo>
                <a:lnTo>
                  <a:pt x="3377984" y="663372"/>
                </a:lnTo>
                <a:close/>
                <a:moveTo>
                  <a:pt x="3251668" y="662705"/>
                </a:moveTo>
                <a:lnTo>
                  <a:pt x="3251668" y="666631"/>
                </a:lnTo>
                <a:lnTo>
                  <a:pt x="3255593" y="666631"/>
                </a:lnTo>
                <a:lnTo>
                  <a:pt x="3255593" y="662705"/>
                </a:lnTo>
                <a:close/>
                <a:moveTo>
                  <a:pt x="3127759" y="661853"/>
                </a:moveTo>
                <a:lnTo>
                  <a:pt x="3127759" y="667482"/>
                </a:lnTo>
                <a:lnTo>
                  <a:pt x="3133388" y="667482"/>
                </a:lnTo>
                <a:lnTo>
                  <a:pt x="3133388" y="661853"/>
                </a:lnTo>
                <a:close/>
                <a:moveTo>
                  <a:pt x="3003813" y="661002"/>
                </a:moveTo>
                <a:lnTo>
                  <a:pt x="3003813" y="668371"/>
                </a:lnTo>
                <a:lnTo>
                  <a:pt x="3011182" y="668371"/>
                </a:lnTo>
                <a:lnTo>
                  <a:pt x="3011182" y="661002"/>
                </a:lnTo>
                <a:close/>
                <a:moveTo>
                  <a:pt x="2879459" y="659668"/>
                </a:moveTo>
                <a:lnTo>
                  <a:pt x="2879459" y="669667"/>
                </a:lnTo>
                <a:lnTo>
                  <a:pt x="2889458" y="669667"/>
                </a:lnTo>
                <a:lnTo>
                  <a:pt x="2889458" y="659668"/>
                </a:lnTo>
                <a:close/>
                <a:moveTo>
                  <a:pt x="2754884" y="658151"/>
                </a:moveTo>
                <a:lnTo>
                  <a:pt x="2754884" y="671186"/>
                </a:lnTo>
                <a:lnTo>
                  <a:pt x="2767919" y="671186"/>
                </a:lnTo>
                <a:lnTo>
                  <a:pt x="2767919" y="658151"/>
                </a:lnTo>
                <a:close/>
                <a:moveTo>
                  <a:pt x="2630086" y="656410"/>
                </a:moveTo>
                <a:lnTo>
                  <a:pt x="2630086" y="672926"/>
                </a:lnTo>
                <a:lnTo>
                  <a:pt x="2646602" y="672926"/>
                </a:lnTo>
                <a:lnTo>
                  <a:pt x="2646602" y="656410"/>
                </a:lnTo>
                <a:close/>
                <a:moveTo>
                  <a:pt x="2504844" y="654225"/>
                </a:moveTo>
                <a:lnTo>
                  <a:pt x="2504844" y="675074"/>
                </a:lnTo>
                <a:lnTo>
                  <a:pt x="2525693" y="675074"/>
                </a:lnTo>
                <a:lnTo>
                  <a:pt x="2525693" y="654225"/>
                </a:lnTo>
                <a:close/>
                <a:moveTo>
                  <a:pt x="2379416" y="651854"/>
                </a:moveTo>
                <a:lnTo>
                  <a:pt x="2379416" y="677481"/>
                </a:lnTo>
                <a:lnTo>
                  <a:pt x="2405042" y="677481"/>
                </a:lnTo>
                <a:lnTo>
                  <a:pt x="2405042" y="651854"/>
                </a:lnTo>
                <a:close/>
                <a:moveTo>
                  <a:pt x="2253508" y="649041"/>
                </a:moveTo>
                <a:lnTo>
                  <a:pt x="2253508" y="680296"/>
                </a:lnTo>
                <a:lnTo>
                  <a:pt x="2284763" y="680296"/>
                </a:lnTo>
                <a:lnTo>
                  <a:pt x="2284763" y="649041"/>
                </a:lnTo>
                <a:close/>
                <a:moveTo>
                  <a:pt x="2127414" y="645967"/>
                </a:moveTo>
                <a:lnTo>
                  <a:pt x="2127414" y="683332"/>
                </a:lnTo>
                <a:lnTo>
                  <a:pt x="2164779" y="683332"/>
                </a:lnTo>
                <a:lnTo>
                  <a:pt x="2164779" y="645967"/>
                </a:lnTo>
                <a:close/>
                <a:moveTo>
                  <a:pt x="2001320" y="642931"/>
                </a:moveTo>
                <a:lnTo>
                  <a:pt x="2001320" y="686369"/>
                </a:lnTo>
                <a:lnTo>
                  <a:pt x="2044758" y="686369"/>
                </a:lnTo>
                <a:lnTo>
                  <a:pt x="2044758" y="642931"/>
                </a:lnTo>
                <a:close/>
                <a:moveTo>
                  <a:pt x="1875004" y="639672"/>
                </a:moveTo>
                <a:lnTo>
                  <a:pt x="1875004" y="689628"/>
                </a:lnTo>
                <a:lnTo>
                  <a:pt x="1924960" y="689628"/>
                </a:lnTo>
                <a:lnTo>
                  <a:pt x="1924960" y="639672"/>
                </a:lnTo>
                <a:close/>
                <a:moveTo>
                  <a:pt x="1748465" y="636228"/>
                </a:moveTo>
                <a:lnTo>
                  <a:pt x="1748465" y="693109"/>
                </a:lnTo>
                <a:lnTo>
                  <a:pt x="1805346" y="693109"/>
                </a:lnTo>
                <a:lnTo>
                  <a:pt x="1805346" y="636228"/>
                </a:lnTo>
                <a:close/>
                <a:moveTo>
                  <a:pt x="1622149" y="632969"/>
                </a:moveTo>
                <a:lnTo>
                  <a:pt x="1622149" y="696368"/>
                </a:lnTo>
                <a:lnTo>
                  <a:pt x="1685548" y="696368"/>
                </a:lnTo>
                <a:lnTo>
                  <a:pt x="1685548" y="632969"/>
                </a:lnTo>
                <a:close/>
                <a:moveTo>
                  <a:pt x="1495611" y="629488"/>
                </a:moveTo>
                <a:lnTo>
                  <a:pt x="1495611" y="699849"/>
                </a:lnTo>
                <a:lnTo>
                  <a:pt x="1565972" y="699849"/>
                </a:lnTo>
                <a:lnTo>
                  <a:pt x="1565972" y="629488"/>
                </a:lnTo>
                <a:close/>
                <a:moveTo>
                  <a:pt x="1369295" y="626229"/>
                </a:moveTo>
                <a:lnTo>
                  <a:pt x="1369295" y="703108"/>
                </a:lnTo>
                <a:lnTo>
                  <a:pt x="1446174" y="703108"/>
                </a:lnTo>
                <a:lnTo>
                  <a:pt x="1446174" y="626229"/>
                </a:lnTo>
                <a:close/>
                <a:moveTo>
                  <a:pt x="1243201" y="623193"/>
                </a:moveTo>
                <a:lnTo>
                  <a:pt x="1243201" y="706145"/>
                </a:lnTo>
                <a:lnTo>
                  <a:pt x="1326153" y="706145"/>
                </a:lnTo>
                <a:lnTo>
                  <a:pt x="1326153" y="623193"/>
                </a:lnTo>
                <a:close/>
                <a:moveTo>
                  <a:pt x="1117329" y="620341"/>
                </a:moveTo>
                <a:lnTo>
                  <a:pt x="1117329" y="708959"/>
                </a:lnTo>
                <a:lnTo>
                  <a:pt x="1205947" y="708959"/>
                </a:lnTo>
                <a:lnTo>
                  <a:pt x="1205947" y="620341"/>
                </a:lnTo>
                <a:close/>
                <a:moveTo>
                  <a:pt x="991642" y="617786"/>
                </a:moveTo>
                <a:lnTo>
                  <a:pt x="991642" y="711588"/>
                </a:lnTo>
                <a:lnTo>
                  <a:pt x="1085444" y="711588"/>
                </a:lnTo>
                <a:lnTo>
                  <a:pt x="1085444" y="617786"/>
                </a:lnTo>
                <a:close/>
                <a:moveTo>
                  <a:pt x="866215" y="615380"/>
                </a:moveTo>
                <a:lnTo>
                  <a:pt x="866215" y="713959"/>
                </a:lnTo>
                <a:lnTo>
                  <a:pt x="964794" y="713959"/>
                </a:lnTo>
                <a:lnTo>
                  <a:pt x="964794" y="615380"/>
                </a:lnTo>
                <a:close/>
                <a:moveTo>
                  <a:pt x="741417" y="613639"/>
                </a:moveTo>
                <a:lnTo>
                  <a:pt x="741417" y="715699"/>
                </a:lnTo>
                <a:lnTo>
                  <a:pt x="843477" y="715699"/>
                </a:lnTo>
                <a:lnTo>
                  <a:pt x="843477" y="613639"/>
                </a:lnTo>
                <a:close/>
                <a:moveTo>
                  <a:pt x="616804" y="612121"/>
                </a:moveTo>
                <a:lnTo>
                  <a:pt x="616804" y="717217"/>
                </a:lnTo>
                <a:lnTo>
                  <a:pt x="721901" y="717217"/>
                </a:lnTo>
                <a:lnTo>
                  <a:pt x="721901" y="612121"/>
                </a:lnTo>
                <a:close/>
                <a:moveTo>
                  <a:pt x="492673" y="611010"/>
                </a:moveTo>
                <a:lnTo>
                  <a:pt x="492673" y="718291"/>
                </a:lnTo>
                <a:lnTo>
                  <a:pt x="599955" y="718291"/>
                </a:lnTo>
                <a:lnTo>
                  <a:pt x="599955" y="611010"/>
                </a:lnTo>
                <a:close/>
                <a:moveTo>
                  <a:pt x="368764" y="610159"/>
                </a:moveTo>
                <a:lnTo>
                  <a:pt x="368764" y="719180"/>
                </a:lnTo>
                <a:lnTo>
                  <a:pt x="477786" y="719180"/>
                </a:lnTo>
                <a:lnTo>
                  <a:pt x="477786" y="610159"/>
                </a:lnTo>
                <a:close/>
                <a:moveTo>
                  <a:pt x="245262" y="609751"/>
                </a:moveTo>
                <a:lnTo>
                  <a:pt x="245262" y="719624"/>
                </a:lnTo>
                <a:lnTo>
                  <a:pt x="355136" y="719624"/>
                </a:lnTo>
                <a:lnTo>
                  <a:pt x="355136" y="609751"/>
                </a:lnTo>
                <a:close/>
                <a:moveTo>
                  <a:pt x="121761" y="609270"/>
                </a:moveTo>
                <a:lnTo>
                  <a:pt x="121761" y="720032"/>
                </a:lnTo>
                <a:lnTo>
                  <a:pt x="232524" y="720032"/>
                </a:lnTo>
                <a:lnTo>
                  <a:pt x="232524" y="609270"/>
                </a:lnTo>
                <a:close/>
                <a:moveTo>
                  <a:pt x="4114847" y="541386"/>
                </a:moveTo>
                <a:lnTo>
                  <a:pt x="4114847" y="541829"/>
                </a:lnTo>
                <a:lnTo>
                  <a:pt x="4115291" y="541829"/>
                </a:lnTo>
                <a:lnTo>
                  <a:pt x="4115291" y="541386"/>
                </a:lnTo>
                <a:close/>
                <a:moveTo>
                  <a:pt x="3991789" y="541386"/>
                </a:moveTo>
                <a:lnTo>
                  <a:pt x="3991789" y="541830"/>
                </a:lnTo>
                <a:lnTo>
                  <a:pt x="3992234" y="541830"/>
                </a:lnTo>
                <a:lnTo>
                  <a:pt x="3992234" y="541386"/>
                </a:lnTo>
                <a:close/>
                <a:moveTo>
                  <a:pt x="5714629" y="541385"/>
                </a:moveTo>
                <a:lnTo>
                  <a:pt x="5714629" y="541829"/>
                </a:lnTo>
                <a:lnTo>
                  <a:pt x="5715073" y="541829"/>
                </a:lnTo>
                <a:lnTo>
                  <a:pt x="5715073" y="541385"/>
                </a:lnTo>
                <a:close/>
                <a:moveTo>
                  <a:pt x="5591572" y="541385"/>
                </a:moveTo>
                <a:lnTo>
                  <a:pt x="5591572" y="541829"/>
                </a:lnTo>
                <a:lnTo>
                  <a:pt x="5592017" y="541829"/>
                </a:lnTo>
                <a:lnTo>
                  <a:pt x="5592017" y="541385"/>
                </a:lnTo>
                <a:close/>
                <a:moveTo>
                  <a:pt x="5468514" y="541385"/>
                </a:moveTo>
                <a:lnTo>
                  <a:pt x="5468514" y="541829"/>
                </a:lnTo>
                <a:lnTo>
                  <a:pt x="5468958" y="541829"/>
                </a:lnTo>
                <a:lnTo>
                  <a:pt x="5468958" y="541385"/>
                </a:lnTo>
                <a:close/>
                <a:moveTo>
                  <a:pt x="5345457" y="541385"/>
                </a:moveTo>
                <a:lnTo>
                  <a:pt x="5345457" y="541829"/>
                </a:lnTo>
                <a:lnTo>
                  <a:pt x="5345901" y="541829"/>
                </a:lnTo>
                <a:lnTo>
                  <a:pt x="5345901" y="541385"/>
                </a:lnTo>
                <a:close/>
                <a:moveTo>
                  <a:pt x="5222400" y="541385"/>
                </a:moveTo>
                <a:lnTo>
                  <a:pt x="5222400" y="541829"/>
                </a:lnTo>
                <a:lnTo>
                  <a:pt x="5222844" y="541829"/>
                </a:lnTo>
                <a:lnTo>
                  <a:pt x="5222844" y="541385"/>
                </a:lnTo>
                <a:close/>
                <a:moveTo>
                  <a:pt x="5099305" y="541385"/>
                </a:moveTo>
                <a:lnTo>
                  <a:pt x="5099305" y="541829"/>
                </a:lnTo>
                <a:lnTo>
                  <a:pt x="5099749" y="541829"/>
                </a:lnTo>
                <a:lnTo>
                  <a:pt x="5099749" y="541385"/>
                </a:lnTo>
                <a:close/>
                <a:moveTo>
                  <a:pt x="4976248" y="541385"/>
                </a:moveTo>
                <a:lnTo>
                  <a:pt x="4976248" y="541829"/>
                </a:lnTo>
                <a:lnTo>
                  <a:pt x="4976692" y="541829"/>
                </a:lnTo>
                <a:lnTo>
                  <a:pt x="4976692" y="541385"/>
                </a:lnTo>
                <a:close/>
                <a:moveTo>
                  <a:pt x="4853191" y="541385"/>
                </a:moveTo>
                <a:lnTo>
                  <a:pt x="4853191" y="541829"/>
                </a:lnTo>
                <a:lnTo>
                  <a:pt x="4853636" y="541829"/>
                </a:lnTo>
                <a:lnTo>
                  <a:pt x="4853636" y="541385"/>
                </a:lnTo>
                <a:close/>
                <a:moveTo>
                  <a:pt x="4730133" y="541385"/>
                </a:moveTo>
                <a:lnTo>
                  <a:pt x="4730133" y="541829"/>
                </a:lnTo>
                <a:lnTo>
                  <a:pt x="4730578" y="541829"/>
                </a:lnTo>
                <a:lnTo>
                  <a:pt x="4730578" y="541385"/>
                </a:lnTo>
                <a:close/>
                <a:moveTo>
                  <a:pt x="4360961" y="541385"/>
                </a:moveTo>
                <a:lnTo>
                  <a:pt x="4360961" y="541829"/>
                </a:lnTo>
                <a:lnTo>
                  <a:pt x="4361405" y="541829"/>
                </a:lnTo>
                <a:lnTo>
                  <a:pt x="4361405" y="541385"/>
                </a:lnTo>
                <a:close/>
                <a:moveTo>
                  <a:pt x="4237904" y="541385"/>
                </a:moveTo>
                <a:lnTo>
                  <a:pt x="4237904" y="541829"/>
                </a:lnTo>
                <a:lnTo>
                  <a:pt x="4238348" y="541829"/>
                </a:lnTo>
                <a:lnTo>
                  <a:pt x="4238348" y="541385"/>
                </a:lnTo>
                <a:close/>
                <a:moveTo>
                  <a:pt x="3868510" y="541200"/>
                </a:moveTo>
                <a:lnTo>
                  <a:pt x="3868510" y="542052"/>
                </a:lnTo>
                <a:lnTo>
                  <a:pt x="3869362" y="542052"/>
                </a:lnTo>
                <a:lnTo>
                  <a:pt x="3869362" y="541200"/>
                </a:lnTo>
                <a:close/>
                <a:moveTo>
                  <a:pt x="3745230" y="540941"/>
                </a:moveTo>
                <a:lnTo>
                  <a:pt x="3745230" y="542237"/>
                </a:lnTo>
                <a:lnTo>
                  <a:pt x="3746526" y="542237"/>
                </a:lnTo>
                <a:lnTo>
                  <a:pt x="3746526" y="540941"/>
                </a:lnTo>
                <a:close/>
                <a:moveTo>
                  <a:pt x="3621951" y="540719"/>
                </a:moveTo>
                <a:lnTo>
                  <a:pt x="3621951" y="542459"/>
                </a:lnTo>
                <a:lnTo>
                  <a:pt x="3623691" y="542459"/>
                </a:lnTo>
                <a:lnTo>
                  <a:pt x="3623691" y="540719"/>
                </a:lnTo>
                <a:close/>
                <a:moveTo>
                  <a:pt x="3498671" y="540496"/>
                </a:moveTo>
                <a:lnTo>
                  <a:pt x="3498671" y="542681"/>
                </a:lnTo>
                <a:lnTo>
                  <a:pt x="3500856" y="542681"/>
                </a:lnTo>
                <a:lnTo>
                  <a:pt x="3500856" y="540496"/>
                </a:lnTo>
                <a:close/>
                <a:moveTo>
                  <a:pt x="3374947" y="539867"/>
                </a:moveTo>
                <a:lnTo>
                  <a:pt x="3374947" y="543348"/>
                </a:lnTo>
                <a:lnTo>
                  <a:pt x="3378428" y="543348"/>
                </a:lnTo>
                <a:lnTo>
                  <a:pt x="3378428" y="539867"/>
                </a:lnTo>
                <a:close/>
                <a:moveTo>
                  <a:pt x="3251261" y="539201"/>
                </a:moveTo>
                <a:lnTo>
                  <a:pt x="3251261" y="543978"/>
                </a:lnTo>
                <a:lnTo>
                  <a:pt x="3256038" y="543978"/>
                </a:lnTo>
                <a:lnTo>
                  <a:pt x="3256038" y="539201"/>
                </a:lnTo>
                <a:close/>
                <a:moveTo>
                  <a:pt x="3127315" y="538348"/>
                </a:moveTo>
                <a:lnTo>
                  <a:pt x="3127315" y="544866"/>
                </a:lnTo>
                <a:lnTo>
                  <a:pt x="3133833" y="544866"/>
                </a:lnTo>
                <a:lnTo>
                  <a:pt x="3133833" y="538348"/>
                </a:lnTo>
                <a:close/>
                <a:moveTo>
                  <a:pt x="3003405" y="537460"/>
                </a:moveTo>
                <a:lnTo>
                  <a:pt x="3003405" y="545718"/>
                </a:lnTo>
                <a:lnTo>
                  <a:pt x="3011663" y="545718"/>
                </a:lnTo>
                <a:lnTo>
                  <a:pt x="3011663" y="537460"/>
                </a:lnTo>
                <a:close/>
                <a:moveTo>
                  <a:pt x="2879015" y="536200"/>
                </a:moveTo>
                <a:lnTo>
                  <a:pt x="2879015" y="547051"/>
                </a:lnTo>
                <a:lnTo>
                  <a:pt x="2889865" y="547051"/>
                </a:lnTo>
                <a:lnTo>
                  <a:pt x="2889865" y="536200"/>
                </a:lnTo>
                <a:close/>
                <a:moveTo>
                  <a:pt x="2754217" y="534424"/>
                </a:moveTo>
                <a:lnTo>
                  <a:pt x="2754217" y="548755"/>
                </a:lnTo>
                <a:lnTo>
                  <a:pt x="2768548" y="548755"/>
                </a:lnTo>
                <a:lnTo>
                  <a:pt x="2768548" y="534424"/>
                </a:lnTo>
                <a:close/>
                <a:moveTo>
                  <a:pt x="2629419" y="532682"/>
                </a:moveTo>
                <a:lnTo>
                  <a:pt x="2629419" y="550495"/>
                </a:lnTo>
                <a:lnTo>
                  <a:pt x="2647231" y="550495"/>
                </a:lnTo>
                <a:lnTo>
                  <a:pt x="2647231" y="532682"/>
                </a:lnTo>
                <a:close/>
                <a:moveTo>
                  <a:pt x="2504214" y="530535"/>
                </a:moveTo>
                <a:lnTo>
                  <a:pt x="2504214" y="552680"/>
                </a:lnTo>
                <a:lnTo>
                  <a:pt x="2526359" y="552680"/>
                </a:lnTo>
                <a:lnTo>
                  <a:pt x="2526359" y="530535"/>
                </a:lnTo>
                <a:close/>
                <a:moveTo>
                  <a:pt x="2378750" y="528129"/>
                </a:moveTo>
                <a:lnTo>
                  <a:pt x="2378750" y="555051"/>
                </a:lnTo>
                <a:lnTo>
                  <a:pt x="2405672" y="555051"/>
                </a:lnTo>
                <a:lnTo>
                  <a:pt x="2405672" y="528129"/>
                </a:lnTo>
                <a:close/>
                <a:moveTo>
                  <a:pt x="2252878" y="525315"/>
                </a:moveTo>
                <a:lnTo>
                  <a:pt x="2252878" y="557903"/>
                </a:lnTo>
                <a:lnTo>
                  <a:pt x="2285466" y="557903"/>
                </a:lnTo>
                <a:lnTo>
                  <a:pt x="2285466" y="525315"/>
                </a:lnTo>
                <a:close/>
                <a:moveTo>
                  <a:pt x="2126969" y="522499"/>
                </a:moveTo>
                <a:lnTo>
                  <a:pt x="2126969" y="560717"/>
                </a:lnTo>
                <a:lnTo>
                  <a:pt x="2165186" y="560717"/>
                </a:lnTo>
                <a:lnTo>
                  <a:pt x="2165186" y="522499"/>
                </a:lnTo>
                <a:close/>
                <a:moveTo>
                  <a:pt x="2000875" y="519464"/>
                </a:moveTo>
                <a:lnTo>
                  <a:pt x="2000875" y="563754"/>
                </a:lnTo>
                <a:lnTo>
                  <a:pt x="2045165" y="563754"/>
                </a:lnTo>
                <a:lnTo>
                  <a:pt x="2045165" y="519464"/>
                </a:lnTo>
                <a:close/>
                <a:moveTo>
                  <a:pt x="1874559" y="516205"/>
                </a:moveTo>
                <a:lnTo>
                  <a:pt x="1874559" y="567013"/>
                </a:lnTo>
                <a:lnTo>
                  <a:pt x="1925367" y="567013"/>
                </a:lnTo>
                <a:lnTo>
                  <a:pt x="1925367" y="516205"/>
                </a:lnTo>
                <a:close/>
                <a:moveTo>
                  <a:pt x="1748243" y="512945"/>
                </a:moveTo>
                <a:lnTo>
                  <a:pt x="1748243" y="570271"/>
                </a:lnTo>
                <a:lnTo>
                  <a:pt x="1805569" y="570271"/>
                </a:lnTo>
                <a:lnTo>
                  <a:pt x="1805569" y="512945"/>
                </a:lnTo>
                <a:close/>
                <a:moveTo>
                  <a:pt x="1621927" y="509687"/>
                </a:moveTo>
                <a:lnTo>
                  <a:pt x="1621927" y="573530"/>
                </a:lnTo>
                <a:lnTo>
                  <a:pt x="1685770" y="573530"/>
                </a:lnTo>
                <a:lnTo>
                  <a:pt x="1685770" y="509687"/>
                </a:lnTo>
                <a:close/>
                <a:moveTo>
                  <a:pt x="1495611" y="506428"/>
                </a:moveTo>
                <a:lnTo>
                  <a:pt x="1495611" y="576789"/>
                </a:lnTo>
                <a:lnTo>
                  <a:pt x="1565972" y="576789"/>
                </a:lnTo>
                <a:lnTo>
                  <a:pt x="1565972" y="506428"/>
                </a:lnTo>
                <a:close/>
                <a:moveTo>
                  <a:pt x="1369295" y="503170"/>
                </a:moveTo>
                <a:lnTo>
                  <a:pt x="1369295" y="580048"/>
                </a:lnTo>
                <a:lnTo>
                  <a:pt x="1446174" y="580048"/>
                </a:lnTo>
                <a:lnTo>
                  <a:pt x="1446174" y="503170"/>
                </a:lnTo>
                <a:close/>
                <a:moveTo>
                  <a:pt x="1243423" y="500355"/>
                </a:moveTo>
                <a:lnTo>
                  <a:pt x="1243423" y="582862"/>
                </a:lnTo>
                <a:lnTo>
                  <a:pt x="1325930" y="582862"/>
                </a:lnTo>
                <a:lnTo>
                  <a:pt x="1325930" y="500355"/>
                </a:lnTo>
                <a:close/>
                <a:moveTo>
                  <a:pt x="1117514" y="497504"/>
                </a:moveTo>
                <a:lnTo>
                  <a:pt x="1117514" y="585677"/>
                </a:lnTo>
                <a:lnTo>
                  <a:pt x="1205687" y="585677"/>
                </a:lnTo>
                <a:lnTo>
                  <a:pt x="1205687" y="497504"/>
                </a:lnTo>
                <a:close/>
                <a:moveTo>
                  <a:pt x="991864" y="494911"/>
                </a:moveTo>
                <a:lnTo>
                  <a:pt x="991864" y="588306"/>
                </a:lnTo>
                <a:lnTo>
                  <a:pt x="1085259" y="588306"/>
                </a:lnTo>
                <a:lnTo>
                  <a:pt x="1085259" y="494911"/>
                </a:lnTo>
                <a:close/>
                <a:moveTo>
                  <a:pt x="866622" y="492726"/>
                </a:moveTo>
                <a:lnTo>
                  <a:pt x="866622" y="590454"/>
                </a:lnTo>
                <a:lnTo>
                  <a:pt x="964349" y="590454"/>
                </a:lnTo>
                <a:lnTo>
                  <a:pt x="964349" y="492726"/>
                </a:lnTo>
                <a:close/>
                <a:moveTo>
                  <a:pt x="741602" y="490801"/>
                </a:moveTo>
                <a:lnTo>
                  <a:pt x="741602" y="592416"/>
                </a:lnTo>
                <a:lnTo>
                  <a:pt x="843218" y="592416"/>
                </a:lnTo>
                <a:lnTo>
                  <a:pt x="843218" y="490801"/>
                </a:lnTo>
                <a:close/>
                <a:moveTo>
                  <a:pt x="617249" y="489469"/>
                </a:moveTo>
                <a:lnTo>
                  <a:pt x="617249" y="593713"/>
                </a:lnTo>
                <a:lnTo>
                  <a:pt x="721494" y="593713"/>
                </a:lnTo>
                <a:lnTo>
                  <a:pt x="721494" y="489469"/>
                </a:lnTo>
                <a:close/>
                <a:moveTo>
                  <a:pt x="492895" y="488210"/>
                </a:moveTo>
                <a:lnTo>
                  <a:pt x="492895" y="595047"/>
                </a:lnTo>
                <a:lnTo>
                  <a:pt x="599732" y="595047"/>
                </a:lnTo>
                <a:lnTo>
                  <a:pt x="599732" y="488210"/>
                </a:lnTo>
                <a:close/>
                <a:moveTo>
                  <a:pt x="368949" y="487320"/>
                </a:moveTo>
                <a:lnTo>
                  <a:pt x="368949" y="595897"/>
                </a:lnTo>
                <a:lnTo>
                  <a:pt x="477527" y="595897"/>
                </a:lnTo>
                <a:lnTo>
                  <a:pt x="477527" y="487320"/>
                </a:lnTo>
                <a:close/>
                <a:moveTo>
                  <a:pt x="245262" y="486691"/>
                </a:moveTo>
                <a:lnTo>
                  <a:pt x="245262" y="596565"/>
                </a:lnTo>
                <a:lnTo>
                  <a:pt x="355136" y="596565"/>
                </a:lnTo>
                <a:lnTo>
                  <a:pt x="355136" y="486691"/>
                </a:lnTo>
                <a:close/>
                <a:moveTo>
                  <a:pt x="121761" y="486209"/>
                </a:moveTo>
                <a:lnTo>
                  <a:pt x="121761" y="596972"/>
                </a:lnTo>
                <a:lnTo>
                  <a:pt x="232524" y="596972"/>
                </a:lnTo>
                <a:lnTo>
                  <a:pt x="232524" y="486209"/>
                </a:lnTo>
                <a:close/>
                <a:moveTo>
                  <a:pt x="4237904" y="418324"/>
                </a:moveTo>
                <a:lnTo>
                  <a:pt x="4237904" y="418768"/>
                </a:lnTo>
                <a:lnTo>
                  <a:pt x="4238348" y="418768"/>
                </a:lnTo>
                <a:lnTo>
                  <a:pt x="4238348" y="418324"/>
                </a:lnTo>
                <a:close/>
                <a:moveTo>
                  <a:pt x="4114847" y="418324"/>
                </a:moveTo>
                <a:lnTo>
                  <a:pt x="4114847" y="418769"/>
                </a:lnTo>
                <a:lnTo>
                  <a:pt x="4115291" y="418769"/>
                </a:lnTo>
                <a:lnTo>
                  <a:pt x="4115291" y="418324"/>
                </a:lnTo>
                <a:close/>
                <a:moveTo>
                  <a:pt x="3991789" y="418324"/>
                </a:moveTo>
                <a:lnTo>
                  <a:pt x="3991789" y="418769"/>
                </a:lnTo>
                <a:lnTo>
                  <a:pt x="3992234" y="418769"/>
                </a:lnTo>
                <a:lnTo>
                  <a:pt x="3992234" y="418324"/>
                </a:lnTo>
                <a:close/>
                <a:moveTo>
                  <a:pt x="5714629" y="418323"/>
                </a:moveTo>
                <a:lnTo>
                  <a:pt x="5714629" y="418768"/>
                </a:lnTo>
                <a:lnTo>
                  <a:pt x="5715073" y="418768"/>
                </a:lnTo>
                <a:lnTo>
                  <a:pt x="5715073" y="418323"/>
                </a:lnTo>
                <a:close/>
                <a:moveTo>
                  <a:pt x="5591572" y="418323"/>
                </a:moveTo>
                <a:lnTo>
                  <a:pt x="5591572" y="418768"/>
                </a:lnTo>
                <a:lnTo>
                  <a:pt x="5592017" y="418768"/>
                </a:lnTo>
                <a:lnTo>
                  <a:pt x="5592017" y="418323"/>
                </a:lnTo>
                <a:close/>
                <a:moveTo>
                  <a:pt x="5468514" y="418323"/>
                </a:moveTo>
                <a:lnTo>
                  <a:pt x="5468514" y="418768"/>
                </a:lnTo>
                <a:lnTo>
                  <a:pt x="5468958" y="418768"/>
                </a:lnTo>
                <a:lnTo>
                  <a:pt x="5468958" y="418323"/>
                </a:lnTo>
                <a:close/>
                <a:moveTo>
                  <a:pt x="5345457" y="418323"/>
                </a:moveTo>
                <a:lnTo>
                  <a:pt x="5345457" y="418768"/>
                </a:lnTo>
                <a:lnTo>
                  <a:pt x="5345901" y="418768"/>
                </a:lnTo>
                <a:lnTo>
                  <a:pt x="5345901" y="418323"/>
                </a:lnTo>
                <a:close/>
                <a:moveTo>
                  <a:pt x="5222400" y="418323"/>
                </a:moveTo>
                <a:lnTo>
                  <a:pt x="5222400" y="418768"/>
                </a:lnTo>
                <a:lnTo>
                  <a:pt x="5222844" y="418768"/>
                </a:lnTo>
                <a:lnTo>
                  <a:pt x="5222844" y="418323"/>
                </a:lnTo>
                <a:close/>
                <a:moveTo>
                  <a:pt x="5099305" y="418323"/>
                </a:moveTo>
                <a:lnTo>
                  <a:pt x="5099305" y="418768"/>
                </a:lnTo>
                <a:lnTo>
                  <a:pt x="5099749" y="418768"/>
                </a:lnTo>
                <a:lnTo>
                  <a:pt x="5099749" y="418323"/>
                </a:lnTo>
                <a:close/>
                <a:moveTo>
                  <a:pt x="4976248" y="418323"/>
                </a:moveTo>
                <a:lnTo>
                  <a:pt x="4976248" y="418768"/>
                </a:lnTo>
                <a:lnTo>
                  <a:pt x="4976692" y="418768"/>
                </a:lnTo>
                <a:lnTo>
                  <a:pt x="4976692" y="418323"/>
                </a:lnTo>
                <a:close/>
                <a:moveTo>
                  <a:pt x="4853191" y="418323"/>
                </a:moveTo>
                <a:lnTo>
                  <a:pt x="4853191" y="418768"/>
                </a:lnTo>
                <a:lnTo>
                  <a:pt x="4853636" y="418768"/>
                </a:lnTo>
                <a:lnTo>
                  <a:pt x="4853636" y="418323"/>
                </a:lnTo>
                <a:close/>
                <a:moveTo>
                  <a:pt x="4730133" y="418323"/>
                </a:moveTo>
                <a:lnTo>
                  <a:pt x="4730133" y="418768"/>
                </a:lnTo>
                <a:lnTo>
                  <a:pt x="4730578" y="418768"/>
                </a:lnTo>
                <a:lnTo>
                  <a:pt x="4730578" y="418323"/>
                </a:lnTo>
                <a:close/>
                <a:moveTo>
                  <a:pt x="4360961" y="418323"/>
                </a:moveTo>
                <a:lnTo>
                  <a:pt x="4360961" y="418768"/>
                </a:lnTo>
                <a:lnTo>
                  <a:pt x="4361405" y="418768"/>
                </a:lnTo>
                <a:lnTo>
                  <a:pt x="4361405" y="418323"/>
                </a:lnTo>
                <a:close/>
                <a:moveTo>
                  <a:pt x="3868510" y="418140"/>
                </a:moveTo>
                <a:lnTo>
                  <a:pt x="3868510" y="418992"/>
                </a:lnTo>
                <a:lnTo>
                  <a:pt x="3869362" y="418992"/>
                </a:lnTo>
                <a:lnTo>
                  <a:pt x="3869362" y="418140"/>
                </a:lnTo>
                <a:close/>
                <a:moveTo>
                  <a:pt x="3745230" y="417881"/>
                </a:moveTo>
                <a:lnTo>
                  <a:pt x="3745230" y="419177"/>
                </a:lnTo>
                <a:lnTo>
                  <a:pt x="3746526" y="419177"/>
                </a:lnTo>
                <a:lnTo>
                  <a:pt x="3746526" y="417881"/>
                </a:lnTo>
                <a:close/>
                <a:moveTo>
                  <a:pt x="3621951" y="417659"/>
                </a:moveTo>
                <a:lnTo>
                  <a:pt x="3621951" y="419399"/>
                </a:lnTo>
                <a:lnTo>
                  <a:pt x="3623691" y="419399"/>
                </a:lnTo>
                <a:lnTo>
                  <a:pt x="3623691" y="417659"/>
                </a:lnTo>
                <a:close/>
                <a:moveTo>
                  <a:pt x="3498449" y="417251"/>
                </a:moveTo>
                <a:lnTo>
                  <a:pt x="3498449" y="419843"/>
                </a:lnTo>
                <a:lnTo>
                  <a:pt x="3501041" y="419843"/>
                </a:lnTo>
                <a:lnTo>
                  <a:pt x="3501041" y="417251"/>
                </a:lnTo>
                <a:close/>
                <a:moveTo>
                  <a:pt x="3374725" y="416585"/>
                </a:moveTo>
                <a:lnTo>
                  <a:pt x="3374725" y="420510"/>
                </a:lnTo>
                <a:lnTo>
                  <a:pt x="3378650" y="420510"/>
                </a:lnTo>
                <a:lnTo>
                  <a:pt x="3378650" y="416585"/>
                </a:lnTo>
                <a:close/>
                <a:moveTo>
                  <a:pt x="3251038" y="415917"/>
                </a:moveTo>
                <a:lnTo>
                  <a:pt x="3251038" y="421139"/>
                </a:lnTo>
                <a:lnTo>
                  <a:pt x="3256260" y="421139"/>
                </a:lnTo>
                <a:lnTo>
                  <a:pt x="3256260" y="415917"/>
                </a:lnTo>
                <a:close/>
                <a:moveTo>
                  <a:pt x="3127092" y="415066"/>
                </a:moveTo>
                <a:lnTo>
                  <a:pt x="3127092" y="422028"/>
                </a:lnTo>
                <a:lnTo>
                  <a:pt x="3134054" y="422028"/>
                </a:lnTo>
                <a:lnTo>
                  <a:pt x="3134054" y="415066"/>
                </a:lnTo>
                <a:close/>
                <a:moveTo>
                  <a:pt x="3002961" y="413992"/>
                </a:moveTo>
                <a:lnTo>
                  <a:pt x="3002961" y="423102"/>
                </a:lnTo>
                <a:lnTo>
                  <a:pt x="3012071" y="423102"/>
                </a:lnTo>
                <a:lnTo>
                  <a:pt x="3012071" y="413992"/>
                </a:lnTo>
                <a:close/>
                <a:moveTo>
                  <a:pt x="2878385" y="412474"/>
                </a:moveTo>
                <a:lnTo>
                  <a:pt x="2878385" y="424620"/>
                </a:lnTo>
                <a:lnTo>
                  <a:pt x="2890532" y="424620"/>
                </a:lnTo>
                <a:lnTo>
                  <a:pt x="2890532" y="412474"/>
                </a:lnTo>
                <a:close/>
                <a:moveTo>
                  <a:pt x="2753810" y="410956"/>
                </a:moveTo>
                <a:lnTo>
                  <a:pt x="2753810" y="426139"/>
                </a:lnTo>
                <a:lnTo>
                  <a:pt x="2768993" y="426139"/>
                </a:lnTo>
                <a:lnTo>
                  <a:pt x="2768993" y="410956"/>
                </a:lnTo>
                <a:close/>
                <a:moveTo>
                  <a:pt x="2629012" y="409215"/>
                </a:moveTo>
                <a:lnTo>
                  <a:pt x="2629012" y="427879"/>
                </a:lnTo>
                <a:lnTo>
                  <a:pt x="2647676" y="427879"/>
                </a:lnTo>
                <a:lnTo>
                  <a:pt x="2647676" y="409215"/>
                </a:lnTo>
                <a:close/>
                <a:moveTo>
                  <a:pt x="2503548" y="406808"/>
                </a:moveTo>
                <a:lnTo>
                  <a:pt x="2503548" y="430249"/>
                </a:lnTo>
                <a:lnTo>
                  <a:pt x="2526989" y="430249"/>
                </a:lnTo>
                <a:lnTo>
                  <a:pt x="2526989" y="406808"/>
                </a:lnTo>
                <a:close/>
                <a:moveTo>
                  <a:pt x="2378083" y="404438"/>
                </a:moveTo>
                <a:lnTo>
                  <a:pt x="2378083" y="432657"/>
                </a:lnTo>
                <a:lnTo>
                  <a:pt x="2406301" y="432657"/>
                </a:lnTo>
                <a:lnTo>
                  <a:pt x="2406301" y="404438"/>
                </a:lnTo>
                <a:close/>
                <a:moveTo>
                  <a:pt x="2252434" y="401810"/>
                </a:moveTo>
                <a:lnTo>
                  <a:pt x="2252434" y="435249"/>
                </a:lnTo>
                <a:lnTo>
                  <a:pt x="2285874" y="435249"/>
                </a:lnTo>
                <a:lnTo>
                  <a:pt x="2285874" y="401810"/>
                </a:lnTo>
                <a:close/>
                <a:moveTo>
                  <a:pt x="2126562" y="398995"/>
                </a:moveTo>
                <a:lnTo>
                  <a:pt x="2126562" y="438101"/>
                </a:lnTo>
                <a:lnTo>
                  <a:pt x="2165668" y="438101"/>
                </a:lnTo>
                <a:lnTo>
                  <a:pt x="2165668" y="398995"/>
                </a:lnTo>
                <a:close/>
                <a:moveTo>
                  <a:pt x="2000468" y="395959"/>
                </a:moveTo>
                <a:lnTo>
                  <a:pt x="2000468" y="441138"/>
                </a:lnTo>
                <a:lnTo>
                  <a:pt x="2045647" y="441138"/>
                </a:lnTo>
                <a:lnTo>
                  <a:pt x="2045647" y="395959"/>
                </a:lnTo>
                <a:close/>
                <a:moveTo>
                  <a:pt x="1874337" y="392922"/>
                </a:moveTo>
                <a:lnTo>
                  <a:pt x="1874337" y="444174"/>
                </a:lnTo>
                <a:lnTo>
                  <a:pt x="1925589" y="444174"/>
                </a:lnTo>
                <a:lnTo>
                  <a:pt x="1925589" y="392922"/>
                </a:lnTo>
                <a:close/>
                <a:moveTo>
                  <a:pt x="1748021" y="389663"/>
                </a:moveTo>
                <a:lnTo>
                  <a:pt x="1748021" y="447433"/>
                </a:lnTo>
                <a:lnTo>
                  <a:pt x="1805791" y="447433"/>
                </a:lnTo>
                <a:lnTo>
                  <a:pt x="1805791" y="389663"/>
                </a:lnTo>
                <a:close/>
                <a:moveTo>
                  <a:pt x="1621705" y="386404"/>
                </a:moveTo>
                <a:lnTo>
                  <a:pt x="1621705" y="450692"/>
                </a:lnTo>
                <a:lnTo>
                  <a:pt x="1685993" y="450692"/>
                </a:lnTo>
                <a:lnTo>
                  <a:pt x="1685993" y="386404"/>
                </a:lnTo>
                <a:close/>
                <a:moveTo>
                  <a:pt x="1495389" y="383146"/>
                </a:moveTo>
                <a:lnTo>
                  <a:pt x="1495389" y="453951"/>
                </a:lnTo>
                <a:lnTo>
                  <a:pt x="1566194" y="453951"/>
                </a:lnTo>
                <a:lnTo>
                  <a:pt x="1566194" y="383146"/>
                </a:lnTo>
                <a:close/>
                <a:moveTo>
                  <a:pt x="1369295" y="380109"/>
                </a:moveTo>
                <a:lnTo>
                  <a:pt x="1369295" y="456987"/>
                </a:lnTo>
                <a:lnTo>
                  <a:pt x="1446174" y="456987"/>
                </a:lnTo>
                <a:lnTo>
                  <a:pt x="1446174" y="380109"/>
                </a:lnTo>
                <a:close/>
                <a:moveTo>
                  <a:pt x="1243423" y="377295"/>
                </a:moveTo>
                <a:lnTo>
                  <a:pt x="1243423" y="459802"/>
                </a:lnTo>
                <a:lnTo>
                  <a:pt x="1325930" y="459802"/>
                </a:lnTo>
                <a:lnTo>
                  <a:pt x="1325930" y="377295"/>
                </a:lnTo>
                <a:close/>
                <a:moveTo>
                  <a:pt x="1117514" y="374443"/>
                </a:moveTo>
                <a:lnTo>
                  <a:pt x="1117514" y="462616"/>
                </a:lnTo>
                <a:lnTo>
                  <a:pt x="1205687" y="462616"/>
                </a:lnTo>
                <a:lnTo>
                  <a:pt x="1205687" y="374443"/>
                </a:lnTo>
                <a:close/>
                <a:moveTo>
                  <a:pt x="992087" y="372073"/>
                </a:moveTo>
                <a:lnTo>
                  <a:pt x="992087" y="465023"/>
                </a:lnTo>
                <a:lnTo>
                  <a:pt x="1085037" y="465023"/>
                </a:lnTo>
                <a:lnTo>
                  <a:pt x="1085037" y="372073"/>
                </a:lnTo>
                <a:close/>
                <a:moveTo>
                  <a:pt x="866844" y="369889"/>
                </a:moveTo>
                <a:lnTo>
                  <a:pt x="866844" y="467171"/>
                </a:lnTo>
                <a:lnTo>
                  <a:pt x="964127" y="467171"/>
                </a:lnTo>
                <a:lnTo>
                  <a:pt x="964127" y="369889"/>
                </a:lnTo>
                <a:close/>
                <a:moveTo>
                  <a:pt x="742047" y="368149"/>
                </a:moveTo>
                <a:lnTo>
                  <a:pt x="742047" y="468912"/>
                </a:lnTo>
                <a:lnTo>
                  <a:pt x="842811" y="468912"/>
                </a:lnTo>
                <a:lnTo>
                  <a:pt x="842811" y="368149"/>
                </a:lnTo>
                <a:close/>
                <a:moveTo>
                  <a:pt x="617471" y="366630"/>
                </a:moveTo>
                <a:lnTo>
                  <a:pt x="617471" y="470430"/>
                </a:lnTo>
                <a:lnTo>
                  <a:pt x="721272" y="470430"/>
                </a:lnTo>
                <a:lnTo>
                  <a:pt x="721272" y="366630"/>
                </a:lnTo>
                <a:close/>
                <a:moveTo>
                  <a:pt x="493118" y="365371"/>
                </a:moveTo>
                <a:lnTo>
                  <a:pt x="493118" y="471764"/>
                </a:lnTo>
                <a:lnTo>
                  <a:pt x="599511" y="471764"/>
                </a:lnTo>
                <a:lnTo>
                  <a:pt x="599511" y="365371"/>
                </a:lnTo>
                <a:close/>
                <a:moveTo>
                  <a:pt x="369171" y="364483"/>
                </a:moveTo>
                <a:lnTo>
                  <a:pt x="369171" y="472615"/>
                </a:lnTo>
                <a:lnTo>
                  <a:pt x="477304" y="472615"/>
                </a:lnTo>
                <a:lnTo>
                  <a:pt x="477304" y="364483"/>
                </a:lnTo>
                <a:close/>
                <a:moveTo>
                  <a:pt x="245485" y="363816"/>
                </a:moveTo>
                <a:lnTo>
                  <a:pt x="245485" y="473283"/>
                </a:lnTo>
                <a:lnTo>
                  <a:pt x="354952" y="473283"/>
                </a:lnTo>
                <a:lnTo>
                  <a:pt x="354952" y="363816"/>
                </a:lnTo>
                <a:close/>
                <a:moveTo>
                  <a:pt x="121983" y="363372"/>
                </a:moveTo>
                <a:lnTo>
                  <a:pt x="121983" y="473690"/>
                </a:lnTo>
                <a:lnTo>
                  <a:pt x="232301" y="473690"/>
                </a:lnTo>
                <a:lnTo>
                  <a:pt x="232301" y="363372"/>
                </a:lnTo>
                <a:close/>
                <a:moveTo>
                  <a:pt x="5468514" y="295264"/>
                </a:moveTo>
                <a:lnTo>
                  <a:pt x="5468514" y="295708"/>
                </a:lnTo>
                <a:lnTo>
                  <a:pt x="5468958" y="295708"/>
                </a:lnTo>
                <a:lnTo>
                  <a:pt x="5468958" y="295264"/>
                </a:lnTo>
                <a:close/>
                <a:moveTo>
                  <a:pt x="5345457" y="295264"/>
                </a:moveTo>
                <a:lnTo>
                  <a:pt x="5345457" y="295708"/>
                </a:lnTo>
                <a:lnTo>
                  <a:pt x="5345901" y="295708"/>
                </a:lnTo>
                <a:lnTo>
                  <a:pt x="5345901" y="295264"/>
                </a:lnTo>
                <a:close/>
                <a:moveTo>
                  <a:pt x="5222400" y="295264"/>
                </a:moveTo>
                <a:lnTo>
                  <a:pt x="5222400" y="295708"/>
                </a:lnTo>
                <a:lnTo>
                  <a:pt x="5222844" y="295708"/>
                </a:lnTo>
                <a:lnTo>
                  <a:pt x="5222844" y="295264"/>
                </a:lnTo>
                <a:close/>
                <a:moveTo>
                  <a:pt x="5099305" y="295264"/>
                </a:moveTo>
                <a:lnTo>
                  <a:pt x="5099305" y="295708"/>
                </a:lnTo>
                <a:lnTo>
                  <a:pt x="5099749" y="295708"/>
                </a:lnTo>
                <a:lnTo>
                  <a:pt x="5099749" y="295264"/>
                </a:lnTo>
                <a:close/>
                <a:moveTo>
                  <a:pt x="4976248" y="295264"/>
                </a:moveTo>
                <a:lnTo>
                  <a:pt x="4976248" y="295708"/>
                </a:lnTo>
                <a:lnTo>
                  <a:pt x="4976692" y="295708"/>
                </a:lnTo>
                <a:lnTo>
                  <a:pt x="4976692" y="295264"/>
                </a:lnTo>
                <a:close/>
                <a:moveTo>
                  <a:pt x="4853191" y="295264"/>
                </a:moveTo>
                <a:lnTo>
                  <a:pt x="4853191" y="295708"/>
                </a:lnTo>
                <a:lnTo>
                  <a:pt x="4853636" y="295708"/>
                </a:lnTo>
                <a:lnTo>
                  <a:pt x="4853636" y="295264"/>
                </a:lnTo>
                <a:close/>
                <a:moveTo>
                  <a:pt x="4730133" y="295264"/>
                </a:moveTo>
                <a:lnTo>
                  <a:pt x="4730133" y="295708"/>
                </a:lnTo>
                <a:lnTo>
                  <a:pt x="4730578" y="295708"/>
                </a:lnTo>
                <a:lnTo>
                  <a:pt x="4730578" y="295264"/>
                </a:lnTo>
                <a:close/>
                <a:moveTo>
                  <a:pt x="4360961" y="295264"/>
                </a:moveTo>
                <a:lnTo>
                  <a:pt x="4360961" y="295708"/>
                </a:lnTo>
                <a:lnTo>
                  <a:pt x="4361405" y="295708"/>
                </a:lnTo>
                <a:lnTo>
                  <a:pt x="4361405" y="295264"/>
                </a:lnTo>
                <a:close/>
                <a:moveTo>
                  <a:pt x="4237904" y="295264"/>
                </a:moveTo>
                <a:lnTo>
                  <a:pt x="4237904" y="295708"/>
                </a:lnTo>
                <a:lnTo>
                  <a:pt x="4238348" y="295708"/>
                </a:lnTo>
                <a:lnTo>
                  <a:pt x="4238348" y="295264"/>
                </a:lnTo>
                <a:close/>
                <a:moveTo>
                  <a:pt x="4114847" y="295264"/>
                </a:moveTo>
                <a:lnTo>
                  <a:pt x="4114847" y="295708"/>
                </a:lnTo>
                <a:lnTo>
                  <a:pt x="4115291" y="295708"/>
                </a:lnTo>
                <a:lnTo>
                  <a:pt x="4115291" y="295264"/>
                </a:lnTo>
                <a:close/>
                <a:moveTo>
                  <a:pt x="3991789" y="295264"/>
                </a:moveTo>
                <a:lnTo>
                  <a:pt x="3991789" y="295708"/>
                </a:lnTo>
                <a:lnTo>
                  <a:pt x="3992234" y="295708"/>
                </a:lnTo>
                <a:lnTo>
                  <a:pt x="3992234" y="295264"/>
                </a:lnTo>
                <a:close/>
                <a:moveTo>
                  <a:pt x="5714629" y="295263"/>
                </a:moveTo>
                <a:lnTo>
                  <a:pt x="5714629" y="295707"/>
                </a:lnTo>
                <a:lnTo>
                  <a:pt x="5715073" y="295707"/>
                </a:lnTo>
                <a:lnTo>
                  <a:pt x="5715073" y="295263"/>
                </a:lnTo>
                <a:close/>
                <a:moveTo>
                  <a:pt x="5591572" y="295263"/>
                </a:moveTo>
                <a:lnTo>
                  <a:pt x="5591572" y="295707"/>
                </a:lnTo>
                <a:lnTo>
                  <a:pt x="5592017" y="295707"/>
                </a:lnTo>
                <a:lnTo>
                  <a:pt x="5592017" y="295263"/>
                </a:lnTo>
                <a:close/>
                <a:moveTo>
                  <a:pt x="3868510" y="295041"/>
                </a:moveTo>
                <a:lnTo>
                  <a:pt x="3868510" y="295893"/>
                </a:lnTo>
                <a:lnTo>
                  <a:pt x="3869362" y="295893"/>
                </a:lnTo>
                <a:lnTo>
                  <a:pt x="3869362" y="295041"/>
                </a:lnTo>
                <a:close/>
                <a:moveTo>
                  <a:pt x="3745230" y="294820"/>
                </a:moveTo>
                <a:lnTo>
                  <a:pt x="3745230" y="296115"/>
                </a:lnTo>
                <a:lnTo>
                  <a:pt x="3746526" y="296115"/>
                </a:lnTo>
                <a:lnTo>
                  <a:pt x="3746526" y="294820"/>
                </a:lnTo>
                <a:close/>
                <a:moveTo>
                  <a:pt x="3621729" y="294376"/>
                </a:moveTo>
                <a:lnTo>
                  <a:pt x="3621729" y="296561"/>
                </a:lnTo>
                <a:lnTo>
                  <a:pt x="3623914" y="296561"/>
                </a:lnTo>
                <a:lnTo>
                  <a:pt x="3623914" y="294376"/>
                </a:lnTo>
                <a:close/>
                <a:moveTo>
                  <a:pt x="3498227" y="293968"/>
                </a:moveTo>
                <a:lnTo>
                  <a:pt x="3498227" y="297005"/>
                </a:lnTo>
                <a:lnTo>
                  <a:pt x="3501264" y="297005"/>
                </a:lnTo>
                <a:lnTo>
                  <a:pt x="3501264" y="293968"/>
                </a:lnTo>
                <a:close/>
                <a:moveTo>
                  <a:pt x="3374540" y="293302"/>
                </a:moveTo>
                <a:lnTo>
                  <a:pt x="3374540" y="297635"/>
                </a:lnTo>
                <a:lnTo>
                  <a:pt x="3378873" y="297635"/>
                </a:lnTo>
                <a:lnTo>
                  <a:pt x="3378873" y="293302"/>
                </a:lnTo>
                <a:close/>
                <a:moveTo>
                  <a:pt x="3250816" y="292672"/>
                </a:moveTo>
                <a:lnTo>
                  <a:pt x="3250816" y="298301"/>
                </a:lnTo>
                <a:lnTo>
                  <a:pt x="3256445" y="298301"/>
                </a:lnTo>
                <a:lnTo>
                  <a:pt x="3256445" y="292672"/>
                </a:lnTo>
                <a:close/>
                <a:moveTo>
                  <a:pt x="3126870" y="291784"/>
                </a:moveTo>
                <a:lnTo>
                  <a:pt x="3126870" y="299153"/>
                </a:lnTo>
                <a:lnTo>
                  <a:pt x="3134239" y="299153"/>
                </a:lnTo>
                <a:lnTo>
                  <a:pt x="3134239" y="291784"/>
                </a:lnTo>
                <a:close/>
                <a:moveTo>
                  <a:pt x="3002517" y="290488"/>
                </a:moveTo>
                <a:lnTo>
                  <a:pt x="3002517" y="300486"/>
                </a:lnTo>
                <a:lnTo>
                  <a:pt x="3012516" y="300486"/>
                </a:lnTo>
                <a:lnTo>
                  <a:pt x="3012516" y="290488"/>
                </a:lnTo>
                <a:close/>
                <a:moveTo>
                  <a:pt x="2878163" y="289191"/>
                </a:moveTo>
                <a:lnTo>
                  <a:pt x="2878163" y="301782"/>
                </a:lnTo>
                <a:lnTo>
                  <a:pt x="2890754" y="301782"/>
                </a:lnTo>
                <a:lnTo>
                  <a:pt x="2890754" y="289191"/>
                </a:lnTo>
                <a:close/>
                <a:moveTo>
                  <a:pt x="2753365" y="287451"/>
                </a:moveTo>
                <a:lnTo>
                  <a:pt x="2753365" y="303523"/>
                </a:lnTo>
                <a:lnTo>
                  <a:pt x="2769437" y="303523"/>
                </a:lnTo>
                <a:lnTo>
                  <a:pt x="2769437" y="287451"/>
                </a:lnTo>
                <a:close/>
                <a:moveTo>
                  <a:pt x="2628568" y="285710"/>
                </a:moveTo>
                <a:lnTo>
                  <a:pt x="2628568" y="305263"/>
                </a:lnTo>
                <a:lnTo>
                  <a:pt x="2648121" y="305263"/>
                </a:lnTo>
                <a:lnTo>
                  <a:pt x="2648121" y="285710"/>
                </a:lnTo>
                <a:close/>
                <a:moveTo>
                  <a:pt x="2503325" y="283526"/>
                </a:moveTo>
                <a:lnTo>
                  <a:pt x="2503325" y="307411"/>
                </a:lnTo>
                <a:lnTo>
                  <a:pt x="2527211" y="307411"/>
                </a:lnTo>
                <a:lnTo>
                  <a:pt x="2527211" y="283526"/>
                </a:lnTo>
                <a:close/>
                <a:moveTo>
                  <a:pt x="2377898" y="281155"/>
                </a:moveTo>
                <a:lnTo>
                  <a:pt x="2377898" y="309818"/>
                </a:lnTo>
                <a:lnTo>
                  <a:pt x="2406561" y="309818"/>
                </a:lnTo>
                <a:lnTo>
                  <a:pt x="2406561" y="281155"/>
                </a:lnTo>
                <a:close/>
                <a:moveTo>
                  <a:pt x="2252211" y="278527"/>
                </a:moveTo>
                <a:lnTo>
                  <a:pt x="2252211" y="312410"/>
                </a:lnTo>
                <a:lnTo>
                  <a:pt x="2286095" y="312410"/>
                </a:lnTo>
                <a:lnTo>
                  <a:pt x="2286095" y="278527"/>
                </a:lnTo>
                <a:close/>
                <a:moveTo>
                  <a:pt x="2126117" y="275491"/>
                </a:moveTo>
                <a:lnTo>
                  <a:pt x="2126117" y="315448"/>
                </a:lnTo>
                <a:lnTo>
                  <a:pt x="2166074" y="315448"/>
                </a:lnTo>
                <a:lnTo>
                  <a:pt x="2166074" y="275491"/>
                </a:lnTo>
                <a:close/>
                <a:moveTo>
                  <a:pt x="2000246" y="272676"/>
                </a:moveTo>
                <a:lnTo>
                  <a:pt x="2000246" y="318263"/>
                </a:lnTo>
                <a:lnTo>
                  <a:pt x="2045832" y="318263"/>
                </a:lnTo>
                <a:lnTo>
                  <a:pt x="2045832" y="272676"/>
                </a:lnTo>
                <a:close/>
                <a:moveTo>
                  <a:pt x="1874152" y="269640"/>
                </a:moveTo>
                <a:lnTo>
                  <a:pt x="1874152" y="321336"/>
                </a:lnTo>
                <a:lnTo>
                  <a:pt x="1925849" y="321336"/>
                </a:lnTo>
                <a:lnTo>
                  <a:pt x="1925849" y="269640"/>
                </a:lnTo>
                <a:close/>
                <a:moveTo>
                  <a:pt x="1747799" y="266381"/>
                </a:moveTo>
                <a:lnTo>
                  <a:pt x="1747799" y="324595"/>
                </a:lnTo>
                <a:lnTo>
                  <a:pt x="1806013" y="324595"/>
                </a:lnTo>
                <a:lnTo>
                  <a:pt x="1806013" y="266381"/>
                </a:lnTo>
                <a:close/>
                <a:moveTo>
                  <a:pt x="1621705" y="263344"/>
                </a:moveTo>
                <a:lnTo>
                  <a:pt x="1621705" y="327632"/>
                </a:lnTo>
                <a:lnTo>
                  <a:pt x="1685993" y="327632"/>
                </a:lnTo>
                <a:lnTo>
                  <a:pt x="1685993" y="263344"/>
                </a:lnTo>
                <a:close/>
                <a:moveTo>
                  <a:pt x="1495389" y="260085"/>
                </a:moveTo>
                <a:lnTo>
                  <a:pt x="1495389" y="330890"/>
                </a:lnTo>
                <a:lnTo>
                  <a:pt x="1566194" y="330890"/>
                </a:lnTo>
                <a:lnTo>
                  <a:pt x="1566194" y="260085"/>
                </a:lnTo>
                <a:close/>
                <a:moveTo>
                  <a:pt x="1369295" y="257049"/>
                </a:moveTo>
                <a:lnTo>
                  <a:pt x="1369295" y="333927"/>
                </a:lnTo>
                <a:lnTo>
                  <a:pt x="1446174" y="333927"/>
                </a:lnTo>
                <a:lnTo>
                  <a:pt x="1446174" y="257049"/>
                </a:lnTo>
                <a:close/>
                <a:moveTo>
                  <a:pt x="1243423" y="254235"/>
                </a:moveTo>
                <a:lnTo>
                  <a:pt x="1243423" y="336742"/>
                </a:lnTo>
                <a:lnTo>
                  <a:pt x="1325930" y="336742"/>
                </a:lnTo>
                <a:lnTo>
                  <a:pt x="1325930" y="254235"/>
                </a:lnTo>
                <a:close/>
                <a:moveTo>
                  <a:pt x="1117736" y="251605"/>
                </a:moveTo>
                <a:lnTo>
                  <a:pt x="1117736" y="339334"/>
                </a:lnTo>
                <a:lnTo>
                  <a:pt x="1205465" y="339334"/>
                </a:lnTo>
                <a:lnTo>
                  <a:pt x="1205465" y="251605"/>
                </a:lnTo>
                <a:close/>
                <a:moveTo>
                  <a:pt x="992309" y="249235"/>
                </a:moveTo>
                <a:lnTo>
                  <a:pt x="992309" y="341741"/>
                </a:lnTo>
                <a:lnTo>
                  <a:pt x="1084815" y="341741"/>
                </a:lnTo>
                <a:lnTo>
                  <a:pt x="1084815" y="249235"/>
                </a:lnTo>
                <a:close/>
                <a:moveTo>
                  <a:pt x="867067" y="247050"/>
                </a:moveTo>
                <a:lnTo>
                  <a:pt x="867067" y="343889"/>
                </a:lnTo>
                <a:lnTo>
                  <a:pt x="963906" y="343889"/>
                </a:lnTo>
                <a:lnTo>
                  <a:pt x="963906" y="247050"/>
                </a:lnTo>
                <a:close/>
                <a:moveTo>
                  <a:pt x="742269" y="245309"/>
                </a:moveTo>
                <a:lnTo>
                  <a:pt x="742269" y="345629"/>
                </a:lnTo>
                <a:lnTo>
                  <a:pt x="842589" y="345629"/>
                </a:lnTo>
                <a:lnTo>
                  <a:pt x="842589" y="245309"/>
                </a:lnTo>
                <a:close/>
                <a:moveTo>
                  <a:pt x="617693" y="243793"/>
                </a:moveTo>
                <a:lnTo>
                  <a:pt x="617693" y="347148"/>
                </a:lnTo>
                <a:lnTo>
                  <a:pt x="721049" y="347148"/>
                </a:lnTo>
                <a:lnTo>
                  <a:pt x="721049" y="243793"/>
                </a:lnTo>
                <a:close/>
                <a:moveTo>
                  <a:pt x="493340" y="242496"/>
                </a:moveTo>
                <a:lnTo>
                  <a:pt x="493340" y="348482"/>
                </a:lnTo>
                <a:lnTo>
                  <a:pt x="599326" y="348482"/>
                </a:lnTo>
                <a:lnTo>
                  <a:pt x="599326" y="242496"/>
                </a:lnTo>
                <a:close/>
                <a:moveTo>
                  <a:pt x="369394" y="241607"/>
                </a:moveTo>
                <a:lnTo>
                  <a:pt x="369394" y="349332"/>
                </a:lnTo>
                <a:lnTo>
                  <a:pt x="477120" y="349332"/>
                </a:lnTo>
                <a:lnTo>
                  <a:pt x="477120" y="241607"/>
                </a:lnTo>
                <a:close/>
                <a:moveTo>
                  <a:pt x="245485" y="240755"/>
                </a:moveTo>
                <a:lnTo>
                  <a:pt x="245485" y="350222"/>
                </a:lnTo>
                <a:lnTo>
                  <a:pt x="354952" y="350222"/>
                </a:lnTo>
                <a:lnTo>
                  <a:pt x="354952" y="240755"/>
                </a:lnTo>
                <a:close/>
                <a:moveTo>
                  <a:pt x="121983" y="240312"/>
                </a:moveTo>
                <a:lnTo>
                  <a:pt x="121983" y="350630"/>
                </a:lnTo>
                <a:lnTo>
                  <a:pt x="232301" y="350630"/>
                </a:lnTo>
                <a:lnTo>
                  <a:pt x="232301" y="240312"/>
                </a:lnTo>
                <a:close/>
                <a:moveTo>
                  <a:pt x="4484019" y="172204"/>
                </a:moveTo>
                <a:lnTo>
                  <a:pt x="4484019" y="172648"/>
                </a:lnTo>
                <a:lnTo>
                  <a:pt x="4484463" y="172648"/>
                </a:lnTo>
                <a:lnTo>
                  <a:pt x="4484463" y="172204"/>
                </a:lnTo>
                <a:close/>
                <a:moveTo>
                  <a:pt x="4360961" y="172204"/>
                </a:moveTo>
                <a:lnTo>
                  <a:pt x="4360961" y="172648"/>
                </a:lnTo>
                <a:lnTo>
                  <a:pt x="4361405" y="172648"/>
                </a:lnTo>
                <a:lnTo>
                  <a:pt x="4361405" y="172204"/>
                </a:lnTo>
                <a:close/>
                <a:moveTo>
                  <a:pt x="4237904" y="172204"/>
                </a:moveTo>
                <a:lnTo>
                  <a:pt x="4237904" y="172648"/>
                </a:lnTo>
                <a:lnTo>
                  <a:pt x="4238348" y="172648"/>
                </a:lnTo>
                <a:lnTo>
                  <a:pt x="4238348" y="172204"/>
                </a:lnTo>
                <a:close/>
                <a:moveTo>
                  <a:pt x="4114847" y="172204"/>
                </a:moveTo>
                <a:lnTo>
                  <a:pt x="4114847" y="172648"/>
                </a:lnTo>
                <a:lnTo>
                  <a:pt x="4115291" y="172648"/>
                </a:lnTo>
                <a:lnTo>
                  <a:pt x="4115291" y="172204"/>
                </a:lnTo>
                <a:close/>
                <a:moveTo>
                  <a:pt x="5714629" y="172203"/>
                </a:moveTo>
                <a:lnTo>
                  <a:pt x="5714629" y="172647"/>
                </a:lnTo>
                <a:lnTo>
                  <a:pt x="5715073" y="172647"/>
                </a:lnTo>
                <a:lnTo>
                  <a:pt x="5715073" y="172203"/>
                </a:lnTo>
                <a:close/>
                <a:moveTo>
                  <a:pt x="5591572" y="172203"/>
                </a:moveTo>
                <a:lnTo>
                  <a:pt x="5591572" y="172647"/>
                </a:lnTo>
                <a:lnTo>
                  <a:pt x="5592017" y="172647"/>
                </a:lnTo>
                <a:lnTo>
                  <a:pt x="5592017" y="172203"/>
                </a:lnTo>
                <a:close/>
                <a:moveTo>
                  <a:pt x="5468514" y="172203"/>
                </a:moveTo>
                <a:lnTo>
                  <a:pt x="5468514" y="172647"/>
                </a:lnTo>
                <a:lnTo>
                  <a:pt x="5468958" y="172647"/>
                </a:lnTo>
                <a:lnTo>
                  <a:pt x="5468958" y="172203"/>
                </a:lnTo>
                <a:close/>
                <a:moveTo>
                  <a:pt x="5345457" y="172203"/>
                </a:moveTo>
                <a:lnTo>
                  <a:pt x="5345457" y="172647"/>
                </a:lnTo>
                <a:lnTo>
                  <a:pt x="5345901" y="172647"/>
                </a:lnTo>
                <a:lnTo>
                  <a:pt x="5345901" y="172203"/>
                </a:lnTo>
                <a:close/>
                <a:moveTo>
                  <a:pt x="5222400" y="172203"/>
                </a:moveTo>
                <a:lnTo>
                  <a:pt x="5222400" y="172647"/>
                </a:lnTo>
                <a:lnTo>
                  <a:pt x="5222844" y="172647"/>
                </a:lnTo>
                <a:lnTo>
                  <a:pt x="5222844" y="172203"/>
                </a:lnTo>
                <a:close/>
                <a:moveTo>
                  <a:pt x="5099305" y="172203"/>
                </a:moveTo>
                <a:lnTo>
                  <a:pt x="5099305" y="172647"/>
                </a:lnTo>
                <a:lnTo>
                  <a:pt x="5099749" y="172647"/>
                </a:lnTo>
                <a:lnTo>
                  <a:pt x="5099749" y="172203"/>
                </a:lnTo>
                <a:close/>
                <a:moveTo>
                  <a:pt x="4976248" y="172203"/>
                </a:moveTo>
                <a:lnTo>
                  <a:pt x="4976248" y="172647"/>
                </a:lnTo>
                <a:lnTo>
                  <a:pt x="4976692" y="172647"/>
                </a:lnTo>
                <a:lnTo>
                  <a:pt x="4976692" y="172203"/>
                </a:lnTo>
                <a:close/>
                <a:moveTo>
                  <a:pt x="4853191" y="172203"/>
                </a:moveTo>
                <a:lnTo>
                  <a:pt x="4853191" y="172647"/>
                </a:lnTo>
                <a:lnTo>
                  <a:pt x="4853636" y="172647"/>
                </a:lnTo>
                <a:lnTo>
                  <a:pt x="4853636" y="172203"/>
                </a:lnTo>
                <a:close/>
                <a:moveTo>
                  <a:pt x="4730133" y="172203"/>
                </a:moveTo>
                <a:lnTo>
                  <a:pt x="4730133" y="172648"/>
                </a:lnTo>
                <a:lnTo>
                  <a:pt x="4730578" y="172648"/>
                </a:lnTo>
                <a:lnTo>
                  <a:pt x="4730578" y="172203"/>
                </a:lnTo>
                <a:close/>
                <a:moveTo>
                  <a:pt x="3991567" y="171981"/>
                </a:moveTo>
                <a:lnTo>
                  <a:pt x="3991567" y="172833"/>
                </a:lnTo>
                <a:lnTo>
                  <a:pt x="3992419" y="172833"/>
                </a:lnTo>
                <a:lnTo>
                  <a:pt x="3992419" y="171981"/>
                </a:lnTo>
                <a:close/>
                <a:moveTo>
                  <a:pt x="3868510" y="171981"/>
                </a:moveTo>
                <a:lnTo>
                  <a:pt x="3868510" y="172833"/>
                </a:lnTo>
                <a:lnTo>
                  <a:pt x="3869362" y="172833"/>
                </a:lnTo>
                <a:lnTo>
                  <a:pt x="3869362" y="171981"/>
                </a:lnTo>
                <a:close/>
                <a:moveTo>
                  <a:pt x="3745230" y="171759"/>
                </a:moveTo>
                <a:lnTo>
                  <a:pt x="3745230" y="173055"/>
                </a:lnTo>
                <a:lnTo>
                  <a:pt x="3746526" y="173055"/>
                </a:lnTo>
                <a:lnTo>
                  <a:pt x="3746526" y="171759"/>
                </a:lnTo>
                <a:close/>
                <a:moveTo>
                  <a:pt x="3621729" y="171314"/>
                </a:moveTo>
                <a:lnTo>
                  <a:pt x="3621729" y="173499"/>
                </a:lnTo>
                <a:lnTo>
                  <a:pt x="3623914" y="173499"/>
                </a:lnTo>
                <a:lnTo>
                  <a:pt x="3623914" y="171314"/>
                </a:lnTo>
                <a:close/>
                <a:moveTo>
                  <a:pt x="3498227" y="170907"/>
                </a:moveTo>
                <a:lnTo>
                  <a:pt x="3498227" y="173944"/>
                </a:lnTo>
                <a:lnTo>
                  <a:pt x="3501264" y="173944"/>
                </a:lnTo>
                <a:lnTo>
                  <a:pt x="3501264" y="170907"/>
                </a:lnTo>
                <a:close/>
                <a:moveTo>
                  <a:pt x="3374540" y="170240"/>
                </a:moveTo>
                <a:lnTo>
                  <a:pt x="3374540" y="174573"/>
                </a:lnTo>
                <a:lnTo>
                  <a:pt x="3378873" y="174573"/>
                </a:lnTo>
                <a:lnTo>
                  <a:pt x="3378873" y="170240"/>
                </a:lnTo>
                <a:close/>
                <a:moveTo>
                  <a:pt x="3250594" y="169389"/>
                </a:moveTo>
                <a:lnTo>
                  <a:pt x="3250594" y="175462"/>
                </a:lnTo>
                <a:lnTo>
                  <a:pt x="3256667" y="175462"/>
                </a:lnTo>
                <a:lnTo>
                  <a:pt x="3256667" y="169389"/>
                </a:lnTo>
                <a:close/>
                <a:moveTo>
                  <a:pt x="3126685" y="168500"/>
                </a:moveTo>
                <a:lnTo>
                  <a:pt x="3126685" y="176314"/>
                </a:lnTo>
                <a:lnTo>
                  <a:pt x="3134499" y="176314"/>
                </a:lnTo>
                <a:lnTo>
                  <a:pt x="3134499" y="168500"/>
                </a:lnTo>
                <a:close/>
                <a:moveTo>
                  <a:pt x="3002295" y="167205"/>
                </a:moveTo>
                <a:lnTo>
                  <a:pt x="3002295" y="177611"/>
                </a:lnTo>
                <a:lnTo>
                  <a:pt x="3012701" y="177611"/>
                </a:lnTo>
                <a:lnTo>
                  <a:pt x="3012701" y="167205"/>
                </a:lnTo>
                <a:close/>
                <a:moveTo>
                  <a:pt x="2877941" y="165908"/>
                </a:moveTo>
                <a:lnTo>
                  <a:pt x="2877941" y="178944"/>
                </a:lnTo>
                <a:lnTo>
                  <a:pt x="2890976" y="178944"/>
                </a:lnTo>
                <a:lnTo>
                  <a:pt x="2890976" y="165908"/>
                </a:lnTo>
                <a:close/>
                <a:moveTo>
                  <a:pt x="2753143" y="164169"/>
                </a:moveTo>
                <a:lnTo>
                  <a:pt x="2753143" y="180685"/>
                </a:lnTo>
                <a:lnTo>
                  <a:pt x="2769659" y="180685"/>
                </a:lnTo>
                <a:lnTo>
                  <a:pt x="2769659" y="164169"/>
                </a:lnTo>
                <a:close/>
                <a:moveTo>
                  <a:pt x="2628123" y="162206"/>
                </a:moveTo>
                <a:lnTo>
                  <a:pt x="2628123" y="182610"/>
                </a:lnTo>
                <a:lnTo>
                  <a:pt x="2648528" y="182610"/>
                </a:lnTo>
                <a:lnTo>
                  <a:pt x="2648528" y="162206"/>
                </a:lnTo>
                <a:close/>
                <a:moveTo>
                  <a:pt x="2502881" y="160021"/>
                </a:moveTo>
                <a:lnTo>
                  <a:pt x="2502881" y="184795"/>
                </a:lnTo>
                <a:lnTo>
                  <a:pt x="2527655" y="184795"/>
                </a:lnTo>
                <a:lnTo>
                  <a:pt x="2527655" y="160021"/>
                </a:lnTo>
                <a:close/>
                <a:moveTo>
                  <a:pt x="2377454" y="157614"/>
                </a:moveTo>
                <a:lnTo>
                  <a:pt x="2377454" y="187165"/>
                </a:lnTo>
                <a:lnTo>
                  <a:pt x="2407005" y="187165"/>
                </a:lnTo>
                <a:lnTo>
                  <a:pt x="2407005" y="157614"/>
                </a:lnTo>
                <a:close/>
                <a:moveTo>
                  <a:pt x="2251767" y="155059"/>
                </a:moveTo>
                <a:lnTo>
                  <a:pt x="2251767" y="189795"/>
                </a:lnTo>
                <a:lnTo>
                  <a:pt x="2286503" y="189795"/>
                </a:lnTo>
                <a:lnTo>
                  <a:pt x="2286503" y="155059"/>
                </a:lnTo>
                <a:close/>
                <a:moveTo>
                  <a:pt x="2125895" y="152207"/>
                </a:moveTo>
                <a:lnTo>
                  <a:pt x="2125895" y="192609"/>
                </a:lnTo>
                <a:lnTo>
                  <a:pt x="2166297" y="192609"/>
                </a:lnTo>
                <a:lnTo>
                  <a:pt x="2166297" y="152207"/>
                </a:lnTo>
                <a:close/>
                <a:moveTo>
                  <a:pt x="2000024" y="149392"/>
                </a:moveTo>
                <a:lnTo>
                  <a:pt x="2000024" y="195423"/>
                </a:lnTo>
                <a:lnTo>
                  <a:pt x="2046055" y="195423"/>
                </a:lnTo>
                <a:lnTo>
                  <a:pt x="2046055" y="149392"/>
                </a:lnTo>
                <a:close/>
                <a:moveTo>
                  <a:pt x="1873930" y="146356"/>
                </a:moveTo>
                <a:lnTo>
                  <a:pt x="1873930" y="198460"/>
                </a:lnTo>
                <a:lnTo>
                  <a:pt x="1926034" y="198460"/>
                </a:lnTo>
                <a:lnTo>
                  <a:pt x="1926034" y="146356"/>
                </a:lnTo>
                <a:close/>
                <a:moveTo>
                  <a:pt x="1747799" y="143283"/>
                </a:moveTo>
                <a:lnTo>
                  <a:pt x="1747799" y="201497"/>
                </a:lnTo>
                <a:lnTo>
                  <a:pt x="1806013" y="201497"/>
                </a:lnTo>
                <a:lnTo>
                  <a:pt x="1806013" y="143283"/>
                </a:lnTo>
                <a:close/>
                <a:moveTo>
                  <a:pt x="1621482" y="140023"/>
                </a:moveTo>
                <a:lnTo>
                  <a:pt x="1621482" y="204755"/>
                </a:lnTo>
                <a:lnTo>
                  <a:pt x="1686214" y="204755"/>
                </a:lnTo>
                <a:lnTo>
                  <a:pt x="1686214" y="140023"/>
                </a:lnTo>
                <a:close/>
                <a:moveTo>
                  <a:pt x="1495389" y="137025"/>
                </a:moveTo>
                <a:lnTo>
                  <a:pt x="1495389" y="207829"/>
                </a:lnTo>
                <a:lnTo>
                  <a:pt x="1566194" y="207829"/>
                </a:lnTo>
                <a:lnTo>
                  <a:pt x="1566194" y="137025"/>
                </a:lnTo>
                <a:close/>
                <a:moveTo>
                  <a:pt x="1369517" y="134211"/>
                </a:moveTo>
                <a:lnTo>
                  <a:pt x="1369517" y="210645"/>
                </a:lnTo>
                <a:lnTo>
                  <a:pt x="1445951" y="210645"/>
                </a:lnTo>
                <a:lnTo>
                  <a:pt x="1445951" y="134211"/>
                </a:lnTo>
                <a:close/>
                <a:moveTo>
                  <a:pt x="1243645" y="131359"/>
                </a:moveTo>
                <a:lnTo>
                  <a:pt x="1243645" y="213459"/>
                </a:lnTo>
                <a:lnTo>
                  <a:pt x="1325745" y="213459"/>
                </a:lnTo>
                <a:lnTo>
                  <a:pt x="1325745" y="131359"/>
                </a:lnTo>
                <a:close/>
                <a:moveTo>
                  <a:pt x="1117958" y="128767"/>
                </a:moveTo>
                <a:lnTo>
                  <a:pt x="1117958" y="216051"/>
                </a:lnTo>
                <a:lnTo>
                  <a:pt x="1205243" y="216051"/>
                </a:lnTo>
                <a:lnTo>
                  <a:pt x="1205243" y="128767"/>
                </a:lnTo>
                <a:close/>
                <a:moveTo>
                  <a:pt x="992531" y="126396"/>
                </a:moveTo>
                <a:lnTo>
                  <a:pt x="992531" y="218458"/>
                </a:lnTo>
                <a:lnTo>
                  <a:pt x="1084592" y="218458"/>
                </a:lnTo>
                <a:lnTo>
                  <a:pt x="1084592" y="126396"/>
                </a:lnTo>
                <a:close/>
                <a:moveTo>
                  <a:pt x="867289" y="124211"/>
                </a:moveTo>
                <a:lnTo>
                  <a:pt x="867289" y="220643"/>
                </a:lnTo>
                <a:lnTo>
                  <a:pt x="963720" y="220643"/>
                </a:lnTo>
                <a:lnTo>
                  <a:pt x="963720" y="124211"/>
                </a:lnTo>
                <a:close/>
                <a:moveTo>
                  <a:pt x="742491" y="122435"/>
                </a:moveTo>
                <a:lnTo>
                  <a:pt x="742491" y="222347"/>
                </a:lnTo>
                <a:lnTo>
                  <a:pt x="842403" y="222347"/>
                </a:lnTo>
                <a:lnTo>
                  <a:pt x="842403" y="122435"/>
                </a:lnTo>
                <a:close/>
                <a:moveTo>
                  <a:pt x="617693" y="120731"/>
                </a:moveTo>
                <a:lnTo>
                  <a:pt x="617693" y="224087"/>
                </a:lnTo>
                <a:lnTo>
                  <a:pt x="721049" y="224087"/>
                </a:lnTo>
                <a:lnTo>
                  <a:pt x="721049" y="120731"/>
                </a:lnTo>
                <a:close/>
                <a:moveTo>
                  <a:pt x="493525" y="119657"/>
                </a:moveTo>
                <a:lnTo>
                  <a:pt x="493525" y="225198"/>
                </a:lnTo>
                <a:lnTo>
                  <a:pt x="599066" y="225198"/>
                </a:lnTo>
                <a:lnTo>
                  <a:pt x="599066" y="119657"/>
                </a:lnTo>
                <a:close/>
                <a:moveTo>
                  <a:pt x="369394" y="118546"/>
                </a:moveTo>
                <a:lnTo>
                  <a:pt x="369394" y="226272"/>
                </a:lnTo>
                <a:lnTo>
                  <a:pt x="477120" y="226272"/>
                </a:lnTo>
                <a:lnTo>
                  <a:pt x="477120" y="118546"/>
                </a:lnTo>
                <a:close/>
                <a:moveTo>
                  <a:pt x="245670" y="117917"/>
                </a:moveTo>
                <a:lnTo>
                  <a:pt x="245670" y="226939"/>
                </a:lnTo>
                <a:lnTo>
                  <a:pt x="354692" y="226939"/>
                </a:lnTo>
                <a:lnTo>
                  <a:pt x="354692" y="117917"/>
                </a:lnTo>
                <a:close/>
                <a:moveTo>
                  <a:pt x="121983" y="117250"/>
                </a:moveTo>
                <a:lnTo>
                  <a:pt x="121983" y="227568"/>
                </a:lnTo>
                <a:lnTo>
                  <a:pt x="232301" y="227568"/>
                </a:lnTo>
                <a:lnTo>
                  <a:pt x="232301" y="117250"/>
                </a:lnTo>
                <a:close/>
                <a:moveTo>
                  <a:pt x="4976248" y="49105"/>
                </a:moveTo>
                <a:lnTo>
                  <a:pt x="4976248" y="49549"/>
                </a:lnTo>
                <a:lnTo>
                  <a:pt x="4976692" y="49549"/>
                </a:lnTo>
                <a:lnTo>
                  <a:pt x="4976692" y="49105"/>
                </a:lnTo>
                <a:close/>
                <a:moveTo>
                  <a:pt x="4853191" y="49105"/>
                </a:moveTo>
                <a:lnTo>
                  <a:pt x="4853191" y="49549"/>
                </a:lnTo>
                <a:lnTo>
                  <a:pt x="4853636" y="49549"/>
                </a:lnTo>
                <a:lnTo>
                  <a:pt x="4853636" y="49105"/>
                </a:lnTo>
                <a:close/>
                <a:moveTo>
                  <a:pt x="4730133" y="49105"/>
                </a:moveTo>
                <a:lnTo>
                  <a:pt x="4730133" y="49549"/>
                </a:lnTo>
                <a:lnTo>
                  <a:pt x="4730578" y="49549"/>
                </a:lnTo>
                <a:lnTo>
                  <a:pt x="4730578" y="49105"/>
                </a:lnTo>
                <a:close/>
                <a:moveTo>
                  <a:pt x="4484019" y="49105"/>
                </a:moveTo>
                <a:lnTo>
                  <a:pt x="4484019" y="49549"/>
                </a:lnTo>
                <a:lnTo>
                  <a:pt x="4484463" y="49549"/>
                </a:lnTo>
                <a:lnTo>
                  <a:pt x="4484463" y="49105"/>
                </a:lnTo>
                <a:close/>
                <a:moveTo>
                  <a:pt x="4360961" y="49105"/>
                </a:moveTo>
                <a:lnTo>
                  <a:pt x="4360961" y="49549"/>
                </a:lnTo>
                <a:lnTo>
                  <a:pt x="4361405" y="49549"/>
                </a:lnTo>
                <a:lnTo>
                  <a:pt x="4361405" y="49105"/>
                </a:lnTo>
                <a:close/>
                <a:moveTo>
                  <a:pt x="4237904" y="49105"/>
                </a:moveTo>
                <a:lnTo>
                  <a:pt x="4237904" y="49549"/>
                </a:lnTo>
                <a:lnTo>
                  <a:pt x="4238348" y="49549"/>
                </a:lnTo>
                <a:lnTo>
                  <a:pt x="4238348" y="49105"/>
                </a:lnTo>
                <a:close/>
                <a:moveTo>
                  <a:pt x="4114847" y="49105"/>
                </a:moveTo>
                <a:lnTo>
                  <a:pt x="4114847" y="49549"/>
                </a:lnTo>
                <a:lnTo>
                  <a:pt x="4115291" y="49549"/>
                </a:lnTo>
                <a:lnTo>
                  <a:pt x="4115291" y="49105"/>
                </a:lnTo>
                <a:close/>
                <a:moveTo>
                  <a:pt x="3991789" y="49105"/>
                </a:moveTo>
                <a:lnTo>
                  <a:pt x="3991789" y="49549"/>
                </a:lnTo>
                <a:lnTo>
                  <a:pt x="3992234" y="49549"/>
                </a:lnTo>
                <a:lnTo>
                  <a:pt x="3992234" y="49105"/>
                </a:lnTo>
                <a:close/>
                <a:moveTo>
                  <a:pt x="5714629" y="49104"/>
                </a:moveTo>
                <a:lnTo>
                  <a:pt x="5714629" y="49548"/>
                </a:lnTo>
                <a:lnTo>
                  <a:pt x="5715073" y="49548"/>
                </a:lnTo>
                <a:lnTo>
                  <a:pt x="5715073" y="49104"/>
                </a:lnTo>
                <a:close/>
                <a:moveTo>
                  <a:pt x="5591572" y="49104"/>
                </a:moveTo>
                <a:lnTo>
                  <a:pt x="5591572" y="49548"/>
                </a:lnTo>
                <a:lnTo>
                  <a:pt x="5592017" y="49548"/>
                </a:lnTo>
                <a:lnTo>
                  <a:pt x="5592017" y="49104"/>
                </a:lnTo>
                <a:close/>
                <a:moveTo>
                  <a:pt x="5468514" y="49104"/>
                </a:moveTo>
                <a:lnTo>
                  <a:pt x="5468514" y="49548"/>
                </a:lnTo>
                <a:lnTo>
                  <a:pt x="5468958" y="49548"/>
                </a:lnTo>
                <a:lnTo>
                  <a:pt x="5468958" y="49104"/>
                </a:lnTo>
                <a:close/>
                <a:moveTo>
                  <a:pt x="5345457" y="49104"/>
                </a:moveTo>
                <a:lnTo>
                  <a:pt x="5345457" y="49548"/>
                </a:lnTo>
                <a:lnTo>
                  <a:pt x="5345901" y="49548"/>
                </a:lnTo>
                <a:lnTo>
                  <a:pt x="5345901" y="49104"/>
                </a:lnTo>
                <a:close/>
                <a:moveTo>
                  <a:pt x="5222400" y="49104"/>
                </a:moveTo>
                <a:lnTo>
                  <a:pt x="5222400" y="49548"/>
                </a:lnTo>
                <a:lnTo>
                  <a:pt x="5222844" y="49548"/>
                </a:lnTo>
                <a:lnTo>
                  <a:pt x="5222844" y="49104"/>
                </a:lnTo>
                <a:close/>
                <a:moveTo>
                  <a:pt x="5099305" y="49104"/>
                </a:moveTo>
                <a:lnTo>
                  <a:pt x="5099305" y="49548"/>
                </a:lnTo>
                <a:lnTo>
                  <a:pt x="5099749" y="49548"/>
                </a:lnTo>
                <a:lnTo>
                  <a:pt x="5099749" y="49104"/>
                </a:lnTo>
                <a:close/>
                <a:moveTo>
                  <a:pt x="3868510" y="48920"/>
                </a:moveTo>
                <a:lnTo>
                  <a:pt x="3868510" y="49772"/>
                </a:lnTo>
                <a:lnTo>
                  <a:pt x="3869362" y="49772"/>
                </a:lnTo>
                <a:lnTo>
                  <a:pt x="3869362" y="48920"/>
                </a:lnTo>
                <a:close/>
                <a:moveTo>
                  <a:pt x="3745230" y="48698"/>
                </a:moveTo>
                <a:lnTo>
                  <a:pt x="3745230" y="49994"/>
                </a:lnTo>
                <a:lnTo>
                  <a:pt x="3746526" y="49994"/>
                </a:lnTo>
                <a:lnTo>
                  <a:pt x="3746526" y="48698"/>
                </a:lnTo>
                <a:close/>
                <a:moveTo>
                  <a:pt x="3621729" y="48253"/>
                </a:moveTo>
                <a:lnTo>
                  <a:pt x="3621729" y="50438"/>
                </a:lnTo>
                <a:lnTo>
                  <a:pt x="3623914" y="50438"/>
                </a:lnTo>
                <a:lnTo>
                  <a:pt x="3623914" y="48253"/>
                </a:lnTo>
                <a:close/>
                <a:moveTo>
                  <a:pt x="3498227" y="47847"/>
                </a:moveTo>
                <a:lnTo>
                  <a:pt x="3498227" y="50883"/>
                </a:lnTo>
                <a:lnTo>
                  <a:pt x="3501264" y="50883"/>
                </a:lnTo>
                <a:lnTo>
                  <a:pt x="3501264" y="47847"/>
                </a:lnTo>
                <a:close/>
                <a:moveTo>
                  <a:pt x="3374540" y="47180"/>
                </a:moveTo>
                <a:lnTo>
                  <a:pt x="3374540" y="51513"/>
                </a:lnTo>
                <a:lnTo>
                  <a:pt x="3378873" y="51513"/>
                </a:lnTo>
                <a:lnTo>
                  <a:pt x="3378873" y="47180"/>
                </a:lnTo>
                <a:close/>
                <a:moveTo>
                  <a:pt x="3250816" y="46551"/>
                </a:moveTo>
                <a:lnTo>
                  <a:pt x="3250816" y="52180"/>
                </a:lnTo>
                <a:lnTo>
                  <a:pt x="3256445" y="52180"/>
                </a:lnTo>
                <a:lnTo>
                  <a:pt x="3256445" y="46551"/>
                </a:lnTo>
                <a:close/>
                <a:moveTo>
                  <a:pt x="3126870" y="45661"/>
                </a:moveTo>
                <a:lnTo>
                  <a:pt x="3126870" y="53031"/>
                </a:lnTo>
                <a:lnTo>
                  <a:pt x="3134239" y="53031"/>
                </a:lnTo>
                <a:lnTo>
                  <a:pt x="3134239" y="45661"/>
                </a:lnTo>
                <a:close/>
                <a:moveTo>
                  <a:pt x="3002517" y="44329"/>
                </a:moveTo>
                <a:lnTo>
                  <a:pt x="3002517" y="54327"/>
                </a:lnTo>
                <a:lnTo>
                  <a:pt x="3012516" y="54327"/>
                </a:lnTo>
                <a:lnTo>
                  <a:pt x="3012516" y="44329"/>
                </a:lnTo>
                <a:close/>
                <a:moveTo>
                  <a:pt x="2878385" y="43291"/>
                </a:moveTo>
                <a:lnTo>
                  <a:pt x="2878385" y="55438"/>
                </a:lnTo>
                <a:lnTo>
                  <a:pt x="2890532" y="55438"/>
                </a:lnTo>
                <a:lnTo>
                  <a:pt x="2890532" y="43291"/>
                </a:lnTo>
                <a:close/>
                <a:moveTo>
                  <a:pt x="2753588" y="41551"/>
                </a:moveTo>
                <a:lnTo>
                  <a:pt x="2753588" y="57179"/>
                </a:lnTo>
                <a:lnTo>
                  <a:pt x="2769215" y="57179"/>
                </a:lnTo>
                <a:lnTo>
                  <a:pt x="2769215" y="41551"/>
                </a:lnTo>
                <a:close/>
                <a:moveTo>
                  <a:pt x="2628790" y="39810"/>
                </a:moveTo>
                <a:lnTo>
                  <a:pt x="2628790" y="58919"/>
                </a:lnTo>
                <a:lnTo>
                  <a:pt x="2647898" y="58919"/>
                </a:lnTo>
                <a:lnTo>
                  <a:pt x="2647898" y="39810"/>
                </a:lnTo>
                <a:close/>
                <a:moveTo>
                  <a:pt x="2503770" y="37811"/>
                </a:moveTo>
                <a:lnTo>
                  <a:pt x="2503770" y="60845"/>
                </a:lnTo>
                <a:lnTo>
                  <a:pt x="2526804" y="60845"/>
                </a:lnTo>
                <a:lnTo>
                  <a:pt x="2526804" y="37811"/>
                </a:lnTo>
                <a:close/>
                <a:moveTo>
                  <a:pt x="2378305" y="35441"/>
                </a:moveTo>
                <a:lnTo>
                  <a:pt x="2378305" y="63252"/>
                </a:lnTo>
                <a:lnTo>
                  <a:pt x="2406116" y="63252"/>
                </a:lnTo>
                <a:lnTo>
                  <a:pt x="2406116" y="35441"/>
                </a:lnTo>
                <a:close/>
                <a:moveTo>
                  <a:pt x="2253100" y="33293"/>
                </a:moveTo>
                <a:lnTo>
                  <a:pt x="2253100" y="65437"/>
                </a:lnTo>
                <a:lnTo>
                  <a:pt x="2285244" y="65437"/>
                </a:lnTo>
                <a:lnTo>
                  <a:pt x="2285244" y="33293"/>
                </a:lnTo>
                <a:close/>
                <a:moveTo>
                  <a:pt x="2127414" y="30664"/>
                </a:moveTo>
                <a:lnTo>
                  <a:pt x="2127414" y="68029"/>
                </a:lnTo>
                <a:lnTo>
                  <a:pt x="2164779" y="68029"/>
                </a:lnTo>
                <a:lnTo>
                  <a:pt x="2164779" y="30664"/>
                </a:lnTo>
                <a:close/>
                <a:moveTo>
                  <a:pt x="2001764" y="28073"/>
                </a:moveTo>
                <a:lnTo>
                  <a:pt x="2001764" y="70623"/>
                </a:lnTo>
                <a:lnTo>
                  <a:pt x="2044314" y="70623"/>
                </a:lnTo>
                <a:lnTo>
                  <a:pt x="2044314" y="28073"/>
                </a:lnTo>
                <a:close/>
                <a:moveTo>
                  <a:pt x="1875855" y="25258"/>
                </a:moveTo>
                <a:lnTo>
                  <a:pt x="1875855" y="73474"/>
                </a:lnTo>
                <a:lnTo>
                  <a:pt x="1924071" y="73474"/>
                </a:lnTo>
                <a:lnTo>
                  <a:pt x="1924071" y="25258"/>
                </a:lnTo>
                <a:close/>
                <a:moveTo>
                  <a:pt x="1749984" y="22443"/>
                </a:moveTo>
                <a:lnTo>
                  <a:pt x="1749984" y="76288"/>
                </a:lnTo>
                <a:lnTo>
                  <a:pt x="1803829" y="76288"/>
                </a:lnTo>
                <a:lnTo>
                  <a:pt x="1803829" y="22443"/>
                </a:lnTo>
                <a:close/>
                <a:moveTo>
                  <a:pt x="1624112" y="19593"/>
                </a:moveTo>
                <a:lnTo>
                  <a:pt x="1624112" y="79103"/>
                </a:lnTo>
                <a:lnTo>
                  <a:pt x="1683622" y="79103"/>
                </a:lnTo>
                <a:lnTo>
                  <a:pt x="1683622" y="19593"/>
                </a:lnTo>
                <a:close/>
                <a:moveTo>
                  <a:pt x="1498203" y="16778"/>
                </a:moveTo>
                <a:lnTo>
                  <a:pt x="1498203" y="81917"/>
                </a:lnTo>
                <a:lnTo>
                  <a:pt x="1563342" y="81917"/>
                </a:lnTo>
                <a:lnTo>
                  <a:pt x="1563342" y="16778"/>
                </a:lnTo>
                <a:close/>
                <a:moveTo>
                  <a:pt x="1372331" y="13927"/>
                </a:moveTo>
                <a:lnTo>
                  <a:pt x="1372331" y="84732"/>
                </a:lnTo>
                <a:lnTo>
                  <a:pt x="1443136" y="84732"/>
                </a:lnTo>
                <a:lnTo>
                  <a:pt x="1443136" y="13927"/>
                </a:lnTo>
                <a:close/>
                <a:moveTo>
                  <a:pt x="1246682" y="11371"/>
                </a:moveTo>
                <a:lnTo>
                  <a:pt x="1246682" y="87361"/>
                </a:lnTo>
                <a:lnTo>
                  <a:pt x="1322672" y="87361"/>
                </a:lnTo>
                <a:lnTo>
                  <a:pt x="1322672" y="11371"/>
                </a:lnTo>
                <a:close/>
                <a:moveTo>
                  <a:pt x="1121217" y="8927"/>
                </a:moveTo>
                <a:lnTo>
                  <a:pt x="1121217" y="89731"/>
                </a:lnTo>
                <a:lnTo>
                  <a:pt x="1202021" y="89731"/>
                </a:lnTo>
                <a:lnTo>
                  <a:pt x="1202021" y="8927"/>
                </a:lnTo>
                <a:close/>
                <a:moveTo>
                  <a:pt x="995975" y="6779"/>
                </a:moveTo>
                <a:lnTo>
                  <a:pt x="995975" y="91916"/>
                </a:lnTo>
                <a:lnTo>
                  <a:pt x="1081112" y="91916"/>
                </a:lnTo>
                <a:lnTo>
                  <a:pt x="1081112" y="6779"/>
                </a:lnTo>
                <a:close/>
                <a:moveTo>
                  <a:pt x="870992" y="4854"/>
                </a:moveTo>
                <a:lnTo>
                  <a:pt x="870992" y="93879"/>
                </a:lnTo>
                <a:lnTo>
                  <a:pt x="960017" y="93879"/>
                </a:lnTo>
                <a:lnTo>
                  <a:pt x="960017" y="4854"/>
                </a:lnTo>
                <a:close/>
                <a:moveTo>
                  <a:pt x="746379" y="3336"/>
                </a:moveTo>
                <a:lnTo>
                  <a:pt x="746379" y="95397"/>
                </a:lnTo>
                <a:lnTo>
                  <a:pt x="838441" y="95397"/>
                </a:lnTo>
                <a:lnTo>
                  <a:pt x="838441" y="3336"/>
                </a:lnTo>
                <a:close/>
                <a:moveTo>
                  <a:pt x="621804" y="1780"/>
                </a:moveTo>
                <a:lnTo>
                  <a:pt x="621804" y="96915"/>
                </a:lnTo>
                <a:lnTo>
                  <a:pt x="716939" y="96915"/>
                </a:lnTo>
                <a:lnTo>
                  <a:pt x="716939" y="1780"/>
                </a:lnTo>
                <a:close/>
                <a:moveTo>
                  <a:pt x="497450" y="485"/>
                </a:moveTo>
                <a:lnTo>
                  <a:pt x="497450" y="98211"/>
                </a:lnTo>
                <a:lnTo>
                  <a:pt x="595177" y="98211"/>
                </a:lnTo>
                <a:lnTo>
                  <a:pt x="595177" y="485"/>
                </a:lnTo>
                <a:close/>
                <a:moveTo>
                  <a:pt x="0" y="0"/>
                </a:moveTo>
                <a:lnTo>
                  <a:pt x="4110" y="0"/>
                </a:lnTo>
                <a:lnTo>
                  <a:pt x="4110" y="99286"/>
                </a:lnTo>
                <a:lnTo>
                  <a:pt x="104022" y="99286"/>
                </a:lnTo>
                <a:lnTo>
                  <a:pt x="104022" y="0"/>
                </a:lnTo>
                <a:lnTo>
                  <a:pt x="126316" y="0"/>
                </a:lnTo>
                <a:lnTo>
                  <a:pt x="126316" y="100175"/>
                </a:lnTo>
                <a:lnTo>
                  <a:pt x="227932" y="100175"/>
                </a:lnTo>
                <a:lnTo>
                  <a:pt x="227932" y="0"/>
                </a:lnTo>
                <a:lnTo>
                  <a:pt x="249817" y="0"/>
                </a:lnTo>
                <a:lnTo>
                  <a:pt x="249817" y="99731"/>
                </a:lnTo>
                <a:lnTo>
                  <a:pt x="350581" y="99731"/>
                </a:lnTo>
                <a:lnTo>
                  <a:pt x="350581" y="0"/>
                </a:lnTo>
                <a:lnTo>
                  <a:pt x="373541" y="0"/>
                </a:lnTo>
                <a:lnTo>
                  <a:pt x="373541" y="99101"/>
                </a:lnTo>
                <a:lnTo>
                  <a:pt x="473009" y="99101"/>
                </a:lnTo>
                <a:lnTo>
                  <a:pt x="473009" y="0"/>
                </a:lnTo>
                <a:lnTo>
                  <a:pt x="6858000" y="0"/>
                </a:lnTo>
                <a:lnTo>
                  <a:pt x="6858000" y="6858000"/>
                </a:lnTo>
                <a:lnTo>
                  <a:pt x="0" y="6858000"/>
                </a:lnTo>
                <a:lnTo>
                  <a:pt x="0" y="1334076"/>
                </a:lnTo>
                <a:lnTo>
                  <a:pt x="108133" y="1334076"/>
                </a:lnTo>
                <a:lnTo>
                  <a:pt x="108133" y="1225940"/>
                </a:lnTo>
                <a:lnTo>
                  <a:pt x="0" y="1225940"/>
                </a:lnTo>
                <a:lnTo>
                  <a:pt x="0" y="1210979"/>
                </a:lnTo>
                <a:lnTo>
                  <a:pt x="108133" y="1210979"/>
                </a:lnTo>
                <a:lnTo>
                  <a:pt x="108133" y="1102847"/>
                </a:lnTo>
                <a:lnTo>
                  <a:pt x="0" y="1102847"/>
                </a:lnTo>
                <a:lnTo>
                  <a:pt x="0" y="1087922"/>
                </a:lnTo>
                <a:lnTo>
                  <a:pt x="108133" y="1087922"/>
                </a:lnTo>
                <a:lnTo>
                  <a:pt x="108133" y="979786"/>
                </a:lnTo>
                <a:lnTo>
                  <a:pt x="0" y="979786"/>
                </a:lnTo>
                <a:lnTo>
                  <a:pt x="0" y="964857"/>
                </a:lnTo>
                <a:lnTo>
                  <a:pt x="108133" y="964857"/>
                </a:lnTo>
                <a:lnTo>
                  <a:pt x="108133" y="856724"/>
                </a:lnTo>
                <a:lnTo>
                  <a:pt x="0" y="856724"/>
                </a:lnTo>
                <a:lnTo>
                  <a:pt x="0" y="841797"/>
                </a:lnTo>
                <a:lnTo>
                  <a:pt x="108133" y="841797"/>
                </a:lnTo>
                <a:lnTo>
                  <a:pt x="108133" y="733664"/>
                </a:lnTo>
                <a:lnTo>
                  <a:pt x="0" y="733664"/>
                </a:lnTo>
                <a:lnTo>
                  <a:pt x="0" y="718737"/>
                </a:lnTo>
                <a:lnTo>
                  <a:pt x="108133" y="718737"/>
                </a:lnTo>
                <a:lnTo>
                  <a:pt x="108133" y="610604"/>
                </a:lnTo>
                <a:lnTo>
                  <a:pt x="0" y="610604"/>
                </a:lnTo>
                <a:lnTo>
                  <a:pt x="0" y="595676"/>
                </a:lnTo>
                <a:lnTo>
                  <a:pt x="108133" y="595676"/>
                </a:lnTo>
                <a:lnTo>
                  <a:pt x="108133" y="487543"/>
                </a:lnTo>
                <a:lnTo>
                  <a:pt x="0" y="487543"/>
                </a:lnTo>
                <a:lnTo>
                  <a:pt x="0" y="472616"/>
                </a:lnTo>
                <a:lnTo>
                  <a:pt x="108133" y="472616"/>
                </a:lnTo>
                <a:lnTo>
                  <a:pt x="108133" y="364483"/>
                </a:lnTo>
                <a:lnTo>
                  <a:pt x="0" y="364483"/>
                </a:lnTo>
                <a:lnTo>
                  <a:pt x="0" y="349556"/>
                </a:lnTo>
                <a:lnTo>
                  <a:pt x="108133" y="349556"/>
                </a:lnTo>
                <a:lnTo>
                  <a:pt x="108133" y="241423"/>
                </a:lnTo>
                <a:lnTo>
                  <a:pt x="0" y="241423"/>
                </a:lnTo>
                <a:lnTo>
                  <a:pt x="0" y="226495"/>
                </a:lnTo>
                <a:lnTo>
                  <a:pt x="108133" y="226495"/>
                </a:lnTo>
                <a:lnTo>
                  <a:pt x="108133" y="118362"/>
                </a:lnTo>
                <a:lnTo>
                  <a:pt x="0" y="118362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bIns="36000" rtlCol="0" anchor="b" anchorCtr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A05D8B72-DED3-F1F2-3C2F-852CE51A94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Forside tittel</a:t>
            </a:r>
            <a:br>
              <a:rPr lang="nb-NO" dirty="0"/>
            </a:br>
            <a:r>
              <a:rPr lang="sv-se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CCC05987-278A-3BE5-31E0-04CC660B4CB5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sv-se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C57FC065-EE83-4ABC-5F27-E55DE4ED6F78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sv-se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37884405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  <p:hf hdr="0" ftr="0"/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18D01167-EC9B-4DA1-9501-6B598D187D7B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32FD52F3-3D07-4405-A309-88A2C9221435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BA4BF28F-B8B2-1ABB-2C7C-9FA0E9EEAB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BF8B23-FC9B-BE3C-B245-42CB1CB6145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0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5281613" y="1933200"/>
            <a:ext cx="6370386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8DD8C7AD-77F6-49A8-8B9B-5866599705B9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2277214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3F56B895-A601-C316-3FE9-FDAFC664131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FF832C59-83BE-60CE-D18C-68E2199885E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372000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sv-se" noProof="0"/>
              <a:t>Klikk for å legge til tekst     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8128000" y="1933200"/>
            <a:ext cx="3523999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737038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o spalter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EFF7DAE-2861-0252-B600-58BD09EF490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B10A8E8-976A-A987-63CF-06BD6366558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39999" y="1933200"/>
            <a:ext cx="54216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1599" y="1933200"/>
            <a:ext cx="54216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14846756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o spalt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Title 1">
            <a:extLst>
              <a:ext uri="{FF2B5EF4-FFF2-40B4-BE49-F238E27FC236}">
                <a16:creationId xmlns:a16="http://schemas.microsoft.com/office/drawing/2014/main" id="{E5FBEC2A-59B2-B531-2FF3-21923EAABA5D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5" name="Subtitle 2">
            <a:extLst>
              <a:ext uri="{FF2B5EF4-FFF2-40B4-BE49-F238E27FC236}">
                <a16:creationId xmlns:a16="http://schemas.microsoft.com/office/drawing/2014/main" id="{3204F2BC-BA9D-5625-D728-A4C533DED8F4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3E1D732-FF38-4354-9CD1-41E4B638AC37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540000" y="1933812"/>
            <a:ext cx="54180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sv-se" noProof="0"/>
              <a:t>Tittel på graf</a:t>
            </a:r>
            <a:endParaRPr lang="nb-NO"/>
          </a:p>
        </p:txBody>
      </p:sp>
      <p:sp>
        <p:nvSpPr>
          <p:cNvPr id="11" name="Text Placeholder 4">
            <a:extLst>
              <a:ext uri="{FF2B5EF4-FFF2-40B4-BE49-F238E27FC236}">
                <a16:creationId xmlns:a16="http://schemas.microsoft.com/office/drawing/2014/main" id="{FCE7EEC8-6A20-4469-924C-95F0A38E9EE2}"/>
              </a:ext>
            </a:extLst>
          </p:cNvPr>
          <p:cNvSpPr>
            <a:spLocks noGrp="1"/>
          </p:cNvSpPr>
          <p:nvPr>
            <p:ph type="body" sz="quarter" idx="20" hasCustomPrompt="1"/>
          </p:nvPr>
        </p:nvSpPr>
        <p:spPr>
          <a:xfrm>
            <a:off x="6232526" y="1933811"/>
            <a:ext cx="54180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sv-se" noProof="0"/>
              <a:t>Tittel på graf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4774"/>
            <a:ext cx="5418000" cy="3494077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E48F72EE-76F7-4471-9ABD-8692546D42E0}"/>
              </a:ext>
            </a:extLst>
          </p:cNvPr>
          <p:cNvSpPr>
            <a:spLocks noGrp="1"/>
          </p:cNvSpPr>
          <p:nvPr>
            <p:ph type="body" sz="quarter" idx="21" hasCustomPrompt="1"/>
          </p:nvPr>
        </p:nvSpPr>
        <p:spPr>
          <a:xfrm>
            <a:off x="540000" y="2224375"/>
            <a:ext cx="54180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sv-se"/>
              <a:t>Underoverskrift</a:t>
            </a:r>
            <a:endParaRPr lang="nb-NO"/>
          </a:p>
        </p:txBody>
      </p:sp>
      <p:sp>
        <p:nvSpPr>
          <p:cNvPr id="13" name="Text Placeholder 5">
            <a:extLst>
              <a:ext uri="{FF2B5EF4-FFF2-40B4-BE49-F238E27FC236}">
                <a16:creationId xmlns:a16="http://schemas.microsoft.com/office/drawing/2014/main" id="{2D6DB48B-D31D-4152-8838-B71726AD978F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6232526" y="2224375"/>
            <a:ext cx="54180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sv-se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6232526" y="2544774"/>
            <a:ext cx="5418000" cy="3494076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sv-se" noProof="0"/>
              <a:t>Klikk for å legge til tekst                                                    Enter &amp; TAB for å vise neste tekststil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0131390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med underoverskrift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8" name="Title 1">
            <a:extLst>
              <a:ext uri="{FF2B5EF4-FFF2-40B4-BE49-F238E27FC236}">
                <a16:creationId xmlns:a16="http://schemas.microsoft.com/office/drawing/2014/main" id="{00CDDB12-9008-2CC3-C8CC-215271F281E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5CA25137-B03B-59F6-1828-50096E455C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4" name="Text Placeholder 4">
            <a:extLst>
              <a:ext uri="{FF2B5EF4-FFF2-40B4-BE49-F238E27FC236}">
                <a16:creationId xmlns:a16="http://schemas.microsoft.com/office/drawing/2014/main" id="{E9189924-B7F0-4CBF-8D68-3916772BCF5E}"/>
              </a:ext>
            </a:extLst>
          </p:cNvPr>
          <p:cNvSpPr>
            <a:spLocks noGrp="1"/>
          </p:cNvSpPr>
          <p:nvPr>
            <p:ph type="body" sz="quarter" idx="23" hasCustomPrompt="1"/>
          </p:nvPr>
        </p:nvSpPr>
        <p:spPr>
          <a:xfrm>
            <a:off x="540000" y="1933597"/>
            <a:ext cx="35208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Char char="​"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sv-se" noProof="0"/>
              <a:t>Tittel på graf</a:t>
            </a:r>
            <a:endParaRPr lang="nb-NO"/>
          </a:p>
        </p:txBody>
      </p:sp>
      <p:sp>
        <p:nvSpPr>
          <p:cNvPr id="16" name="Text Placeholder 5">
            <a:extLst>
              <a:ext uri="{FF2B5EF4-FFF2-40B4-BE49-F238E27FC236}">
                <a16:creationId xmlns:a16="http://schemas.microsoft.com/office/drawing/2014/main" id="{0FF5253F-F026-45AD-AE42-1D6510E417ED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540000" y="2224160"/>
            <a:ext cx="3520800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sv-se"/>
              <a:t>Underoverskrift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2545925"/>
            <a:ext cx="3521007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5" name="Text Placeholder 4">
            <a:extLst>
              <a:ext uri="{FF2B5EF4-FFF2-40B4-BE49-F238E27FC236}">
                <a16:creationId xmlns:a16="http://schemas.microsoft.com/office/drawing/2014/main" id="{01D28B1B-B6B2-41C4-84E4-763FE0C5CB0E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4334669" y="1933596"/>
            <a:ext cx="3521076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sv-se" noProof="0"/>
              <a:t>Tittel på graf</a:t>
            </a:r>
            <a:endParaRPr lang="nb-NO"/>
          </a:p>
        </p:txBody>
      </p:sp>
      <p:sp>
        <p:nvSpPr>
          <p:cNvPr id="17" name="Text Placeholder 5">
            <a:extLst>
              <a:ext uri="{FF2B5EF4-FFF2-40B4-BE49-F238E27FC236}">
                <a16:creationId xmlns:a16="http://schemas.microsoft.com/office/drawing/2014/main" id="{4B2F23DF-0A6E-4787-875F-CA68E6E80E5A}"/>
              </a:ext>
            </a:extLst>
          </p:cNvPr>
          <p:cNvSpPr>
            <a:spLocks noGrp="1"/>
          </p:cNvSpPr>
          <p:nvPr>
            <p:ph type="body" sz="quarter" idx="26" hasCustomPrompt="1"/>
          </p:nvPr>
        </p:nvSpPr>
        <p:spPr>
          <a:xfrm>
            <a:off x="4334669" y="2224160"/>
            <a:ext cx="3521076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sv-se"/>
              <a:t>Underoverskrift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669" y="2545925"/>
            <a:ext cx="3520800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21" name="Text Placeholder 4">
            <a:extLst>
              <a:ext uri="{FF2B5EF4-FFF2-40B4-BE49-F238E27FC236}">
                <a16:creationId xmlns:a16="http://schemas.microsoft.com/office/drawing/2014/main" id="{61004909-C534-4909-A51E-BB0E2FC18E06}"/>
              </a:ext>
            </a:extLst>
          </p:cNvPr>
          <p:cNvSpPr>
            <a:spLocks noGrp="1"/>
          </p:cNvSpPr>
          <p:nvPr>
            <p:ph type="body" sz="quarter" idx="27" hasCustomPrompt="1"/>
          </p:nvPr>
        </p:nvSpPr>
        <p:spPr>
          <a:xfrm>
            <a:off x="8131200" y="1933596"/>
            <a:ext cx="3520800" cy="291600"/>
          </a:xfrm>
        </p:spPr>
        <p:txBody>
          <a:bodyPr rtlCol="0">
            <a:normAutofit/>
          </a:bodyPr>
          <a:lstStyle>
            <a:lvl1pPr marL="0" indent="0">
              <a:spcAft>
                <a:spcPts val="0"/>
              </a:spcAft>
              <a:buFont typeface="Veidekke Favorit Offc" panose="020B0504030202060203" pitchFamily="34" charset="0"/>
              <a:buNone/>
              <a:defRPr sz="1600" b="1"/>
            </a:lvl1pPr>
            <a:lvl2pPr marL="0" indent="0">
              <a:buFont typeface="Veidekke Favorit Offc" panose="020B0504030202060203" pitchFamily="34" charset="0"/>
              <a:buChar char="​"/>
              <a:defRPr sz="1400"/>
            </a:lvl2pPr>
          </a:lstStyle>
          <a:p>
            <a:pPr lvl="0" rtl="0"/>
            <a:r>
              <a:rPr lang="sv-se" noProof="0"/>
              <a:t>Tittel på graf</a:t>
            </a:r>
            <a:endParaRPr lang="nb-NO"/>
          </a:p>
        </p:txBody>
      </p:sp>
      <p:sp>
        <p:nvSpPr>
          <p:cNvPr id="22" name="Text Placeholder 5">
            <a:extLst>
              <a:ext uri="{FF2B5EF4-FFF2-40B4-BE49-F238E27FC236}">
                <a16:creationId xmlns:a16="http://schemas.microsoft.com/office/drawing/2014/main" id="{92EE32F3-ABE4-438E-8ECC-FCBA5C0B4E63}"/>
              </a:ext>
            </a:extLst>
          </p:cNvPr>
          <p:cNvSpPr>
            <a:spLocks noGrp="1"/>
          </p:cNvSpPr>
          <p:nvPr>
            <p:ph type="body" sz="quarter" idx="28" hasCustomPrompt="1"/>
          </p:nvPr>
        </p:nvSpPr>
        <p:spPr>
          <a:xfrm>
            <a:off x="8130924" y="2224160"/>
            <a:ext cx="3521076" cy="227248"/>
          </a:xfrm>
        </p:spPr>
        <p:txBody>
          <a:bodyPr rtlCol="0"/>
          <a:lstStyle>
            <a:lvl1pPr marL="0" indent="0">
              <a:buNone/>
              <a:defRPr sz="1200"/>
            </a:lvl1pPr>
          </a:lstStyle>
          <a:p>
            <a:pPr lvl="0" rtl="0"/>
            <a:r>
              <a:rPr lang="sv-se"/>
              <a:t>Underoverskrift</a:t>
            </a:r>
            <a:endParaRPr lang="nb-NO"/>
          </a:p>
        </p:txBody>
      </p:sp>
      <p:sp>
        <p:nvSpPr>
          <p:cNvPr id="12" name="Content Placeholder 9">
            <a:extLst>
              <a:ext uri="{FF2B5EF4-FFF2-40B4-BE49-F238E27FC236}">
                <a16:creationId xmlns:a16="http://schemas.microsoft.com/office/drawing/2014/main" id="{555B9E4D-02D2-4B75-9037-0A374A35EF17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8131200" y="2545925"/>
            <a:ext cx="3520800" cy="3495600"/>
          </a:xfrm>
        </p:spPr>
        <p:txBody>
          <a:bodyPr rtlCol="0"/>
          <a:lstStyle>
            <a:lvl1pPr>
              <a:defRPr sz="1600"/>
            </a:lvl1pPr>
          </a:lstStyle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4659418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fakta boks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4E42CF82-FACF-89E1-45F4-912FE7AE561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F4ACFCD5-6697-6CC5-AA0B-61FD6D0309C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</p:spPr>
        <p:txBody>
          <a:bodyPr tIns="180000" bIns="180000" rtlCol="0"/>
          <a:lstStyle>
            <a:lvl1pPr marL="0" indent="0">
              <a:buFont typeface="Veidekke Favorit Offc" panose="020B0504030202060203" pitchFamily="34" charset="0"/>
              <a:buChar char="​"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29119011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+ fakta boks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F72AF08F-9E31-B1B2-4348-8CBA9C464F7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498BC4D3-9BF0-4DFE-69F0-7587AE75A6B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7316538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sv-se" noProof="0"/>
              <a:t>Klikk for å legge til tekst                                                                                   Enter &amp; TAB for å vise neste tekststil         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9075793" y="1933200"/>
            <a:ext cx="2576206" cy="4107600"/>
          </a:xfrm>
          <a:solidFill>
            <a:schemeClr val="accent3">
              <a:alpha val="50000"/>
            </a:schemeClr>
          </a:solidFill>
        </p:spPr>
        <p:txBody>
          <a:bodyPr lIns="180000" tIns="180000" rIns="180000" bIns="180000" rtlCol="0">
            <a:noAutofit/>
          </a:bodyPr>
          <a:lstStyle>
            <a:lvl1pPr marL="0" indent="0">
              <a:buFont typeface="Veidekke Favorit Offc" panose="020B0504030202060203" pitchFamily="34" charset="0"/>
              <a:buNone/>
              <a:defRPr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200"/>
            </a:lvl2pPr>
            <a:lvl3pPr marL="215900" indent="-215900">
              <a:defRPr sz="1200"/>
            </a:lvl3pPr>
            <a:lvl4pPr marL="432000" indent="-216000">
              <a:buFont typeface="Veidekke Favorit Offc" panose="020B0504030202060203" pitchFamily="34" charset="0"/>
              <a:buChar char="•"/>
              <a:defRPr sz="1200"/>
            </a:lvl4pPr>
            <a:lvl5pPr>
              <a:defRPr sz="1200"/>
            </a:lvl5pPr>
          </a:lstStyle>
          <a:p>
            <a:pPr lvl="0" rtl="0"/>
            <a:r>
              <a:rPr lang="sv-se"/>
              <a:t>klikk for å legge til tekst, endre bak-grunnsfarge: form fylle</a:t>
            </a:r>
            <a:endParaRPr lang="nb-NO"/>
          </a:p>
          <a:p>
            <a:pPr lvl="1" rtl="0"/>
            <a:r>
              <a:rPr lang="sv-se"/>
              <a:t>Second level</a:t>
            </a:r>
            <a:endParaRPr lang="nb-NO"/>
          </a:p>
          <a:p>
            <a:pPr lvl="2" rtl="0"/>
            <a:r>
              <a:rPr lang="sv-se"/>
              <a:t>Third level</a:t>
            </a:r>
            <a:endParaRPr lang="nb-NO"/>
          </a:p>
          <a:p>
            <a:pPr lvl="3" rtl="0"/>
            <a:r>
              <a:rPr lang="sv-se"/>
              <a:t>Fourth level</a:t>
            </a:r>
            <a:endParaRPr lang="nb-NO"/>
          </a:p>
          <a:p>
            <a:pPr lvl="4" rtl="0"/>
            <a:r>
              <a:rPr lang="sv-se"/>
              <a:t>Fifth level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319749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t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92E51F62-AFD4-4D96-8E00-116D4D9FFE25}"/>
              </a:ext>
            </a:extLst>
          </p:cNvPr>
          <p:cNvSpPr>
            <a:spLocks noGrp="1"/>
          </p:cNvSpPr>
          <p:nvPr>
            <p:ph type="dt" sz="half" idx="16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" name="Footer Placeholder 2" hidden="1">
            <a:extLst>
              <a:ext uri="{FF2B5EF4-FFF2-40B4-BE49-F238E27FC236}">
                <a16:creationId xmlns:a16="http://schemas.microsoft.com/office/drawing/2014/main" id="{68C27277-2C27-40ED-856C-AF3F9042D3FD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DAC219CF-84C4-8B30-2820-378358AEE095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E2FDB87-E072-1336-6B6D-A9F0292FDE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35244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4334001" y="1933200"/>
            <a:ext cx="35244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8128001" y="1933200"/>
            <a:ext cx="35244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Enter &amp; TAB for å vise neste tekststil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FF1FB839-A42C-448F-B034-ECFD274801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03126369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fire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44D08716-7277-A184-8480-43924EAC9D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543C0CE7-59F2-0EF9-6BE4-954D5A0DD7EA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3386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6232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9078000" y="1933200"/>
            <a:ext cx="25740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26019114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, seks spalt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EAFA211-99AB-4B16-BFC6-3CEF0416FBB6}"/>
              </a:ext>
            </a:extLst>
          </p:cNvPr>
          <p:cNvSpPr>
            <a:spLocks noGrp="1"/>
          </p:cNvSpPr>
          <p:nvPr>
            <p:ph type="dt" sz="half" idx="2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0B80EDB4-CB88-42E0-8926-CF66A2919CFE}"/>
              </a:ext>
            </a:extLst>
          </p:cNvPr>
          <p:cNvSpPr>
            <a:spLocks noGrp="1"/>
          </p:cNvSpPr>
          <p:nvPr>
            <p:ph type="ftr" sz="quarter" idx="2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135027CB-91B5-F8E3-68DF-A86BDC119856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4" name="Subtitle 2">
            <a:extLst>
              <a:ext uri="{FF2B5EF4-FFF2-40B4-BE49-F238E27FC236}">
                <a16:creationId xmlns:a16="http://schemas.microsoft.com/office/drawing/2014/main" id="{727B8FA2-31D9-36F6-4319-CCDE8F110FB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Content Placeholder 7">
            <a:extLst>
              <a:ext uri="{FF2B5EF4-FFF2-40B4-BE49-F238E27FC236}">
                <a16:creationId xmlns:a16="http://schemas.microsoft.com/office/drawing/2014/main" id="{16B01F09-97A8-49A9-A1D7-171FF34A7A0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323390CE-4089-47FA-A1C5-9B8B1596EF9D}"/>
              </a:ext>
            </a:extLst>
          </p:cNvPr>
          <p:cNvSpPr>
            <a:spLocks noGrp="1"/>
          </p:cNvSpPr>
          <p:nvPr>
            <p:ph sz="quarter" idx="15" hasCustomPrompt="1"/>
          </p:nvPr>
        </p:nvSpPr>
        <p:spPr>
          <a:xfrm>
            <a:off x="243696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Content Placeholder 12">
            <a:extLst>
              <a:ext uri="{FF2B5EF4-FFF2-40B4-BE49-F238E27FC236}">
                <a16:creationId xmlns:a16="http://schemas.microsoft.com/office/drawing/2014/main" id="{554A79B8-959D-4DFC-BAA6-D49D4E6D0B0D}"/>
              </a:ext>
            </a:extLst>
          </p:cNvPr>
          <p:cNvSpPr>
            <a:spLocks noGrp="1"/>
          </p:cNvSpPr>
          <p:nvPr>
            <p:ph sz="quarter" idx="20" hasCustomPrompt="1"/>
          </p:nvPr>
        </p:nvSpPr>
        <p:spPr>
          <a:xfrm>
            <a:off x="433392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28" name="Content Placeholder 14">
            <a:extLst>
              <a:ext uri="{FF2B5EF4-FFF2-40B4-BE49-F238E27FC236}">
                <a16:creationId xmlns:a16="http://schemas.microsoft.com/office/drawing/2014/main" id="{5316ACB2-D702-4E5C-ADA8-AC2A824E2696}"/>
              </a:ext>
            </a:extLst>
          </p:cNvPr>
          <p:cNvSpPr>
            <a:spLocks noGrp="1"/>
          </p:cNvSpPr>
          <p:nvPr>
            <p:ph sz="quarter" idx="21" hasCustomPrompt="1"/>
          </p:nvPr>
        </p:nvSpPr>
        <p:spPr>
          <a:xfrm>
            <a:off x="623088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5900" indent="-2159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7" name="Content Placeholder 16">
            <a:extLst>
              <a:ext uri="{FF2B5EF4-FFF2-40B4-BE49-F238E27FC236}">
                <a16:creationId xmlns:a16="http://schemas.microsoft.com/office/drawing/2014/main" id="{EFB7AF45-BB78-40B9-9780-915A1F4D8B43}"/>
              </a:ext>
            </a:extLst>
          </p:cNvPr>
          <p:cNvSpPr>
            <a:spLocks noGrp="1"/>
          </p:cNvSpPr>
          <p:nvPr>
            <p:ph sz="quarter" idx="29" hasCustomPrompt="1"/>
          </p:nvPr>
        </p:nvSpPr>
        <p:spPr>
          <a:xfrm>
            <a:off x="812784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9" name="Content Placeholder 18">
            <a:extLst>
              <a:ext uri="{FF2B5EF4-FFF2-40B4-BE49-F238E27FC236}">
                <a16:creationId xmlns:a16="http://schemas.microsoft.com/office/drawing/2014/main" id="{5FE745FF-4C9E-4827-9457-E8D6757C5D89}"/>
              </a:ext>
            </a:extLst>
          </p:cNvPr>
          <p:cNvSpPr>
            <a:spLocks noGrp="1"/>
          </p:cNvSpPr>
          <p:nvPr>
            <p:ph sz="quarter" idx="30" hasCustomPrompt="1"/>
          </p:nvPr>
        </p:nvSpPr>
        <p:spPr>
          <a:xfrm>
            <a:off x="10024800" y="1933200"/>
            <a:ext cx="1627200" cy="4107600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400" b="1" i="0" cap="all" baseline="0"/>
            </a:lvl1pPr>
            <a:lvl2pPr marL="0" indent="0">
              <a:buFont typeface="Veidekke Favorit Offc" panose="020B0504030202060203" pitchFamily="34" charset="0"/>
              <a:buChar char="​"/>
              <a:defRPr sz="1000"/>
            </a:lvl2pPr>
            <a:lvl3pPr marL="216000">
              <a:defRPr sz="1000"/>
            </a:lvl3pPr>
            <a:lvl4pPr marL="432000" indent="-216000">
              <a:buFont typeface="Veidekke Favorit Offc" panose="020B0504030202060203" pitchFamily="34" charset="0"/>
              <a:buChar char="•"/>
              <a:defRPr sz="1000"/>
            </a:lvl4pPr>
            <a:lvl5pPr marL="648000">
              <a:defRPr sz="1000"/>
            </a:lvl5pPr>
            <a:lvl6pPr marL="648000">
              <a:defRPr sz="1000"/>
            </a:lvl6pPr>
            <a:lvl7pPr marL="648000">
              <a:defRPr sz="1000"/>
            </a:lvl7pPr>
            <a:lvl8pPr marL="648000">
              <a:defRPr sz="1000"/>
            </a:lvl8pPr>
            <a:lvl9pPr marL="648000">
              <a:defRPr sz="10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EDB9673-65E7-4670-8BC9-6A44B7C17219}"/>
              </a:ext>
            </a:extLst>
          </p:cNvPr>
          <p:cNvSpPr>
            <a:spLocks noGrp="1"/>
          </p:cNvSpPr>
          <p:nvPr>
            <p:ph type="sldNum" sz="quarter" idx="2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673956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rød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D21025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tretch>
            <a:fillRect/>
          </a:stretch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rtlCol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Title 1">
            <a:extLst>
              <a:ext uri="{FF2B5EF4-FFF2-40B4-BE49-F238E27FC236}">
                <a16:creationId xmlns:a16="http://schemas.microsoft.com/office/drawing/2014/main" id="{99C5A63D-3E26-4894-BD1A-F1FC20990FE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Forside tittel</a:t>
            </a:r>
            <a:br>
              <a:rPr lang="nb-NO" dirty="0"/>
            </a:br>
            <a:r>
              <a:rPr lang="sv-se"/>
              <a:t>max 3 rader lång</a:t>
            </a:r>
            <a:endParaRPr lang="nb-NO"/>
          </a:p>
        </p:txBody>
      </p:sp>
      <p:sp>
        <p:nvSpPr>
          <p:cNvPr id="10" name="Text Placeholder 3">
            <a:extLst>
              <a:ext uri="{FF2B5EF4-FFF2-40B4-BE49-F238E27FC236}">
                <a16:creationId xmlns:a16="http://schemas.microsoft.com/office/drawing/2014/main" id="{71A6E314-F3D0-ED11-909E-EABB8EBBCA70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bg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sv-se"/>
              <a:t>Klikk for å legge til dato eller tekst</a:t>
            </a:r>
            <a:endParaRPr lang="nb-NO"/>
          </a:p>
        </p:txBody>
      </p:sp>
      <p:sp>
        <p:nvSpPr>
          <p:cNvPr id="11" name="Text Placeholder 5">
            <a:extLst>
              <a:ext uri="{FF2B5EF4-FFF2-40B4-BE49-F238E27FC236}">
                <a16:creationId xmlns:a16="http://schemas.microsoft.com/office/drawing/2014/main" id="{9ED3B1C6-7C9E-9551-431F-CD4DD5FC65FB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bg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sv-se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4670724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  <p:hf hdr="0" ftr="0"/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2" name="Text Placeholder 11" hidden="1">
            <a:extLst>
              <a:ext uri="{FF2B5EF4-FFF2-40B4-BE49-F238E27FC236}">
                <a16:creationId xmlns:a16="http://schemas.microsoft.com/office/drawing/2014/main" id="{A50B670C-3B88-4190-9F63-88CC5B0D67FC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075737" y="6328800"/>
            <a:ext cx="2033589" cy="158400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6" name="GeneralDate" descr="{&quot;templafy&quot;:{&quot;id&quot;:&quot;46aed2e5-3ac1-46fa-84fd-85d36442f7b7&quot;}}" hidden="1" title="GeneralDate">
            <a:extLst>
              <a:ext uri="{FF2B5EF4-FFF2-40B4-BE49-F238E27FC236}">
                <a16:creationId xmlns:a16="http://schemas.microsoft.com/office/drawing/2014/main" id="{1A0B3087-58FA-45FA-BE9E-D8F000FA8CD6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0"/>
            <a:ext cx="3519917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7CA7C369-A11F-C317-61B1-5E495A38BCA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66384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2" name="Subtitle 2">
            <a:extLst>
              <a:ext uri="{FF2B5EF4-FFF2-40B4-BE49-F238E27FC236}">
                <a16:creationId xmlns:a16="http://schemas.microsoft.com/office/drawing/2014/main" id="{D9377E13-FF03-3164-2728-11941CDD4332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66384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66395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                                         Enter &amp; TAB for å vise neste tekststil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3" name="Text Placeholder 11">
            <a:extLst>
              <a:ext uri="{FF2B5EF4-FFF2-40B4-BE49-F238E27FC236}">
                <a16:creationId xmlns:a16="http://schemas.microsoft.com/office/drawing/2014/main" id="{FDDAA42F-78A5-D745-9602-4D20C4F95BAC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907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0" name="Footer" descr="{&quot;templafy&quot;:{&quot;id&quot;:&quot;9f2ed2ef-973c-48a3-995e-de2588c98cf0&quot;}}" title="Footer">
            <a:extLst>
              <a:ext uri="{FF2B5EF4-FFF2-40B4-BE49-F238E27FC236}">
                <a16:creationId xmlns:a16="http://schemas.microsoft.com/office/drawing/2014/main" id="{6A7C12BF-E61B-45B7-BDB0-86358887CF8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1196754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AD1801BA-A97F-41B0-BB39-0F38648B1E2D}"/>
              </a:ext>
            </a:extLst>
          </p:cNvPr>
          <p:cNvSpPr>
            <a:spLocks noGrp="1"/>
          </p:cNvSpPr>
          <p:nvPr>
            <p:ph type="dt" sz="half" idx="2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ooter Placeholder 4" hidden="1">
            <a:extLst>
              <a:ext uri="{FF2B5EF4-FFF2-40B4-BE49-F238E27FC236}">
                <a16:creationId xmlns:a16="http://schemas.microsoft.com/office/drawing/2014/main" id="{BB9CA4AB-8788-4366-86A5-B641CA8437FC}"/>
              </a:ext>
            </a:extLst>
          </p:cNvPr>
          <p:cNvSpPr>
            <a:spLocks noGrp="1"/>
          </p:cNvSpPr>
          <p:nvPr>
            <p:ph type="ftr" sz="quarter" idx="24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6231001" y="0"/>
            <a:ext cx="3522600" cy="6858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itle 1">
            <a:extLst>
              <a:ext uri="{FF2B5EF4-FFF2-40B4-BE49-F238E27FC236}">
                <a16:creationId xmlns:a16="http://schemas.microsoft.com/office/drawing/2014/main" id="{12ACA26A-BD7D-78A8-9D52-BAC941A7A477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471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6" name="Subtitle 2">
            <a:extLst>
              <a:ext uri="{FF2B5EF4-FFF2-40B4-BE49-F238E27FC236}">
                <a16:creationId xmlns:a16="http://schemas.microsoft.com/office/drawing/2014/main" id="{4C55AA42-91DA-7E3F-0419-D3CAC26B495C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47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1" y="1933200"/>
            <a:ext cx="4472500" cy="4107600"/>
          </a:xfrm>
        </p:spPr>
        <p:txBody>
          <a:bodyPr rtlCol="0"/>
          <a:lstStyle>
            <a:lvl5pPr>
              <a:defRPr/>
            </a:lvl5pPr>
          </a:lstStyle>
          <a:p>
            <a:pPr lvl="0" rt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602" y="2151437"/>
            <a:ext cx="1627062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 dirty="0"/>
          </a:p>
          <a:p>
            <a:pPr lvl="1" rtl="0"/>
            <a:r>
              <a:rPr lang="sv-se"/>
              <a:t>Second level</a:t>
            </a:r>
            <a:endParaRPr lang="nb-NO"/>
          </a:p>
          <a:p>
            <a:pPr lvl="2" rtl="0"/>
            <a:r>
              <a:rPr lang="sv-se"/>
              <a:t>Third level</a:t>
            </a:r>
            <a:endParaRPr lang="nb-NO"/>
          </a:p>
          <a:p>
            <a:pPr lvl="3" rtl="0"/>
            <a:r>
              <a:rPr lang="sv-se"/>
              <a:t>Fourth level</a:t>
            </a:r>
            <a:endParaRPr lang="nb-NO"/>
          </a:p>
          <a:p>
            <a:pPr lvl="4" rtl="0"/>
            <a:r>
              <a:rPr lang="sv-se"/>
              <a:t>Fifth level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17" name="Text Placeholder 11">
            <a:extLst>
              <a:ext uri="{FF2B5EF4-FFF2-40B4-BE49-F238E27FC236}">
                <a16:creationId xmlns:a16="http://schemas.microsoft.com/office/drawing/2014/main" id="{D17DA896-08B0-6B71-91FA-C91947A1C573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3F8F8AE0-C735-4F0C-91CE-1B419C6EE644}"/>
              </a:ext>
            </a:extLst>
          </p:cNvPr>
          <p:cNvSpPr>
            <a:spLocks noGrp="1"/>
          </p:cNvSpPr>
          <p:nvPr>
            <p:ph type="sldNum" sz="quarter" idx="25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46807318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bilde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Date Placeholder 11" hidden="1">
            <a:extLst>
              <a:ext uri="{FF2B5EF4-FFF2-40B4-BE49-F238E27FC236}">
                <a16:creationId xmlns:a16="http://schemas.microsoft.com/office/drawing/2014/main" id="{A7C02027-249A-4636-BB11-ABB0B1743653}"/>
              </a:ext>
            </a:extLst>
          </p:cNvPr>
          <p:cNvSpPr>
            <a:spLocks noGrp="1"/>
          </p:cNvSpPr>
          <p:nvPr>
            <p:ph type="dt" sz="half" idx="27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5" name="Footer Placeholder 14" hidden="1">
            <a:extLst>
              <a:ext uri="{FF2B5EF4-FFF2-40B4-BE49-F238E27FC236}">
                <a16:creationId xmlns:a16="http://schemas.microsoft.com/office/drawing/2014/main" id="{479FDFDE-C4D5-4BA3-9374-79CDD76FA9A8}"/>
              </a:ext>
            </a:extLst>
          </p:cNvPr>
          <p:cNvSpPr>
            <a:spLocks noGrp="1"/>
          </p:cNvSpPr>
          <p:nvPr>
            <p:ph type="ftr" sz="quarter" idx="28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7" name="GeneralDate" descr="{&quot;templafy&quot;:{&quot;id&quot;:&quot;4dd498e5-03d1-43c6-8f5d-cc2e8ea74b38&quot;}}" hidden="1" title="GeneralDate">
            <a:extLst>
              <a:ext uri="{FF2B5EF4-FFF2-40B4-BE49-F238E27FC236}">
                <a16:creationId xmlns:a16="http://schemas.microsoft.com/office/drawing/2014/main" id="{45AA3AA0-E74C-4578-8297-03F273FE4798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1" y="0"/>
            <a:ext cx="9753599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sv-se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Title 1">
            <a:extLst>
              <a:ext uri="{FF2B5EF4-FFF2-40B4-BE49-F238E27FC236}">
                <a16:creationId xmlns:a16="http://schemas.microsoft.com/office/drawing/2014/main" id="{FB4C638A-3EB7-12F5-9788-154C656838E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9" name="Subtitle 2">
            <a:extLst>
              <a:ext uri="{FF2B5EF4-FFF2-40B4-BE49-F238E27FC236}">
                <a16:creationId xmlns:a16="http://schemas.microsoft.com/office/drawing/2014/main" id="{EB6CBE65-98B2-5CD6-B3A2-BC787586ECA3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/>
            </a:lvl1pPr>
            <a:lvl2pPr marL="215900" indent="-215900">
              <a:defRPr sz="1200"/>
            </a:lvl2pPr>
            <a:lvl3pPr marL="432000">
              <a:defRPr sz="12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 dirty="0"/>
          </a:p>
          <a:p>
            <a:pPr lvl="1" rtl="0"/>
            <a:r>
              <a:rPr lang="sv-se"/>
              <a:t>Second level</a:t>
            </a:r>
            <a:endParaRPr lang="nb-NO"/>
          </a:p>
          <a:p>
            <a:pPr lvl="2" rtl="0"/>
            <a:r>
              <a:rPr lang="sv-se"/>
              <a:t>Third level</a:t>
            </a:r>
            <a:endParaRPr lang="nb-NO"/>
          </a:p>
          <a:p>
            <a:pPr lvl="3" rtl="0"/>
            <a:r>
              <a:rPr lang="sv-se"/>
              <a:t>Fourth level</a:t>
            </a:r>
            <a:endParaRPr lang="nb-NO"/>
          </a:p>
          <a:p>
            <a:pPr lvl="4" rtl="0"/>
            <a:r>
              <a:rPr lang="sv-se"/>
              <a:t>Fifth level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20" name="Text Placeholder 11">
            <a:extLst>
              <a:ext uri="{FF2B5EF4-FFF2-40B4-BE49-F238E27FC236}">
                <a16:creationId xmlns:a16="http://schemas.microsoft.com/office/drawing/2014/main" id="{67065131-6AC2-86C8-DAF6-CCEAFE0E63A5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7095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56BC7627-72EB-4719-85A4-6E0E923BF52A}"/>
              </a:ext>
            </a:extLst>
          </p:cNvPr>
          <p:cNvSpPr>
            <a:spLocks noGrp="1"/>
          </p:cNvSpPr>
          <p:nvPr>
            <p:ph type="sldNum" sz="quarter" idx="29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32" name="Footer" descr="{&quot;templafy&quot;:{&quot;id&quot;:&quot;050b0b12-9144-4735-9d7c-18693880f753&quot;}}" title="Footer">
            <a:extLst>
              <a:ext uri="{FF2B5EF4-FFF2-40B4-BE49-F238E27FC236}">
                <a16:creationId xmlns:a16="http://schemas.microsoft.com/office/drawing/2014/main" id="{AD3385EB-1A8C-44C6-B311-116C443541A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73019175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bilde (D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4" name="Date Placeholder 33" hidden="1">
            <a:extLst>
              <a:ext uri="{FF2B5EF4-FFF2-40B4-BE49-F238E27FC236}">
                <a16:creationId xmlns:a16="http://schemas.microsoft.com/office/drawing/2014/main" id="{35AF27D4-6A9C-4EBA-AAD5-89E1B2796ABE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35" name="Footer Placeholder 34" hidden="1">
            <a:extLst>
              <a:ext uri="{FF2B5EF4-FFF2-40B4-BE49-F238E27FC236}">
                <a16:creationId xmlns:a16="http://schemas.microsoft.com/office/drawing/2014/main" id="{B66F3FA6-C28D-4462-909B-3B38F6E63364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0" y="0"/>
            <a:ext cx="12192000" cy="68616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8BA309D3-947A-91CD-A003-66115636E1B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7315200" cy="1065600"/>
          </a:xfrm>
        </p:spPr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645A974B-9495-46A3-456E-3AAA121D1958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7315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bg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8" name="Text Placeholder 7">
            <a:extLst>
              <a:ext uri="{FF2B5EF4-FFF2-40B4-BE49-F238E27FC236}">
                <a16:creationId xmlns:a16="http://schemas.microsoft.com/office/drawing/2014/main" id="{D0A10DC7-D3AF-42C7-B84B-8A0CB2B190ED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10023476" y="2151437"/>
            <a:ext cx="1627188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1200">
                <a:solidFill>
                  <a:schemeClr val="bg1"/>
                </a:solidFill>
              </a:defRPr>
            </a:lvl1pPr>
            <a:lvl2pPr marL="215900" indent="-215900">
              <a:buClrTx/>
              <a:defRPr sz="1200">
                <a:solidFill>
                  <a:schemeClr val="bg1"/>
                </a:solidFill>
              </a:defRPr>
            </a:lvl2pPr>
            <a:lvl3pPr marL="432000">
              <a:buClrTx/>
              <a:defRPr sz="1200">
                <a:solidFill>
                  <a:schemeClr val="bg1"/>
                </a:solidFill>
              </a:defRPr>
            </a:lvl3pPr>
            <a:lvl4pPr>
              <a:buClrTx/>
              <a:defRPr sz="1200">
                <a:solidFill>
                  <a:schemeClr val="bg1"/>
                </a:solidFill>
              </a:defRPr>
            </a:lvl4pPr>
            <a:lvl5pPr>
              <a:buClrTx/>
              <a:defRPr sz="1200">
                <a:solidFill>
                  <a:schemeClr val="bg1"/>
                </a:solidFill>
              </a:defRPr>
            </a:lvl5pPr>
            <a:lvl6pPr>
              <a:buClrTx/>
              <a:defRPr sz="1200">
                <a:solidFill>
                  <a:schemeClr val="bg1"/>
                </a:solidFill>
              </a:defRPr>
            </a:lvl6pPr>
            <a:lvl7pPr>
              <a:buClrTx/>
              <a:defRPr sz="1200">
                <a:solidFill>
                  <a:schemeClr val="bg1"/>
                </a:solidFill>
              </a:defRPr>
            </a:lvl7pPr>
            <a:lvl8pPr>
              <a:buClrTx/>
              <a:defRPr sz="1200">
                <a:solidFill>
                  <a:schemeClr val="bg1"/>
                </a:solidFill>
              </a:defRPr>
            </a:lvl8pPr>
            <a:lvl9pPr>
              <a:buClrTx/>
              <a:defRPr sz="1200">
                <a:solidFill>
                  <a:schemeClr val="bg1"/>
                </a:solidFill>
              </a:defRPr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 dirty="0"/>
          </a:p>
          <a:p>
            <a:pPr lvl="1" rtl="0"/>
            <a:r>
              <a:rPr lang="sv-se"/>
              <a:t>Second level</a:t>
            </a:r>
            <a:endParaRPr lang="nb-NO"/>
          </a:p>
          <a:p>
            <a:pPr lvl="2" rtl="0"/>
            <a:r>
              <a:rPr lang="sv-se"/>
              <a:t>Third level</a:t>
            </a:r>
            <a:endParaRPr lang="nb-NO"/>
          </a:p>
          <a:p>
            <a:pPr lvl="3" rtl="0"/>
            <a:r>
              <a:rPr lang="sv-se"/>
              <a:t>Fourth level</a:t>
            </a:r>
            <a:endParaRPr lang="nb-NO"/>
          </a:p>
          <a:p>
            <a:pPr lvl="4" rtl="0"/>
            <a:r>
              <a:rPr lang="sv-se"/>
              <a:t>Fifth level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36" name="Slide Number Placeholder 35">
            <a:extLst>
              <a:ext uri="{FF2B5EF4-FFF2-40B4-BE49-F238E27FC236}">
                <a16:creationId xmlns:a16="http://schemas.microsoft.com/office/drawing/2014/main" id="{570957F8-6AE6-4B9A-AEA5-BA095201A895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2" name="Footer" descr="{&quot;templafy&quot;:{&quot;id&quot;:&quot;c76a40f7-4e36-46bf-b4b1-874c0d6a4626&quot;}}" title="Footer">
            <a:extLst>
              <a:ext uri="{FF2B5EF4-FFF2-40B4-BE49-F238E27FC236}">
                <a16:creationId xmlns:a16="http://schemas.microsoft.com/office/drawing/2014/main" id="{FC1D6A2E-209D-F74C-5A15-98A8E75B8334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bg1"/>
              </a:solidFill>
            </a:endParaRPr>
          </a:p>
        </p:txBody>
      </p:sp>
      <p:sp>
        <p:nvSpPr>
          <p:cNvPr id="15" name="Text Placeholder 11">
            <a:extLst>
              <a:ext uri="{FF2B5EF4-FFF2-40B4-BE49-F238E27FC236}">
                <a16:creationId xmlns:a16="http://schemas.microsoft.com/office/drawing/2014/main" id="{E52E99A1-BBE1-C2C9-52DC-E537688AFE21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81288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372462453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7C4F0014-27A5-4553-95CD-29D6E363972F}"/>
              </a:ext>
            </a:extLst>
          </p:cNvPr>
          <p:cNvSpPr>
            <a:spLocks noGrp="1"/>
          </p:cNvSpPr>
          <p:nvPr>
            <p:ph type="dt" sz="half" idx="28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0" name="Footer Placeholder 9" hidden="1">
            <a:extLst>
              <a:ext uri="{FF2B5EF4-FFF2-40B4-BE49-F238E27FC236}">
                <a16:creationId xmlns:a16="http://schemas.microsoft.com/office/drawing/2014/main" id="{A1AA6A08-727A-46DD-81F5-0D671522EE56}"/>
              </a:ext>
            </a:extLst>
          </p:cNvPr>
          <p:cNvSpPr>
            <a:spLocks noGrp="1"/>
          </p:cNvSpPr>
          <p:nvPr>
            <p:ph type="ftr" sz="quarter" idx="29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6788" cy="5228852"/>
          </a:xfrm>
          <a:solidFill>
            <a:srgbClr val="DADADA"/>
          </a:solidFill>
        </p:spPr>
        <p:txBody>
          <a:bodyPr lIns="72000" tIns="0" rIns="72000" bIns="36000" rtlCol="0" anchor="b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5" name="Picture Placeholder 4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1" y="809998"/>
            <a:ext cx="3522662" cy="5228852"/>
          </a:xfrm>
          <a:solidFill>
            <a:srgbClr val="DADADA"/>
          </a:solidFill>
        </p:spPr>
        <p:txBody>
          <a:bodyPr lIns="72000" tIns="0" rIns="72000" bIns="36000" rtlCol="0" anchor="b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FE25EEA1-6143-4D43-9241-24E11061080D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53733309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D57ED5BF-CDB8-48DC-811C-E6BCA19807C4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D794965-EE4F-4E2F-B12B-97B08930DD14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541337" y="3560400"/>
            <a:ext cx="7310415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809998"/>
            <a:ext cx="3522662" cy="523080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CC90E4DE-10E6-4400-97D3-6B14B73560B1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90011477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7FEEF6E8-34C6-4798-B9BD-2B7937D0DD65}"/>
              </a:ext>
            </a:extLst>
          </p:cNvPr>
          <p:cNvSpPr>
            <a:spLocks noGrp="1"/>
          </p:cNvSpPr>
          <p:nvPr>
            <p:ph type="dt" sz="half" idx="2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3D94025-5046-4A78-B89A-36EAA39D5049}"/>
              </a:ext>
            </a:extLst>
          </p:cNvPr>
          <p:cNvSpPr>
            <a:spLocks noGrp="1"/>
          </p:cNvSpPr>
          <p:nvPr>
            <p:ph type="ftr" sz="quarter" idx="3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3522663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 noProof="1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BF463F5F-EFE1-4016-A244-AC724227A76C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04427162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ire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5421252" cy="24789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6230940" y="809998"/>
            <a:ext cx="5419723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539750" y="3560400"/>
            <a:ext cx="5419725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6230939" y="3560400"/>
            <a:ext cx="5419724" cy="24804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2376779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Fem bil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41539450-5275-4FA3-A780-22B6879E3729}"/>
              </a:ext>
            </a:extLst>
          </p:cNvPr>
          <p:cNvSpPr>
            <a:spLocks noGrp="1"/>
          </p:cNvSpPr>
          <p:nvPr>
            <p:ph type="dt" sz="half" idx="31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13F19BC-9810-4EE7-B994-7039A43DFFE3}"/>
              </a:ext>
            </a:extLst>
          </p:cNvPr>
          <p:cNvSpPr>
            <a:spLocks noGrp="1"/>
          </p:cNvSpPr>
          <p:nvPr>
            <p:ph type="ftr" sz="quarter" idx="32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7312002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8128000" y="809998"/>
            <a:ext cx="1625601" cy="24804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8128001" y="3560400"/>
            <a:ext cx="3522662" cy="24804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1000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9" name="Picture Placeholder 5">
            <a:extLst>
              <a:ext uri="{FF2B5EF4-FFF2-40B4-BE49-F238E27FC236}">
                <a16:creationId xmlns:a16="http://schemas.microsoft.com/office/drawing/2014/main" id="{30808F22-C2ED-4B8C-ACF1-2B5167DFE5CE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74398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225396D8-879D-4B2D-B7C8-3D59AA4BAC10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E39D8CBE-8B24-42DA-BBD3-9A3E723A5A1F}"/>
              </a:ext>
            </a:extLst>
          </p:cNvPr>
          <p:cNvSpPr>
            <a:spLocks noGrp="1"/>
          </p:cNvSpPr>
          <p:nvPr>
            <p:ph type="sldNum" sz="quarter" idx="33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41304160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3EDC79EB-E94E-4BA8-8FEE-16D41D2AA2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4CCDE022-BFFF-4556-A5CE-C02E361B49D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2574925" cy="3844802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10023475" y="804425"/>
            <a:ext cx="1627188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</a:t>
            </a:r>
            <a:r>
              <a:rPr lang="sv-se" noProof="1"/>
              <a:t>Fotoware</a:t>
            </a:r>
            <a:r>
              <a:rPr lang="sv-se"/>
              <a:t>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66256E9F-4453-44F8-A417-02EEC71690F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92131490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telslide hvit">
    <p:bg>
      <p:bgPr>
        <a:solidFill>
          <a:schemeClr val="accent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7" name="Background">
            <a:extLst>
              <a:ext uri="{FF2B5EF4-FFF2-40B4-BE49-F238E27FC236}">
                <a16:creationId xmlns:a16="http://schemas.microsoft.com/office/drawing/2014/main" id="{90A21EF6-68DD-F13A-80FC-9CE659774577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5" name="Logo">
            <a:extLst>
              <a:ext uri="{FF2B5EF4-FFF2-40B4-BE49-F238E27FC236}">
                <a16:creationId xmlns:a16="http://schemas.microsoft.com/office/drawing/2014/main" id="{38F4947C-963B-D0D0-7538-FCBA58A27A1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759600" y="838800"/>
            <a:ext cx="684000" cy="684000"/>
          </a:xfrm>
          <a:prstGeom prst="rect">
            <a:avLst/>
          </a:prstGeom>
        </p:spPr>
      </p:pic>
      <p:sp>
        <p:nvSpPr>
          <p:cNvPr id="5012" name="Placeholder picture">
            <a:extLst>
              <a:ext uri="{FF2B5EF4-FFF2-40B4-BE49-F238E27FC236}">
                <a16:creationId xmlns:a16="http://schemas.microsoft.com/office/drawing/2014/main" id="{255E433A-D760-3EA6-0FC6-E57BFFB488A5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>
          <a:xfrm>
            <a:off x="5334000" y="0"/>
            <a:ext cx="6858000" cy="6858000"/>
          </a:xfrm>
          <a:custGeom>
            <a:avLst/>
            <a:gdLst>
              <a:gd name="connsiteX0" fmla="*/ 5714630 w 6858000"/>
              <a:gd name="connsiteY0" fmla="*/ 6808450 h 6858000"/>
              <a:gd name="connsiteX1" fmla="*/ 5714630 w 6858000"/>
              <a:gd name="connsiteY1" fmla="*/ 6808894 h 6858000"/>
              <a:gd name="connsiteX2" fmla="*/ 5715074 w 6858000"/>
              <a:gd name="connsiteY2" fmla="*/ 6808894 h 6858000"/>
              <a:gd name="connsiteX3" fmla="*/ 5715074 w 6858000"/>
              <a:gd name="connsiteY3" fmla="*/ 6808450 h 6858000"/>
              <a:gd name="connsiteX4" fmla="*/ 5591573 w 6858000"/>
              <a:gd name="connsiteY4" fmla="*/ 6808450 h 6858000"/>
              <a:gd name="connsiteX5" fmla="*/ 5591573 w 6858000"/>
              <a:gd name="connsiteY5" fmla="*/ 6808894 h 6858000"/>
              <a:gd name="connsiteX6" fmla="*/ 5592018 w 6858000"/>
              <a:gd name="connsiteY6" fmla="*/ 6808894 h 6858000"/>
              <a:gd name="connsiteX7" fmla="*/ 5592018 w 6858000"/>
              <a:gd name="connsiteY7" fmla="*/ 6808450 h 6858000"/>
              <a:gd name="connsiteX8" fmla="*/ 5468515 w 6858000"/>
              <a:gd name="connsiteY8" fmla="*/ 6808450 h 6858000"/>
              <a:gd name="connsiteX9" fmla="*/ 5468515 w 6858000"/>
              <a:gd name="connsiteY9" fmla="*/ 6808894 h 6858000"/>
              <a:gd name="connsiteX10" fmla="*/ 5468959 w 6858000"/>
              <a:gd name="connsiteY10" fmla="*/ 6808894 h 6858000"/>
              <a:gd name="connsiteX11" fmla="*/ 5468959 w 6858000"/>
              <a:gd name="connsiteY11" fmla="*/ 6808450 h 6858000"/>
              <a:gd name="connsiteX12" fmla="*/ 5345458 w 6858000"/>
              <a:gd name="connsiteY12" fmla="*/ 6808450 h 6858000"/>
              <a:gd name="connsiteX13" fmla="*/ 5345458 w 6858000"/>
              <a:gd name="connsiteY13" fmla="*/ 6808894 h 6858000"/>
              <a:gd name="connsiteX14" fmla="*/ 5345902 w 6858000"/>
              <a:gd name="connsiteY14" fmla="*/ 6808894 h 6858000"/>
              <a:gd name="connsiteX15" fmla="*/ 5345902 w 6858000"/>
              <a:gd name="connsiteY15" fmla="*/ 6808450 h 6858000"/>
              <a:gd name="connsiteX16" fmla="*/ 5222401 w 6858000"/>
              <a:gd name="connsiteY16" fmla="*/ 6808450 h 6858000"/>
              <a:gd name="connsiteX17" fmla="*/ 5222401 w 6858000"/>
              <a:gd name="connsiteY17" fmla="*/ 6808894 h 6858000"/>
              <a:gd name="connsiteX18" fmla="*/ 5222845 w 6858000"/>
              <a:gd name="connsiteY18" fmla="*/ 6808894 h 6858000"/>
              <a:gd name="connsiteX19" fmla="*/ 5222845 w 6858000"/>
              <a:gd name="connsiteY19" fmla="*/ 6808450 h 6858000"/>
              <a:gd name="connsiteX20" fmla="*/ 5099306 w 6858000"/>
              <a:gd name="connsiteY20" fmla="*/ 6808450 h 6858000"/>
              <a:gd name="connsiteX21" fmla="*/ 5099306 w 6858000"/>
              <a:gd name="connsiteY21" fmla="*/ 6808894 h 6858000"/>
              <a:gd name="connsiteX22" fmla="*/ 5099750 w 6858000"/>
              <a:gd name="connsiteY22" fmla="*/ 6808894 h 6858000"/>
              <a:gd name="connsiteX23" fmla="*/ 5099750 w 6858000"/>
              <a:gd name="connsiteY23" fmla="*/ 6808450 h 6858000"/>
              <a:gd name="connsiteX24" fmla="*/ 4976249 w 6858000"/>
              <a:gd name="connsiteY24" fmla="*/ 6808450 h 6858000"/>
              <a:gd name="connsiteX25" fmla="*/ 4976249 w 6858000"/>
              <a:gd name="connsiteY25" fmla="*/ 6808894 h 6858000"/>
              <a:gd name="connsiteX26" fmla="*/ 4976693 w 6858000"/>
              <a:gd name="connsiteY26" fmla="*/ 6808894 h 6858000"/>
              <a:gd name="connsiteX27" fmla="*/ 4976693 w 6858000"/>
              <a:gd name="connsiteY27" fmla="*/ 6808450 h 6858000"/>
              <a:gd name="connsiteX28" fmla="*/ 4853192 w 6858000"/>
              <a:gd name="connsiteY28" fmla="*/ 6808450 h 6858000"/>
              <a:gd name="connsiteX29" fmla="*/ 4853192 w 6858000"/>
              <a:gd name="connsiteY29" fmla="*/ 6808894 h 6858000"/>
              <a:gd name="connsiteX30" fmla="*/ 4853637 w 6858000"/>
              <a:gd name="connsiteY30" fmla="*/ 6808894 h 6858000"/>
              <a:gd name="connsiteX31" fmla="*/ 4853637 w 6858000"/>
              <a:gd name="connsiteY31" fmla="*/ 6808450 h 6858000"/>
              <a:gd name="connsiteX32" fmla="*/ 4730134 w 6858000"/>
              <a:gd name="connsiteY32" fmla="*/ 6808450 h 6858000"/>
              <a:gd name="connsiteX33" fmla="*/ 4730134 w 6858000"/>
              <a:gd name="connsiteY33" fmla="*/ 6808894 h 6858000"/>
              <a:gd name="connsiteX34" fmla="*/ 4730579 w 6858000"/>
              <a:gd name="connsiteY34" fmla="*/ 6808894 h 6858000"/>
              <a:gd name="connsiteX35" fmla="*/ 4730579 w 6858000"/>
              <a:gd name="connsiteY35" fmla="*/ 6808450 h 6858000"/>
              <a:gd name="connsiteX36" fmla="*/ 4484020 w 6858000"/>
              <a:gd name="connsiteY36" fmla="*/ 6808450 h 6858000"/>
              <a:gd name="connsiteX37" fmla="*/ 4484020 w 6858000"/>
              <a:gd name="connsiteY37" fmla="*/ 6808894 h 6858000"/>
              <a:gd name="connsiteX38" fmla="*/ 4484464 w 6858000"/>
              <a:gd name="connsiteY38" fmla="*/ 6808894 h 6858000"/>
              <a:gd name="connsiteX39" fmla="*/ 4484464 w 6858000"/>
              <a:gd name="connsiteY39" fmla="*/ 6808450 h 6858000"/>
              <a:gd name="connsiteX40" fmla="*/ 4360962 w 6858000"/>
              <a:gd name="connsiteY40" fmla="*/ 6808450 h 6858000"/>
              <a:gd name="connsiteX41" fmla="*/ 4360962 w 6858000"/>
              <a:gd name="connsiteY41" fmla="*/ 6808894 h 6858000"/>
              <a:gd name="connsiteX42" fmla="*/ 4361406 w 6858000"/>
              <a:gd name="connsiteY42" fmla="*/ 6808894 h 6858000"/>
              <a:gd name="connsiteX43" fmla="*/ 4361406 w 6858000"/>
              <a:gd name="connsiteY43" fmla="*/ 6808450 h 6858000"/>
              <a:gd name="connsiteX44" fmla="*/ 4237905 w 6858000"/>
              <a:gd name="connsiteY44" fmla="*/ 6808450 h 6858000"/>
              <a:gd name="connsiteX45" fmla="*/ 4237905 w 6858000"/>
              <a:gd name="connsiteY45" fmla="*/ 6808894 h 6858000"/>
              <a:gd name="connsiteX46" fmla="*/ 4238349 w 6858000"/>
              <a:gd name="connsiteY46" fmla="*/ 6808894 h 6858000"/>
              <a:gd name="connsiteX47" fmla="*/ 4238349 w 6858000"/>
              <a:gd name="connsiteY47" fmla="*/ 6808450 h 6858000"/>
              <a:gd name="connsiteX48" fmla="*/ 4114848 w 6858000"/>
              <a:gd name="connsiteY48" fmla="*/ 6808450 h 6858000"/>
              <a:gd name="connsiteX49" fmla="*/ 4114848 w 6858000"/>
              <a:gd name="connsiteY49" fmla="*/ 6808894 h 6858000"/>
              <a:gd name="connsiteX50" fmla="*/ 4115292 w 6858000"/>
              <a:gd name="connsiteY50" fmla="*/ 6808894 h 6858000"/>
              <a:gd name="connsiteX51" fmla="*/ 4115292 w 6858000"/>
              <a:gd name="connsiteY51" fmla="*/ 6808450 h 6858000"/>
              <a:gd name="connsiteX52" fmla="*/ 3991790 w 6858000"/>
              <a:gd name="connsiteY52" fmla="*/ 6808450 h 6858000"/>
              <a:gd name="connsiteX53" fmla="*/ 3991790 w 6858000"/>
              <a:gd name="connsiteY53" fmla="*/ 6808894 h 6858000"/>
              <a:gd name="connsiteX54" fmla="*/ 3992235 w 6858000"/>
              <a:gd name="connsiteY54" fmla="*/ 6808894 h 6858000"/>
              <a:gd name="connsiteX55" fmla="*/ 3992235 w 6858000"/>
              <a:gd name="connsiteY55" fmla="*/ 6808450 h 6858000"/>
              <a:gd name="connsiteX56" fmla="*/ 3868511 w 6858000"/>
              <a:gd name="connsiteY56" fmla="*/ 6808227 h 6858000"/>
              <a:gd name="connsiteX57" fmla="*/ 3868511 w 6858000"/>
              <a:gd name="connsiteY57" fmla="*/ 6809079 h 6858000"/>
              <a:gd name="connsiteX58" fmla="*/ 3869363 w 6858000"/>
              <a:gd name="connsiteY58" fmla="*/ 6809079 h 6858000"/>
              <a:gd name="connsiteX59" fmla="*/ 3869363 w 6858000"/>
              <a:gd name="connsiteY59" fmla="*/ 6808227 h 6858000"/>
              <a:gd name="connsiteX60" fmla="*/ 3745231 w 6858000"/>
              <a:gd name="connsiteY60" fmla="*/ 6808005 h 6858000"/>
              <a:gd name="connsiteX61" fmla="*/ 3745231 w 6858000"/>
              <a:gd name="connsiteY61" fmla="*/ 6809301 h 6858000"/>
              <a:gd name="connsiteX62" fmla="*/ 3746527 w 6858000"/>
              <a:gd name="connsiteY62" fmla="*/ 6809301 h 6858000"/>
              <a:gd name="connsiteX63" fmla="*/ 3746527 w 6858000"/>
              <a:gd name="connsiteY63" fmla="*/ 6808005 h 6858000"/>
              <a:gd name="connsiteX64" fmla="*/ 3621730 w 6858000"/>
              <a:gd name="connsiteY64" fmla="*/ 6807561 h 6858000"/>
              <a:gd name="connsiteX65" fmla="*/ 3621730 w 6858000"/>
              <a:gd name="connsiteY65" fmla="*/ 6809746 h 6858000"/>
              <a:gd name="connsiteX66" fmla="*/ 3623915 w 6858000"/>
              <a:gd name="connsiteY66" fmla="*/ 6809746 h 6858000"/>
              <a:gd name="connsiteX67" fmla="*/ 3623915 w 6858000"/>
              <a:gd name="connsiteY67" fmla="*/ 6807561 h 6858000"/>
              <a:gd name="connsiteX68" fmla="*/ 3498228 w 6858000"/>
              <a:gd name="connsiteY68" fmla="*/ 6807117 h 6858000"/>
              <a:gd name="connsiteX69" fmla="*/ 3498228 w 6858000"/>
              <a:gd name="connsiteY69" fmla="*/ 6810153 h 6858000"/>
              <a:gd name="connsiteX70" fmla="*/ 3501265 w 6858000"/>
              <a:gd name="connsiteY70" fmla="*/ 6810153 h 6858000"/>
              <a:gd name="connsiteX71" fmla="*/ 3501265 w 6858000"/>
              <a:gd name="connsiteY71" fmla="*/ 6807117 h 6858000"/>
              <a:gd name="connsiteX72" fmla="*/ 3374541 w 6858000"/>
              <a:gd name="connsiteY72" fmla="*/ 6806487 h 6858000"/>
              <a:gd name="connsiteX73" fmla="*/ 3374541 w 6858000"/>
              <a:gd name="connsiteY73" fmla="*/ 6810820 h 6858000"/>
              <a:gd name="connsiteX74" fmla="*/ 3378874 w 6858000"/>
              <a:gd name="connsiteY74" fmla="*/ 6810820 h 6858000"/>
              <a:gd name="connsiteX75" fmla="*/ 3378874 w 6858000"/>
              <a:gd name="connsiteY75" fmla="*/ 6806487 h 6858000"/>
              <a:gd name="connsiteX76" fmla="*/ 3250817 w 6858000"/>
              <a:gd name="connsiteY76" fmla="*/ 6805820 h 6858000"/>
              <a:gd name="connsiteX77" fmla="*/ 3250817 w 6858000"/>
              <a:gd name="connsiteY77" fmla="*/ 6811449 h 6858000"/>
              <a:gd name="connsiteX78" fmla="*/ 3256446 w 6858000"/>
              <a:gd name="connsiteY78" fmla="*/ 6811449 h 6858000"/>
              <a:gd name="connsiteX79" fmla="*/ 3256446 w 6858000"/>
              <a:gd name="connsiteY79" fmla="*/ 6805820 h 6858000"/>
              <a:gd name="connsiteX80" fmla="*/ 3126871 w 6858000"/>
              <a:gd name="connsiteY80" fmla="*/ 6804969 h 6858000"/>
              <a:gd name="connsiteX81" fmla="*/ 3126871 w 6858000"/>
              <a:gd name="connsiteY81" fmla="*/ 6812339 h 6858000"/>
              <a:gd name="connsiteX82" fmla="*/ 3134240 w 6858000"/>
              <a:gd name="connsiteY82" fmla="*/ 6812339 h 6858000"/>
              <a:gd name="connsiteX83" fmla="*/ 3134240 w 6858000"/>
              <a:gd name="connsiteY83" fmla="*/ 6804969 h 6858000"/>
              <a:gd name="connsiteX84" fmla="*/ 3002518 w 6858000"/>
              <a:gd name="connsiteY84" fmla="*/ 6803673 h 6858000"/>
              <a:gd name="connsiteX85" fmla="*/ 3002518 w 6858000"/>
              <a:gd name="connsiteY85" fmla="*/ 6813671 h 6858000"/>
              <a:gd name="connsiteX86" fmla="*/ 3012517 w 6858000"/>
              <a:gd name="connsiteY86" fmla="*/ 6813671 h 6858000"/>
              <a:gd name="connsiteX87" fmla="*/ 3012517 w 6858000"/>
              <a:gd name="connsiteY87" fmla="*/ 6803673 h 6858000"/>
              <a:gd name="connsiteX88" fmla="*/ 2878386 w 6858000"/>
              <a:gd name="connsiteY88" fmla="*/ 6802562 h 6858000"/>
              <a:gd name="connsiteX89" fmla="*/ 2878386 w 6858000"/>
              <a:gd name="connsiteY89" fmla="*/ 6814709 h 6858000"/>
              <a:gd name="connsiteX90" fmla="*/ 2890533 w 6858000"/>
              <a:gd name="connsiteY90" fmla="*/ 6814709 h 6858000"/>
              <a:gd name="connsiteX91" fmla="*/ 2890533 w 6858000"/>
              <a:gd name="connsiteY91" fmla="*/ 6802562 h 6858000"/>
              <a:gd name="connsiteX92" fmla="*/ 2753589 w 6858000"/>
              <a:gd name="connsiteY92" fmla="*/ 6800821 h 6858000"/>
              <a:gd name="connsiteX93" fmla="*/ 2753589 w 6858000"/>
              <a:gd name="connsiteY93" fmla="*/ 6816449 h 6858000"/>
              <a:gd name="connsiteX94" fmla="*/ 2769216 w 6858000"/>
              <a:gd name="connsiteY94" fmla="*/ 6816449 h 6858000"/>
              <a:gd name="connsiteX95" fmla="*/ 2769216 w 6858000"/>
              <a:gd name="connsiteY95" fmla="*/ 6800821 h 6858000"/>
              <a:gd name="connsiteX96" fmla="*/ 2628791 w 6858000"/>
              <a:gd name="connsiteY96" fmla="*/ 6799081 h 6858000"/>
              <a:gd name="connsiteX97" fmla="*/ 2628791 w 6858000"/>
              <a:gd name="connsiteY97" fmla="*/ 6818190 h 6858000"/>
              <a:gd name="connsiteX98" fmla="*/ 2647899 w 6858000"/>
              <a:gd name="connsiteY98" fmla="*/ 6818190 h 6858000"/>
              <a:gd name="connsiteX99" fmla="*/ 2647899 w 6858000"/>
              <a:gd name="connsiteY99" fmla="*/ 6799081 h 6858000"/>
              <a:gd name="connsiteX100" fmla="*/ 2503771 w 6858000"/>
              <a:gd name="connsiteY100" fmla="*/ 6797155 h 6858000"/>
              <a:gd name="connsiteX101" fmla="*/ 2503771 w 6858000"/>
              <a:gd name="connsiteY101" fmla="*/ 6820189 h 6858000"/>
              <a:gd name="connsiteX102" fmla="*/ 2526805 w 6858000"/>
              <a:gd name="connsiteY102" fmla="*/ 6820189 h 6858000"/>
              <a:gd name="connsiteX103" fmla="*/ 2526805 w 6858000"/>
              <a:gd name="connsiteY103" fmla="*/ 6797155 h 6858000"/>
              <a:gd name="connsiteX104" fmla="*/ 2378306 w 6858000"/>
              <a:gd name="connsiteY104" fmla="*/ 6794748 h 6858000"/>
              <a:gd name="connsiteX105" fmla="*/ 2378306 w 6858000"/>
              <a:gd name="connsiteY105" fmla="*/ 6822559 h 6858000"/>
              <a:gd name="connsiteX106" fmla="*/ 2406117 w 6858000"/>
              <a:gd name="connsiteY106" fmla="*/ 6822559 h 6858000"/>
              <a:gd name="connsiteX107" fmla="*/ 2406117 w 6858000"/>
              <a:gd name="connsiteY107" fmla="*/ 6794748 h 6858000"/>
              <a:gd name="connsiteX108" fmla="*/ 2253101 w 6858000"/>
              <a:gd name="connsiteY108" fmla="*/ 6792563 h 6858000"/>
              <a:gd name="connsiteX109" fmla="*/ 2253101 w 6858000"/>
              <a:gd name="connsiteY109" fmla="*/ 6824707 h 6858000"/>
              <a:gd name="connsiteX110" fmla="*/ 2285245 w 6858000"/>
              <a:gd name="connsiteY110" fmla="*/ 6824707 h 6858000"/>
              <a:gd name="connsiteX111" fmla="*/ 2285245 w 6858000"/>
              <a:gd name="connsiteY111" fmla="*/ 6792563 h 6858000"/>
              <a:gd name="connsiteX112" fmla="*/ 2127415 w 6858000"/>
              <a:gd name="connsiteY112" fmla="*/ 6789971 h 6858000"/>
              <a:gd name="connsiteX113" fmla="*/ 2127415 w 6858000"/>
              <a:gd name="connsiteY113" fmla="*/ 6827336 h 6858000"/>
              <a:gd name="connsiteX114" fmla="*/ 2164780 w 6858000"/>
              <a:gd name="connsiteY114" fmla="*/ 6827336 h 6858000"/>
              <a:gd name="connsiteX115" fmla="*/ 2164780 w 6858000"/>
              <a:gd name="connsiteY115" fmla="*/ 6789971 h 6858000"/>
              <a:gd name="connsiteX116" fmla="*/ 2001765 w 6858000"/>
              <a:gd name="connsiteY116" fmla="*/ 6787378 h 6858000"/>
              <a:gd name="connsiteX117" fmla="*/ 2001765 w 6858000"/>
              <a:gd name="connsiteY117" fmla="*/ 6829928 h 6858000"/>
              <a:gd name="connsiteX118" fmla="*/ 2044315 w 6858000"/>
              <a:gd name="connsiteY118" fmla="*/ 6829928 h 6858000"/>
              <a:gd name="connsiteX119" fmla="*/ 2044315 w 6858000"/>
              <a:gd name="connsiteY119" fmla="*/ 6787378 h 6858000"/>
              <a:gd name="connsiteX120" fmla="*/ 1875856 w 6858000"/>
              <a:gd name="connsiteY120" fmla="*/ 6784527 h 6858000"/>
              <a:gd name="connsiteX121" fmla="*/ 1875856 w 6858000"/>
              <a:gd name="connsiteY121" fmla="*/ 6832743 h 6858000"/>
              <a:gd name="connsiteX122" fmla="*/ 1924072 w 6858000"/>
              <a:gd name="connsiteY122" fmla="*/ 6832743 h 6858000"/>
              <a:gd name="connsiteX123" fmla="*/ 1924072 w 6858000"/>
              <a:gd name="connsiteY123" fmla="*/ 6784527 h 6858000"/>
              <a:gd name="connsiteX124" fmla="*/ 1749985 w 6858000"/>
              <a:gd name="connsiteY124" fmla="*/ 6781713 h 6858000"/>
              <a:gd name="connsiteX125" fmla="*/ 1749985 w 6858000"/>
              <a:gd name="connsiteY125" fmla="*/ 6835558 h 6858000"/>
              <a:gd name="connsiteX126" fmla="*/ 1803830 w 6858000"/>
              <a:gd name="connsiteY126" fmla="*/ 6835558 h 6858000"/>
              <a:gd name="connsiteX127" fmla="*/ 1803830 w 6858000"/>
              <a:gd name="connsiteY127" fmla="*/ 6781713 h 6858000"/>
              <a:gd name="connsiteX128" fmla="*/ 1624113 w 6858000"/>
              <a:gd name="connsiteY128" fmla="*/ 6778898 h 6858000"/>
              <a:gd name="connsiteX129" fmla="*/ 1624113 w 6858000"/>
              <a:gd name="connsiteY129" fmla="*/ 6838408 h 6858000"/>
              <a:gd name="connsiteX130" fmla="*/ 1683623 w 6858000"/>
              <a:gd name="connsiteY130" fmla="*/ 6838408 h 6858000"/>
              <a:gd name="connsiteX131" fmla="*/ 1683623 w 6858000"/>
              <a:gd name="connsiteY131" fmla="*/ 6778898 h 6858000"/>
              <a:gd name="connsiteX132" fmla="*/ 1498204 w 6858000"/>
              <a:gd name="connsiteY132" fmla="*/ 6776084 h 6858000"/>
              <a:gd name="connsiteX133" fmla="*/ 1498204 w 6858000"/>
              <a:gd name="connsiteY133" fmla="*/ 6841223 h 6858000"/>
              <a:gd name="connsiteX134" fmla="*/ 1563343 w 6858000"/>
              <a:gd name="connsiteY134" fmla="*/ 6841223 h 6858000"/>
              <a:gd name="connsiteX135" fmla="*/ 1563343 w 6858000"/>
              <a:gd name="connsiteY135" fmla="*/ 6776084 h 6858000"/>
              <a:gd name="connsiteX136" fmla="*/ 1372332 w 6858000"/>
              <a:gd name="connsiteY136" fmla="*/ 6773269 h 6858000"/>
              <a:gd name="connsiteX137" fmla="*/ 1372332 w 6858000"/>
              <a:gd name="connsiteY137" fmla="*/ 6844074 h 6858000"/>
              <a:gd name="connsiteX138" fmla="*/ 1443137 w 6858000"/>
              <a:gd name="connsiteY138" fmla="*/ 6844074 h 6858000"/>
              <a:gd name="connsiteX139" fmla="*/ 1443137 w 6858000"/>
              <a:gd name="connsiteY139" fmla="*/ 6773269 h 6858000"/>
              <a:gd name="connsiteX140" fmla="*/ 1246683 w 6858000"/>
              <a:gd name="connsiteY140" fmla="*/ 6770640 h 6858000"/>
              <a:gd name="connsiteX141" fmla="*/ 1246683 w 6858000"/>
              <a:gd name="connsiteY141" fmla="*/ 6846630 h 6858000"/>
              <a:gd name="connsiteX142" fmla="*/ 1322673 w 6858000"/>
              <a:gd name="connsiteY142" fmla="*/ 6846630 h 6858000"/>
              <a:gd name="connsiteX143" fmla="*/ 1322673 w 6858000"/>
              <a:gd name="connsiteY143" fmla="*/ 6770640 h 6858000"/>
              <a:gd name="connsiteX144" fmla="*/ 1121218 w 6858000"/>
              <a:gd name="connsiteY144" fmla="*/ 6768270 h 6858000"/>
              <a:gd name="connsiteX145" fmla="*/ 1121218 w 6858000"/>
              <a:gd name="connsiteY145" fmla="*/ 6849074 h 6858000"/>
              <a:gd name="connsiteX146" fmla="*/ 1202022 w 6858000"/>
              <a:gd name="connsiteY146" fmla="*/ 6849074 h 6858000"/>
              <a:gd name="connsiteX147" fmla="*/ 1202022 w 6858000"/>
              <a:gd name="connsiteY147" fmla="*/ 6768270 h 6858000"/>
              <a:gd name="connsiteX148" fmla="*/ 995976 w 6858000"/>
              <a:gd name="connsiteY148" fmla="*/ 6766085 h 6858000"/>
              <a:gd name="connsiteX149" fmla="*/ 995976 w 6858000"/>
              <a:gd name="connsiteY149" fmla="*/ 6851222 h 6858000"/>
              <a:gd name="connsiteX150" fmla="*/ 1081113 w 6858000"/>
              <a:gd name="connsiteY150" fmla="*/ 6851222 h 6858000"/>
              <a:gd name="connsiteX151" fmla="*/ 1081113 w 6858000"/>
              <a:gd name="connsiteY151" fmla="*/ 6766085 h 6858000"/>
              <a:gd name="connsiteX152" fmla="*/ 870993 w 6858000"/>
              <a:gd name="connsiteY152" fmla="*/ 6764122 h 6858000"/>
              <a:gd name="connsiteX153" fmla="*/ 870993 w 6858000"/>
              <a:gd name="connsiteY153" fmla="*/ 6853147 h 6858000"/>
              <a:gd name="connsiteX154" fmla="*/ 960018 w 6858000"/>
              <a:gd name="connsiteY154" fmla="*/ 6853147 h 6858000"/>
              <a:gd name="connsiteX155" fmla="*/ 960018 w 6858000"/>
              <a:gd name="connsiteY155" fmla="*/ 6764122 h 6858000"/>
              <a:gd name="connsiteX156" fmla="*/ 746380 w 6858000"/>
              <a:gd name="connsiteY156" fmla="*/ 6762604 h 6858000"/>
              <a:gd name="connsiteX157" fmla="*/ 746380 w 6858000"/>
              <a:gd name="connsiteY157" fmla="*/ 6854665 h 6858000"/>
              <a:gd name="connsiteX158" fmla="*/ 838442 w 6858000"/>
              <a:gd name="connsiteY158" fmla="*/ 6854665 h 6858000"/>
              <a:gd name="connsiteX159" fmla="*/ 838442 w 6858000"/>
              <a:gd name="connsiteY159" fmla="*/ 6762604 h 6858000"/>
              <a:gd name="connsiteX160" fmla="*/ 621805 w 6858000"/>
              <a:gd name="connsiteY160" fmla="*/ 6761086 h 6858000"/>
              <a:gd name="connsiteX161" fmla="*/ 621805 w 6858000"/>
              <a:gd name="connsiteY161" fmla="*/ 6856221 h 6858000"/>
              <a:gd name="connsiteX162" fmla="*/ 716940 w 6858000"/>
              <a:gd name="connsiteY162" fmla="*/ 6856221 h 6858000"/>
              <a:gd name="connsiteX163" fmla="*/ 716940 w 6858000"/>
              <a:gd name="connsiteY163" fmla="*/ 6761086 h 6858000"/>
              <a:gd name="connsiteX164" fmla="*/ 497451 w 6858000"/>
              <a:gd name="connsiteY164" fmla="*/ 6759790 h 6858000"/>
              <a:gd name="connsiteX165" fmla="*/ 497451 w 6858000"/>
              <a:gd name="connsiteY165" fmla="*/ 6857517 h 6858000"/>
              <a:gd name="connsiteX166" fmla="*/ 595178 w 6858000"/>
              <a:gd name="connsiteY166" fmla="*/ 6857517 h 6858000"/>
              <a:gd name="connsiteX167" fmla="*/ 595178 w 6858000"/>
              <a:gd name="connsiteY167" fmla="*/ 6759790 h 6858000"/>
              <a:gd name="connsiteX168" fmla="*/ 5714630 w 6858000"/>
              <a:gd name="connsiteY168" fmla="*/ 6685355 h 6858000"/>
              <a:gd name="connsiteX169" fmla="*/ 5714630 w 6858000"/>
              <a:gd name="connsiteY169" fmla="*/ 6685799 h 6858000"/>
              <a:gd name="connsiteX170" fmla="*/ 5715074 w 6858000"/>
              <a:gd name="connsiteY170" fmla="*/ 6685799 h 6858000"/>
              <a:gd name="connsiteX171" fmla="*/ 5715074 w 6858000"/>
              <a:gd name="connsiteY171" fmla="*/ 6685355 h 6858000"/>
              <a:gd name="connsiteX172" fmla="*/ 5591573 w 6858000"/>
              <a:gd name="connsiteY172" fmla="*/ 6685355 h 6858000"/>
              <a:gd name="connsiteX173" fmla="*/ 5591573 w 6858000"/>
              <a:gd name="connsiteY173" fmla="*/ 6685799 h 6858000"/>
              <a:gd name="connsiteX174" fmla="*/ 5592018 w 6858000"/>
              <a:gd name="connsiteY174" fmla="*/ 6685799 h 6858000"/>
              <a:gd name="connsiteX175" fmla="*/ 5592018 w 6858000"/>
              <a:gd name="connsiteY175" fmla="*/ 6685355 h 6858000"/>
              <a:gd name="connsiteX176" fmla="*/ 5468515 w 6858000"/>
              <a:gd name="connsiteY176" fmla="*/ 6685355 h 6858000"/>
              <a:gd name="connsiteX177" fmla="*/ 5468515 w 6858000"/>
              <a:gd name="connsiteY177" fmla="*/ 6685799 h 6858000"/>
              <a:gd name="connsiteX178" fmla="*/ 5468959 w 6858000"/>
              <a:gd name="connsiteY178" fmla="*/ 6685799 h 6858000"/>
              <a:gd name="connsiteX179" fmla="*/ 5468959 w 6858000"/>
              <a:gd name="connsiteY179" fmla="*/ 6685355 h 6858000"/>
              <a:gd name="connsiteX180" fmla="*/ 5345458 w 6858000"/>
              <a:gd name="connsiteY180" fmla="*/ 6685355 h 6858000"/>
              <a:gd name="connsiteX181" fmla="*/ 5345458 w 6858000"/>
              <a:gd name="connsiteY181" fmla="*/ 6685799 h 6858000"/>
              <a:gd name="connsiteX182" fmla="*/ 5345902 w 6858000"/>
              <a:gd name="connsiteY182" fmla="*/ 6685799 h 6858000"/>
              <a:gd name="connsiteX183" fmla="*/ 5345902 w 6858000"/>
              <a:gd name="connsiteY183" fmla="*/ 6685355 h 6858000"/>
              <a:gd name="connsiteX184" fmla="*/ 5222401 w 6858000"/>
              <a:gd name="connsiteY184" fmla="*/ 6685355 h 6858000"/>
              <a:gd name="connsiteX185" fmla="*/ 5222401 w 6858000"/>
              <a:gd name="connsiteY185" fmla="*/ 6685799 h 6858000"/>
              <a:gd name="connsiteX186" fmla="*/ 5222845 w 6858000"/>
              <a:gd name="connsiteY186" fmla="*/ 6685799 h 6858000"/>
              <a:gd name="connsiteX187" fmla="*/ 5222845 w 6858000"/>
              <a:gd name="connsiteY187" fmla="*/ 6685355 h 6858000"/>
              <a:gd name="connsiteX188" fmla="*/ 5099306 w 6858000"/>
              <a:gd name="connsiteY188" fmla="*/ 6685355 h 6858000"/>
              <a:gd name="connsiteX189" fmla="*/ 5099306 w 6858000"/>
              <a:gd name="connsiteY189" fmla="*/ 6685799 h 6858000"/>
              <a:gd name="connsiteX190" fmla="*/ 5099750 w 6858000"/>
              <a:gd name="connsiteY190" fmla="*/ 6685799 h 6858000"/>
              <a:gd name="connsiteX191" fmla="*/ 5099750 w 6858000"/>
              <a:gd name="connsiteY191" fmla="*/ 6685355 h 6858000"/>
              <a:gd name="connsiteX192" fmla="*/ 4976249 w 6858000"/>
              <a:gd name="connsiteY192" fmla="*/ 6685355 h 6858000"/>
              <a:gd name="connsiteX193" fmla="*/ 4976249 w 6858000"/>
              <a:gd name="connsiteY193" fmla="*/ 6685799 h 6858000"/>
              <a:gd name="connsiteX194" fmla="*/ 4976693 w 6858000"/>
              <a:gd name="connsiteY194" fmla="*/ 6685799 h 6858000"/>
              <a:gd name="connsiteX195" fmla="*/ 4976693 w 6858000"/>
              <a:gd name="connsiteY195" fmla="*/ 6685355 h 6858000"/>
              <a:gd name="connsiteX196" fmla="*/ 4853192 w 6858000"/>
              <a:gd name="connsiteY196" fmla="*/ 6685355 h 6858000"/>
              <a:gd name="connsiteX197" fmla="*/ 4853192 w 6858000"/>
              <a:gd name="connsiteY197" fmla="*/ 6685799 h 6858000"/>
              <a:gd name="connsiteX198" fmla="*/ 4853637 w 6858000"/>
              <a:gd name="connsiteY198" fmla="*/ 6685799 h 6858000"/>
              <a:gd name="connsiteX199" fmla="*/ 4853637 w 6858000"/>
              <a:gd name="connsiteY199" fmla="*/ 6685355 h 6858000"/>
              <a:gd name="connsiteX200" fmla="*/ 4730134 w 6858000"/>
              <a:gd name="connsiteY200" fmla="*/ 6685355 h 6858000"/>
              <a:gd name="connsiteX201" fmla="*/ 4730134 w 6858000"/>
              <a:gd name="connsiteY201" fmla="*/ 6685799 h 6858000"/>
              <a:gd name="connsiteX202" fmla="*/ 4730579 w 6858000"/>
              <a:gd name="connsiteY202" fmla="*/ 6685799 h 6858000"/>
              <a:gd name="connsiteX203" fmla="*/ 4730579 w 6858000"/>
              <a:gd name="connsiteY203" fmla="*/ 6685355 h 6858000"/>
              <a:gd name="connsiteX204" fmla="*/ 4484020 w 6858000"/>
              <a:gd name="connsiteY204" fmla="*/ 6685355 h 6858000"/>
              <a:gd name="connsiteX205" fmla="*/ 4484020 w 6858000"/>
              <a:gd name="connsiteY205" fmla="*/ 6685799 h 6858000"/>
              <a:gd name="connsiteX206" fmla="*/ 4484464 w 6858000"/>
              <a:gd name="connsiteY206" fmla="*/ 6685799 h 6858000"/>
              <a:gd name="connsiteX207" fmla="*/ 4484464 w 6858000"/>
              <a:gd name="connsiteY207" fmla="*/ 6685355 h 6858000"/>
              <a:gd name="connsiteX208" fmla="*/ 4360962 w 6858000"/>
              <a:gd name="connsiteY208" fmla="*/ 6685355 h 6858000"/>
              <a:gd name="connsiteX209" fmla="*/ 4360962 w 6858000"/>
              <a:gd name="connsiteY209" fmla="*/ 6685799 h 6858000"/>
              <a:gd name="connsiteX210" fmla="*/ 4361406 w 6858000"/>
              <a:gd name="connsiteY210" fmla="*/ 6685799 h 6858000"/>
              <a:gd name="connsiteX211" fmla="*/ 4361406 w 6858000"/>
              <a:gd name="connsiteY211" fmla="*/ 6685355 h 6858000"/>
              <a:gd name="connsiteX212" fmla="*/ 4237905 w 6858000"/>
              <a:gd name="connsiteY212" fmla="*/ 6685355 h 6858000"/>
              <a:gd name="connsiteX213" fmla="*/ 4237905 w 6858000"/>
              <a:gd name="connsiteY213" fmla="*/ 6685799 h 6858000"/>
              <a:gd name="connsiteX214" fmla="*/ 4238349 w 6858000"/>
              <a:gd name="connsiteY214" fmla="*/ 6685799 h 6858000"/>
              <a:gd name="connsiteX215" fmla="*/ 4238349 w 6858000"/>
              <a:gd name="connsiteY215" fmla="*/ 6685355 h 6858000"/>
              <a:gd name="connsiteX216" fmla="*/ 4114848 w 6858000"/>
              <a:gd name="connsiteY216" fmla="*/ 6685355 h 6858000"/>
              <a:gd name="connsiteX217" fmla="*/ 4114848 w 6858000"/>
              <a:gd name="connsiteY217" fmla="*/ 6685799 h 6858000"/>
              <a:gd name="connsiteX218" fmla="*/ 4115292 w 6858000"/>
              <a:gd name="connsiteY218" fmla="*/ 6685799 h 6858000"/>
              <a:gd name="connsiteX219" fmla="*/ 4115292 w 6858000"/>
              <a:gd name="connsiteY219" fmla="*/ 6685355 h 6858000"/>
              <a:gd name="connsiteX220" fmla="*/ 3991568 w 6858000"/>
              <a:gd name="connsiteY220" fmla="*/ 6685170 h 6858000"/>
              <a:gd name="connsiteX221" fmla="*/ 3991568 w 6858000"/>
              <a:gd name="connsiteY221" fmla="*/ 6686022 h 6858000"/>
              <a:gd name="connsiteX222" fmla="*/ 3992420 w 6858000"/>
              <a:gd name="connsiteY222" fmla="*/ 6686022 h 6858000"/>
              <a:gd name="connsiteX223" fmla="*/ 3992420 w 6858000"/>
              <a:gd name="connsiteY223" fmla="*/ 6685170 h 6858000"/>
              <a:gd name="connsiteX224" fmla="*/ 3868511 w 6858000"/>
              <a:gd name="connsiteY224" fmla="*/ 6685170 h 6858000"/>
              <a:gd name="connsiteX225" fmla="*/ 3868511 w 6858000"/>
              <a:gd name="connsiteY225" fmla="*/ 6686022 h 6858000"/>
              <a:gd name="connsiteX226" fmla="*/ 3869363 w 6858000"/>
              <a:gd name="connsiteY226" fmla="*/ 6686022 h 6858000"/>
              <a:gd name="connsiteX227" fmla="*/ 3869363 w 6858000"/>
              <a:gd name="connsiteY227" fmla="*/ 6685170 h 6858000"/>
              <a:gd name="connsiteX228" fmla="*/ 3745231 w 6858000"/>
              <a:gd name="connsiteY228" fmla="*/ 6684948 h 6858000"/>
              <a:gd name="connsiteX229" fmla="*/ 3745231 w 6858000"/>
              <a:gd name="connsiteY229" fmla="*/ 6686244 h 6858000"/>
              <a:gd name="connsiteX230" fmla="*/ 3746527 w 6858000"/>
              <a:gd name="connsiteY230" fmla="*/ 6686244 h 6858000"/>
              <a:gd name="connsiteX231" fmla="*/ 3746527 w 6858000"/>
              <a:gd name="connsiteY231" fmla="*/ 6684948 h 6858000"/>
              <a:gd name="connsiteX232" fmla="*/ 3621730 w 6858000"/>
              <a:gd name="connsiteY232" fmla="*/ 6684504 h 6858000"/>
              <a:gd name="connsiteX233" fmla="*/ 3621730 w 6858000"/>
              <a:gd name="connsiteY233" fmla="*/ 6686689 h 6858000"/>
              <a:gd name="connsiteX234" fmla="*/ 3623915 w 6858000"/>
              <a:gd name="connsiteY234" fmla="*/ 6686689 h 6858000"/>
              <a:gd name="connsiteX235" fmla="*/ 3623915 w 6858000"/>
              <a:gd name="connsiteY235" fmla="*/ 6684504 h 6858000"/>
              <a:gd name="connsiteX236" fmla="*/ 3498228 w 6858000"/>
              <a:gd name="connsiteY236" fmla="*/ 6684059 h 6858000"/>
              <a:gd name="connsiteX237" fmla="*/ 3498228 w 6858000"/>
              <a:gd name="connsiteY237" fmla="*/ 6687096 h 6858000"/>
              <a:gd name="connsiteX238" fmla="*/ 3501265 w 6858000"/>
              <a:gd name="connsiteY238" fmla="*/ 6687096 h 6858000"/>
              <a:gd name="connsiteX239" fmla="*/ 3501265 w 6858000"/>
              <a:gd name="connsiteY239" fmla="*/ 6684059 h 6858000"/>
              <a:gd name="connsiteX240" fmla="*/ 3374541 w 6858000"/>
              <a:gd name="connsiteY240" fmla="*/ 6683430 h 6858000"/>
              <a:gd name="connsiteX241" fmla="*/ 3374541 w 6858000"/>
              <a:gd name="connsiteY241" fmla="*/ 6687763 h 6858000"/>
              <a:gd name="connsiteX242" fmla="*/ 3378874 w 6858000"/>
              <a:gd name="connsiteY242" fmla="*/ 6687763 h 6858000"/>
              <a:gd name="connsiteX243" fmla="*/ 3378874 w 6858000"/>
              <a:gd name="connsiteY243" fmla="*/ 6683430 h 6858000"/>
              <a:gd name="connsiteX244" fmla="*/ 3250595 w 6858000"/>
              <a:gd name="connsiteY244" fmla="*/ 6682541 h 6858000"/>
              <a:gd name="connsiteX245" fmla="*/ 3250595 w 6858000"/>
              <a:gd name="connsiteY245" fmla="*/ 6688614 h 6858000"/>
              <a:gd name="connsiteX246" fmla="*/ 3256668 w 6858000"/>
              <a:gd name="connsiteY246" fmla="*/ 6688614 h 6858000"/>
              <a:gd name="connsiteX247" fmla="*/ 3256668 w 6858000"/>
              <a:gd name="connsiteY247" fmla="*/ 6682541 h 6858000"/>
              <a:gd name="connsiteX248" fmla="*/ 3126686 w 6858000"/>
              <a:gd name="connsiteY248" fmla="*/ 6681689 h 6858000"/>
              <a:gd name="connsiteX249" fmla="*/ 3126686 w 6858000"/>
              <a:gd name="connsiteY249" fmla="*/ 6689503 h 6858000"/>
              <a:gd name="connsiteX250" fmla="*/ 3134500 w 6858000"/>
              <a:gd name="connsiteY250" fmla="*/ 6689503 h 6858000"/>
              <a:gd name="connsiteX251" fmla="*/ 3134500 w 6858000"/>
              <a:gd name="connsiteY251" fmla="*/ 6681689 h 6858000"/>
              <a:gd name="connsiteX252" fmla="*/ 3002296 w 6858000"/>
              <a:gd name="connsiteY252" fmla="*/ 6680393 h 6858000"/>
              <a:gd name="connsiteX253" fmla="*/ 3002296 w 6858000"/>
              <a:gd name="connsiteY253" fmla="*/ 6690799 h 6858000"/>
              <a:gd name="connsiteX254" fmla="*/ 3012702 w 6858000"/>
              <a:gd name="connsiteY254" fmla="*/ 6690799 h 6858000"/>
              <a:gd name="connsiteX255" fmla="*/ 3012702 w 6858000"/>
              <a:gd name="connsiteY255" fmla="*/ 6680393 h 6858000"/>
              <a:gd name="connsiteX256" fmla="*/ 2877942 w 6858000"/>
              <a:gd name="connsiteY256" fmla="*/ 6679060 h 6858000"/>
              <a:gd name="connsiteX257" fmla="*/ 2877942 w 6858000"/>
              <a:gd name="connsiteY257" fmla="*/ 6692096 h 6858000"/>
              <a:gd name="connsiteX258" fmla="*/ 2890977 w 6858000"/>
              <a:gd name="connsiteY258" fmla="*/ 6692096 h 6858000"/>
              <a:gd name="connsiteX259" fmla="*/ 2890977 w 6858000"/>
              <a:gd name="connsiteY259" fmla="*/ 6679060 h 6858000"/>
              <a:gd name="connsiteX260" fmla="*/ 2753144 w 6858000"/>
              <a:gd name="connsiteY260" fmla="*/ 6677319 h 6858000"/>
              <a:gd name="connsiteX261" fmla="*/ 2753144 w 6858000"/>
              <a:gd name="connsiteY261" fmla="*/ 6693835 h 6858000"/>
              <a:gd name="connsiteX262" fmla="*/ 2769660 w 6858000"/>
              <a:gd name="connsiteY262" fmla="*/ 6693835 h 6858000"/>
              <a:gd name="connsiteX263" fmla="*/ 2769660 w 6858000"/>
              <a:gd name="connsiteY263" fmla="*/ 6677319 h 6858000"/>
              <a:gd name="connsiteX264" fmla="*/ 2628124 w 6858000"/>
              <a:gd name="connsiteY264" fmla="*/ 6675394 h 6858000"/>
              <a:gd name="connsiteX265" fmla="*/ 2628124 w 6858000"/>
              <a:gd name="connsiteY265" fmla="*/ 6695798 h 6858000"/>
              <a:gd name="connsiteX266" fmla="*/ 2648529 w 6858000"/>
              <a:gd name="connsiteY266" fmla="*/ 6695798 h 6858000"/>
              <a:gd name="connsiteX267" fmla="*/ 2648529 w 6858000"/>
              <a:gd name="connsiteY267" fmla="*/ 6675394 h 6858000"/>
              <a:gd name="connsiteX268" fmla="*/ 2502882 w 6858000"/>
              <a:gd name="connsiteY268" fmla="*/ 6673209 h 6858000"/>
              <a:gd name="connsiteX269" fmla="*/ 2502882 w 6858000"/>
              <a:gd name="connsiteY269" fmla="*/ 6697983 h 6858000"/>
              <a:gd name="connsiteX270" fmla="*/ 2527656 w 6858000"/>
              <a:gd name="connsiteY270" fmla="*/ 6697983 h 6858000"/>
              <a:gd name="connsiteX271" fmla="*/ 2527656 w 6858000"/>
              <a:gd name="connsiteY271" fmla="*/ 6673209 h 6858000"/>
              <a:gd name="connsiteX272" fmla="*/ 2377455 w 6858000"/>
              <a:gd name="connsiteY272" fmla="*/ 6670839 h 6858000"/>
              <a:gd name="connsiteX273" fmla="*/ 2377455 w 6858000"/>
              <a:gd name="connsiteY273" fmla="*/ 6700390 h 6858000"/>
              <a:gd name="connsiteX274" fmla="*/ 2407006 w 6858000"/>
              <a:gd name="connsiteY274" fmla="*/ 6700390 h 6858000"/>
              <a:gd name="connsiteX275" fmla="*/ 2407006 w 6858000"/>
              <a:gd name="connsiteY275" fmla="*/ 6670839 h 6858000"/>
              <a:gd name="connsiteX276" fmla="*/ 2251768 w 6858000"/>
              <a:gd name="connsiteY276" fmla="*/ 6668210 h 6858000"/>
              <a:gd name="connsiteX277" fmla="*/ 2251768 w 6858000"/>
              <a:gd name="connsiteY277" fmla="*/ 6702946 h 6858000"/>
              <a:gd name="connsiteX278" fmla="*/ 2286504 w 6858000"/>
              <a:gd name="connsiteY278" fmla="*/ 6702946 h 6858000"/>
              <a:gd name="connsiteX279" fmla="*/ 2286504 w 6858000"/>
              <a:gd name="connsiteY279" fmla="*/ 6668210 h 6858000"/>
              <a:gd name="connsiteX280" fmla="*/ 2125896 w 6858000"/>
              <a:gd name="connsiteY280" fmla="*/ 6665395 h 6858000"/>
              <a:gd name="connsiteX281" fmla="*/ 2125896 w 6858000"/>
              <a:gd name="connsiteY281" fmla="*/ 6705797 h 6858000"/>
              <a:gd name="connsiteX282" fmla="*/ 2166298 w 6858000"/>
              <a:gd name="connsiteY282" fmla="*/ 6705797 h 6858000"/>
              <a:gd name="connsiteX283" fmla="*/ 2166298 w 6858000"/>
              <a:gd name="connsiteY283" fmla="*/ 6665395 h 6858000"/>
              <a:gd name="connsiteX284" fmla="*/ 2000025 w 6858000"/>
              <a:gd name="connsiteY284" fmla="*/ 6662581 h 6858000"/>
              <a:gd name="connsiteX285" fmla="*/ 2000025 w 6858000"/>
              <a:gd name="connsiteY285" fmla="*/ 6708612 h 6858000"/>
              <a:gd name="connsiteX286" fmla="*/ 2046056 w 6858000"/>
              <a:gd name="connsiteY286" fmla="*/ 6708612 h 6858000"/>
              <a:gd name="connsiteX287" fmla="*/ 2046056 w 6858000"/>
              <a:gd name="connsiteY287" fmla="*/ 6662581 h 6858000"/>
              <a:gd name="connsiteX288" fmla="*/ 1873931 w 6858000"/>
              <a:gd name="connsiteY288" fmla="*/ 6659544 h 6858000"/>
              <a:gd name="connsiteX289" fmla="*/ 1873931 w 6858000"/>
              <a:gd name="connsiteY289" fmla="*/ 6711648 h 6858000"/>
              <a:gd name="connsiteX290" fmla="*/ 1926035 w 6858000"/>
              <a:gd name="connsiteY290" fmla="*/ 6711648 h 6858000"/>
              <a:gd name="connsiteX291" fmla="*/ 1926035 w 6858000"/>
              <a:gd name="connsiteY291" fmla="*/ 6659544 h 6858000"/>
              <a:gd name="connsiteX292" fmla="*/ 1747800 w 6858000"/>
              <a:gd name="connsiteY292" fmla="*/ 6656507 h 6858000"/>
              <a:gd name="connsiteX293" fmla="*/ 1747800 w 6858000"/>
              <a:gd name="connsiteY293" fmla="*/ 6714721 h 6858000"/>
              <a:gd name="connsiteX294" fmla="*/ 1806014 w 6858000"/>
              <a:gd name="connsiteY294" fmla="*/ 6714721 h 6858000"/>
              <a:gd name="connsiteX295" fmla="*/ 1806014 w 6858000"/>
              <a:gd name="connsiteY295" fmla="*/ 6656507 h 6858000"/>
              <a:gd name="connsiteX296" fmla="*/ 1621483 w 6858000"/>
              <a:gd name="connsiteY296" fmla="*/ 6653249 h 6858000"/>
              <a:gd name="connsiteX297" fmla="*/ 1621483 w 6858000"/>
              <a:gd name="connsiteY297" fmla="*/ 6717981 h 6858000"/>
              <a:gd name="connsiteX298" fmla="*/ 1686215 w 6858000"/>
              <a:gd name="connsiteY298" fmla="*/ 6717981 h 6858000"/>
              <a:gd name="connsiteX299" fmla="*/ 1686215 w 6858000"/>
              <a:gd name="connsiteY299" fmla="*/ 6653249 h 6858000"/>
              <a:gd name="connsiteX300" fmla="*/ 1495390 w 6858000"/>
              <a:gd name="connsiteY300" fmla="*/ 6650175 h 6858000"/>
              <a:gd name="connsiteX301" fmla="*/ 1495390 w 6858000"/>
              <a:gd name="connsiteY301" fmla="*/ 6720980 h 6858000"/>
              <a:gd name="connsiteX302" fmla="*/ 1566195 w 6858000"/>
              <a:gd name="connsiteY302" fmla="*/ 6720980 h 6858000"/>
              <a:gd name="connsiteX303" fmla="*/ 1566195 w 6858000"/>
              <a:gd name="connsiteY303" fmla="*/ 6650175 h 6858000"/>
              <a:gd name="connsiteX304" fmla="*/ 1369518 w 6858000"/>
              <a:gd name="connsiteY304" fmla="*/ 6647360 h 6858000"/>
              <a:gd name="connsiteX305" fmla="*/ 1369518 w 6858000"/>
              <a:gd name="connsiteY305" fmla="*/ 6723794 h 6858000"/>
              <a:gd name="connsiteX306" fmla="*/ 1445952 w 6858000"/>
              <a:gd name="connsiteY306" fmla="*/ 6723794 h 6858000"/>
              <a:gd name="connsiteX307" fmla="*/ 1445952 w 6858000"/>
              <a:gd name="connsiteY307" fmla="*/ 6647360 h 6858000"/>
              <a:gd name="connsiteX308" fmla="*/ 1243646 w 6858000"/>
              <a:gd name="connsiteY308" fmla="*/ 6644546 h 6858000"/>
              <a:gd name="connsiteX309" fmla="*/ 1243646 w 6858000"/>
              <a:gd name="connsiteY309" fmla="*/ 6726646 h 6858000"/>
              <a:gd name="connsiteX310" fmla="*/ 1325746 w 6858000"/>
              <a:gd name="connsiteY310" fmla="*/ 6726646 h 6858000"/>
              <a:gd name="connsiteX311" fmla="*/ 1325746 w 6858000"/>
              <a:gd name="connsiteY311" fmla="*/ 6644546 h 6858000"/>
              <a:gd name="connsiteX312" fmla="*/ 1117959 w 6858000"/>
              <a:gd name="connsiteY312" fmla="*/ 6641954 h 6858000"/>
              <a:gd name="connsiteX313" fmla="*/ 1117959 w 6858000"/>
              <a:gd name="connsiteY313" fmla="*/ 6729238 h 6858000"/>
              <a:gd name="connsiteX314" fmla="*/ 1205244 w 6858000"/>
              <a:gd name="connsiteY314" fmla="*/ 6729238 h 6858000"/>
              <a:gd name="connsiteX315" fmla="*/ 1205244 w 6858000"/>
              <a:gd name="connsiteY315" fmla="*/ 6641954 h 6858000"/>
              <a:gd name="connsiteX316" fmla="*/ 992532 w 6858000"/>
              <a:gd name="connsiteY316" fmla="*/ 6639547 h 6858000"/>
              <a:gd name="connsiteX317" fmla="*/ 992532 w 6858000"/>
              <a:gd name="connsiteY317" fmla="*/ 6731609 h 6858000"/>
              <a:gd name="connsiteX318" fmla="*/ 1084593 w 6858000"/>
              <a:gd name="connsiteY318" fmla="*/ 6731609 h 6858000"/>
              <a:gd name="connsiteX319" fmla="*/ 1084593 w 6858000"/>
              <a:gd name="connsiteY319" fmla="*/ 6639547 h 6858000"/>
              <a:gd name="connsiteX320" fmla="*/ 867290 w 6858000"/>
              <a:gd name="connsiteY320" fmla="*/ 6637362 h 6858000"/>
              <a:gd name="connsiteX321" fmla="*/ 867290 w 6858000"/>
              <a:gd name="connsiteY321" fmla="*/ 6733794 h 6858000"/>
              <a:gd name="connsiteX322" fmla="*/ 963721 w 6858000"/>
              <a:gd name="connsiteY322" fmla="*/ 6733794 h 6858000"/>
              <a:gd name="connsiteX323" fmla="*/ 963721 w 6858000"/>
              <a:gd name="connsiteY323" fmla="*/ 6637362 h 6858000"/>
              <a:gd name="connsiteX324" fmla="*/ 742492 w 6858000"/>
              <a:gd name="connsiteY324" fmla="*/ 6635658 h 6858000"/>
              <a:gd name="connsiteX325" fmla="*/ 742492 w 6858000"/>
              <a:gd name="connsiteY325" fmla="*/ 6735570 h 6858000"/>
              <a:gd name="connsiteX326" fmla="*/ 842404 w 6858000"/>
              <a:gd name="connsiteY326" fmla="*/ 6735570 h 6858000"/>
              <a:gd name="connsiteX327" fmla="*/ 842404 w 6858000"/>
              <a:gd name="connsiteY327" fmla="*/ 6635658 h 6858000"/>
              <a:gd name="connsiteX328" fmla="*/ 617694 w 6858000"/>
              <a:gd name="connsiteY328" fmla="*/ 6633918 h 6858000"/>
              <a:gd name="connsiteX329" fmla="*/ 617694 w 6858000"/>
              <a:gd name="connsiteY329" fmla="*/ 6737274 h 6858000"/>
              <a:gd name="connsiteX330" fmla="*/ 721050 w 6858000"/>
              <a:gd name="connsiteY330" fmla="*/ 6737274 h 6858000"/>
              <a:gd name="connsiteX331" fmla="*/ 721050 w 6858000"/>
              <a:gd name="connsiteY331" fmla="*/ 6633918 h 6858000"/>
              <a:gd name="connsiteX332" fmla="*/ 493526 w 6858000"/>
              <a:gd name="connsiteY332" fmla="*/ 6632807 h 6858000"/>
              <a:gd name="connsiteX333" fmla="*/ 493526 w 6858000"/>
              <a:gd name="connsiteY333" fmla="*/ 6738348 h 6858000"/>
              <a:gd name="connsiteX334" fmla="*/ 599067 w 6858000"/>
              <a:gd name="connsiteY334" fmla="*/ 6738348 h 6858000"/>
              <a:gd name="connsiteX335" fmla="*/ 599067 w 6858000"/>
              <a:gd name="connsiteY335" fmla="*/ 6632807 h 6858000"/>
              <a:gd name="connsiteX336" fmla="*/ 369395 w 6858000"/>
              <a:gd name="connsiteY336" fmla="*/ 6631733 h 6858000"/>
              <a:gd name="connsiteX337" fmla="*/ 369395 w 6858000"/>
              <a:gd name="connsiteY337" fmla="*/ 6739459 h 6858000"/>
              <a:gd name="connsiteX338" fmla="*/ 477121 w 6858000"/>
              <a:gd name="connsiteY338" fmla="*/ 6739459 h 6858000"/>
              <a:gd name="connsiteX339" fmla="*/ 477121 w 6858000"/>
              <a:gd name="connsiteY339" fmla="*/ 6631733 h 6858000"/>
              <a:gd name="connsiteX340" fmla="*/ 1 w 6858000"/>
              <a:gd name="connsiteY340" fmla="*/ 6631511 h 6858000"/>
              <a:gd name="connsiteX341" fmla="*/ 1 w 6858000"/>
              <a:gd name="connsiteY341" fmla="*/ 6739644 h 6858000"/>
              <a:gd name="connsiteX342" fmla="*/ 108134 w 6858000"/>
              <a:gd name="connsiteY342" fmla="*/ 6739644 h 6858000"/>
              <a:gd name="connsiteX343" fmla="*/ 108134 w 6858000"/>
              <a:gd name="connsiteY343" fmla="*/ 6631511 h 6858000"/>
              <a:gd name="connsiteX344" fmla="*/ 245671 w 6858000"/>
              <a:gd name="connsiteY344" fmla="*/ 6631066 h 6858000"/>
              <a:gd name="connsiteX345" fmla="*/ 245671 w 6858000"/>
              <a:gd name="connsiteY345" fmla="*/ 6740088 h 6858000"/>
              <a:gd name="connsiteX346" fmla="*/ 354693 w 6858000"/>
              <a:gd name="connsiteY346" fmla="*/ 6740088 h 6858000"/>
              <a:gd name="connsiteX347" fmla="*/ 354693 w 6858000"/>
              <a:gd name="connsiteY347" fmla="*/ 6631066 h 6858000"/>
              <a:gd name="connsiteX348" fmla="*/ 121984 w 6858000"/>
              <a:gd name="connsiteY348" fmla="*/ 6630437 h 6858000"/>
              <a:gd name="connsiteX349" fmla="*/ 121984 w 6858000"/>
              <a:gd name="connsiteY349" fmla="*/ 6740756 h 6858000"/>
              <a:gd name="connsiteX350" fmla="*/ 232302 w 6858000"/>
              <a:gd name="connsiteY350" fmla="*/ 6740756 h 6858000"/>
              <a:gd name="connsiteX351" fmla="*/ 232302 w 6858000"/>
              <a:gd name="connsiteY351" fmla="*/ 6630437 h 6858000"/>
              <a:gd name="connsiteX352" fmla="*/ 5714630 w 6858000"/>
              <a:gd name="connsiteY352" fmla="*/ 6562298 h 6858000"/>
              <a:gd name="connsiteX353" fmla="*/ 5714630 w 6858000"/>
              <a:gd name="connsiteY353" fmla="*/ 6562742 h 6858000"/>
              <a:gd name="connsiteX354" fmla="*/ 5715074 w 6858000"/>
              <a:gd name="connsiteY354" fmla="*/ 6562742 h 6858000"/>
              <a:gd name="connsiteX355" fmla="*/ 5715074 w 6858000"/>
              <a:gd name="connsiteY355" fmla="*/ 6562298 h 6858000"/>
              <a:gd name="connsiteX356" fmla="*/ 5591573 w 6858000"/>
              <a:gd name="connsiteY356" fmla="*/ 6562298 h 6858000"/>
              <a:gd name="connsiteX357" fmla="*/ 5591573 w 6858000"/>
              <a:gd name="connsiteY357" fmla="*/ 6562742 h 6858000"/>
              <a:gd name="connsiteX358" fmla="*/ 5592018 w 6858000"/>
              <a:gd name="connsiteY358" fmla="*/ 6562742 h 6858000"/>
              <a:gd name="connsiteX359" fmla="*/ 5592018 w 6858000"/>
              <a:gd name="connsiteY359" fmla="*/ 6562298 h 6858000"/>
              <a:gd name="connsiteX360" fmla="*/ 5468515 w 6858000"/>
              <a:gd name="connsiteY360" fmla="*/ 6562298 h 6858000"/>
              <a:gd name="connsiteX361" fmla="*/ 5468515 w 6858000"/>
              <a:gd name="connsiteY361" fmla="*/ 6562742 h 6858000"/>
              <a:gd name="connsiteX362" fmla="*/ 5468959 w 6858000"/>
              <a:gd name="connsiteY362" fmla="*/ 6562742 h 6858000"/>
              <a:gd name="connsiteX363" fmla="*/ 5468959 w 6858000"/>
              <a:gd name="connsiteY363" fmla="*/ 6562298 h 6858000"/>
              <a:gd name="connsiteX364" fmla="*/ 5345458 w 6858000"/>
              <a:gd name="connsiteY364" fmla="*/ 6562298 h 6858000"/>
              <a:gd name="connsiteX365" fmla="*/ 5345458 w 6858000"/>
              <a:gd name="connsiteY365" fmla="*/ 6562742 h 6858000"/>
              <a:gd name="connsiteX366" fmla="*/ 5345902 w 6858000"/>
              <a:gd name="connsiteY366" fmla="*/ 6562742 h 6858000"/>
              <a:gd name="connsiteX367" fmla="*/ 5345902 w 6858000"/>
              <a:gd name="connsiteY367" fmla="*/ 6562298 h 6858000"/>
              <a:gd name="connsiteX368" fmla="*/ 5222401 w 6858000"/>
              <a:gd name="connsiteY368" fmla="*/ 6562298 h 6858000"/>
              <a:gd name="connsiteX369" fmla="*/ 5222401 w 6858000"/>
              <a:gd name="connsiteY369" fmla="*/ 6562742 h 6858000"/>
              <a:gd name="connsiteX370" fmla="*/ 5222845 w 6858000"/>
              <a:gd name="connsiteY370" fmla="*/ 6562742 h 6858000"/>
              <a:gd name="connsiteX371" fmla="*/ 5222845 w 6858000"/>
              <a:gd name="connsiteY371" fmla="*/ 6562298 h 6858000"/>
              <a:gd name="connsiteX372" fmla="*/ 5099306 w 6858000"/>
              <a:gd name="connsiteY372" fmla="*/ 6562298 h 6858000"/>
              <a:gd name="connsiteX373" fmla="*/ 5099306 w 6858000"/>
              <a:gd name="connsiteY373" fmla="*/ 6562742 h 6858000"/>
              <a:gd name="connsiteX374" fmla="*/ 5099750 w 6858000"/>
              <a:gd name="connsiteY374" fmla="*/ 6562742 h 6858000"/>
              <a:gd name="connsiteX375" fmla="*/ 5099750 w 6858000"/>
              <a:gd name="connsiteY375" fmla="*/ 6562298 h 6858000"/>
              <a:gd name="connsiteX376" fmla="*/ 4976249 w 6858000"/>
              <a:gd name="connsiteY376" fmla="*/ 6562298 h 6858000"/>
              <a:gd name="connsiteX377" fmla="*/ 4976249 w 6858000"/>
              <a:gd name="connsiteY377" fmla="*/ 6562742 h 6858000"/>
              <a:gd name="connsiteX378" fmla="*/ 4976693 w 6858000"/>
              <a:gd name="connsiteY378" fmla="*/ 6562742 h 6858000"/>
              <a:gd name="connsiteX379" fmla="*/ 4976693 w 6858000"/>
              <a:gd name="connsiteY379" fmla="*/ 6562298 h 6858000"/>
              <a:gd name="connsiteX380" fmla="*/ 4853192 w 6858000"/>
              <a:gd name="connsiteY380" fmla="*/ 6562298 h 6858000"/>
              <a:gd name="connsiteX381" fmla="*/ 4853192 w 6858000"/>
              <a:gd name="connsiteY381" fmla="*/ 6562742 h 6858000"/>
              <a:gd name="connsiteX382" fmla="*/ 4853637 w 6858000"/>
              <a:gd name="connsiteY382" fmla="*/ 6562742 h 6858000"/>
              <a:gd name="connsiteX383" fmla="*/ 4853637 w 6858000"/>
              <a:gd name="connsiteY383" fmla="*/ 6562298 h 6858000"/>
              <a:gd name="connsiteX384" fmla="*/ 4730134 w 6858000"/>
              <a:gd name="connsiteY384" fmla="*/ 6562298 h 6858000"/>
              <a:gd name="connsiteX385" fmla="*/ 4730134 w 6858000"/>
              <a:gd name="connsiteY385" fmla="*/ 6562742 h 6858000"/>
              <a:gd name="connsiteX386" fmla="*/ 4730579 w 6858000"/>
              <a:gd name="connsiteY386" fmla="*/ 6562742 h 6858000"/>
              <a:gd name="connsiteX387" fmla="*/ 4730579 w 6858000"/>
              <a:gd name="connsiteY387" fmla="*/ 6562298 h 6858000"/>
              <a:gd name="connsiteX388" fmla="*/ 4360962 w 6858000"/>
              <a:gd name="connsiteY388" fmla="*/ 6562298 h 6858000"/>
              <a:gd name="connsiteX389" fmla="*/ 4360962 w 6858000"/>
              <a:gd name="connsiteY389" fmla="*/ 6562742 h 6858000"/>
              <a:gd name="connsiteX390" fmla="*/ 4361406 w 6858000"/>
              <a:gd name="connsiteY390" fmla="*/ 6562742 h 6858000"/>
              <a:gd name="connsiteX391" fmla="*/ 4361406 w 6858000"/>
              <a:gd name="connsiteY391" fmla="*/ 6562298 h 6858000"/>
              <a:gd name="connsiteX392" fmla="*/ 4237905 w 6858000"/>
              <a:gd name="connsiteY392" fmla="*/ 6562298 h 6858000"/>
              <a:gd name="connsiteX393" fmla="*/ 4237905 w 6858000"/>
              <a:gd name="connsiteY393" fmla="*/ 6562742 h 6858000"/>
              <a:gd name="connsiteX394" fmla="*/ 4238349 w 6858000"/>
              <a:gd name="connsiteY394" fmla="*/ 6562742 h 6858000"/>
              <a:gd name="connsiteX395" fmla="*/ 4238349 w 6858000"/>
              <a:gd name="connsiteY395" fmla="*/ 6562298 h 6858000"/>
              <a:gd name="connsiteX396" fmla="*/ 4114848 w 6858000"/>
              <a:gd name="connsiteY396" fmla="*/ 6562298 h 6858000"/>
              <a:gd name="connsiteX397" fmla="*/ 4114848 w 6858000"/>
              <a:gd name="connsiteY397" fmla="*/ 6562742 h 6858000"/>
              <a:gd name="connsiteX398" fmla="*/ 4115292 w 6858000"/>
              <a:gd name="connsiteY398" fmla="*/ 6562742 h 6858000"/>
              <a:gd name="connsiteX399" fmla="*/ 4115292 w 6858000"/>
              <a:gd name="connsiteY399" fmla="*/ 6562298 h 6858000"/>
              <a:gd name="connsiteX400" fmla="*/ 3991790 w 6858000"/>
              <a:gd name="connsiteY400" fmla="*/ 6562298 h 6858000"/>
              <a:gd name="connsiteX401" fmla="*/ 3991790 w 6858000"/>
              <a:gd name="connsiteY401" fmla="*/ 6562742 h 6858000"/>
              <a:gd name="connsiteX402" fmla="*/ 3992235 w 6858000"/>
              <a:gd name="connsiteY402" fmla="*/ 6562742 h 6858000"/>
              <a:gd name="connsiteX403" fmla="*/ 3992235 w 6858000"/>
              <a:gd name="connsiteY403" fmla="*/ 6562298 h 6858000"/>
              <a:gd name="connsiteX404" fmla="*/ 3868511 w 6858000"/>
              <a:gd name="connsiteY404" fmla="*/ 6562113 h 6858000"/>
              <a:gd name="connsiteX405" fmla="*/ 3868511 w 6858000"/>
              <a:gd name="connsiteY405" fmla="*/ 6562965 h 6858000"/>
              <a:gd name="connsiteX406" fmla="*/ 3869363 w 6858000"/>
              <a:gd name="connsiteY406" fmla="*/ 6562965 h 6858000"/>
              <a:gd name="connsiteX407" fmla="*/ 3869363 w 6858000"/>
              <a:gd name="connsiteY407" fmla="*/ 6562113 h 6858000"/>
              <a:gd name="connsiteX408" fmla="*/ 3745231 w 6858000"/>
              <a:gd name="connsiteY408" fmla="*/ 6561891 h 6858000"/>
              <a:gd name="connsiteX409" fmla="*/ 3745231 w 6858000"/>
              <a:gd name="connsiteY409" fmla="*/ 6563187 h 6858000"/>
              <a:gd name="connsiteX410" fmla="*/ 3746527 w 6858000"/>
              <a:gd name="connsiteY410" fmla="*/ 6563187 h 6858000"/>
              <a:gd name="connsiteX411" fmla="*/ 3746527 w 6858000"/>
              <a:gd name="connsiteY411" fmla="*/ 6561891 h 6858000"/>
              <a:gd name="connsiteX412" fmla="*/ 3621730 w 6858000"/>
              <a:gd name="connsiteY412" fmla="*/ 6561446 h 6858000"/>
              <a:gd name="connsiteX413" fmla="*/ 3621730 w 6858000"/>
              <a:gd name="connsiteY413" fmla="*/ 6563631 h 6858000"/>
              <a:gd name="connsiteX414" fmla="*/ 3623915 w 6858000"/>
              <a:gd name="connsiteY414" fmla="*/ 6563631 h 6858000"/>
              <a:gd name="connsiteX415" fmla="*/ 3623915 w 6858000"/>
              <a:gd name="connsiteY415" fmla="*/ 6561446 h 6858000"/>
              <a:gd name="connsiteX416" fmla="*/ 3498228 w 6858000"/>
              <a:gd name="connsiteY416" fmla="*/ 6561002 h 6858000"/>
              <a:gd name="connsiteX417" fmla="*/ 3498228 w 6858000"/>
              <a:gd name="connsiteY417" fmla="*/ 6564039 h 6858000"/>
              <a:gd name="connsiteX418" fmla="*/ 3501265 w 6858000"/>
              <a:gd name="connsiteY418" fmla="*/ 6564039 h 6858000"/>
              <a:gd name="connsiteX419" fmla="*/ 3501265 w 6858000"/>
              <a:gd name="connsiteY419" fmla="*/ 6561002 h 6858000"/>
              <a:gd name="connsiteX420" fmla="*/ 3374541 w 6858000"/>
              <a:gd name="connsiteY420" fmla="*/ 6560372 h 6858000"/>
              <a:gd name="connsiteX421" fmla="*/ 3374541 w 6858000"/>
              <a:gd name="connsiteY421" fmla="*/ 6564705 h 6858000"/>
              <a:gd name="connsiteX422" fmla="*/ 3378874 w 6858000"/>
              <a:gd name="connsiteY422" fmla="*/ 6564705 h 6858000"/>
              <a:gd name="connsiteX423" fmla="*/ 3378874 w 6858000"/>
              <a:gd name="connsiteY423" fmla="*/ 6560372 h 6858000"/>
              <a:gd name="connsiteX424" fmla="*/ 3250817 w 6858000"/>
              <a:gd name="connsiteY424" fmla="*/ 6559706 h 6858000"/>
              <a:gd name="connsiteX425" fmla="*/ 3250817 w 6858000"/>
              <a:gd name="connsiteY425" fmla="*/ 6565335 h 6858000"/>
              <a:gd name="connsiteX426" fmla="*/ 3256446 w 6858000"/>
              <a:gd name="connsiteY426" fmla="*/ 6565335 h 6858000"/>
              <a:gd name="connsiteX427" fmla="*/ 3256446 w 6858000"/>
              <a:gd name="connsiteY427" fmla="*/ 6559706 h 6858000"/>
              <a:gd name="connsiteX428" fmla="*/ 3126871 w 6858000"/>
              <a:gd name="connsiteY428" fmla="*/ 6558854 h 6858000"/>
              <a:gd name="connsiteX429" fmla="*/ 3126871 w 6858000"/>
              <a:gd name="connsiteY429" fmla="*/ 6566223 h 6858000"/>
              <a:gd name="connsiteX430" fmla="*/ 3134240 w 6858000"/>
              <a:gd name="connsiteY430" fmla="*/ 6566223 h 6858000"/>
              <a:gd name="connsiteX431" fmla="*/ 3134240 w 6858000"/>
              <a:gd name="connsiteY431" fmla="*/ 6558854 h 6858000"/>
              <a:gd name="connsiteX432" fmla="*/ 3002518 w 6858000"/>
              <a:gd name="connsiteY432" fmla="*/ 6557521 h 6858000"/>
              <a:gd name="connsiteX433" fmla="*/ 3002518 w 6858000"/>
              <a:gd name="connsiteY433" fmla="*/ 6567519 h 6858000"/>
              <a:gd name="connsiteX434" fmla="*/ 3012517 w 6858000"/>
              <a:gd name="connsiteY434" fmla="*/ 6567519 h 6858000"/>
              <a:gd name="connsiteX435" fmla="*/ 3012517 w 6858000"/>
              <a:gd name="connsiteY435" fmla="*/ 6557521 h 6858000"/>
              <a:gd name="connsiteX436" fmla="*/ 2878164 w 6858000"/>
              <a:gd name="connsiteY436" fmla="*/ 6556225 h 6858000"/>
              <a:gd name="connsiteX437" fmla="*/ 2878164 w 6858000"/>
              <a:gd name="connsiteY437" fmla="*/ 6568816 h 6858000"/>
              <a:gd name="connsiteX438" fmla="*/ 2890755 w 6858000"/>
              <a:gd name="connsiteY438" fmla="*/ 6568816 h 6858000"/>
              <a:gd name="connsiteX439" fmla="*/ 2890755 w 6858000"/>
              <a:gd name="connsiteY439" fmla="*/ 6556225 h 6858000"/>
              <a:gd name="connsiteX440" fmla="*/ 2753366 w 6858000"/>
              <a:gd name="connsiteY440" fmla="*/ 6554484 h 6858000"/>
              <a:gd name="connsiteX441" fmla="*/ 2753366 w 6858000"/>
              <a:gd name="connsiteY441" fmla="*/ 6570556 h 6858000"/>
              <a:gd name="connsiteX442" fmla="*/ 2769438 w 6858000"/>
              <a:gd name="connsiteY442" fmla="*/ 6570556 h 6858000"/>
              <a:gd name="connsiteX443" fmla="*/ 2769438 w 6858000"/>
              <a:gd name="connsiteY443" fmla="*/ 6554484 h 6858000"/>
              <a:gd name="connsiteX444" fmla="*/ 2628569 w 6858000"/>
              <a:gd name="connsiteY444" fmla="*/ 6552744 h 6858000"/>
              <a:gd name="connsiteX445" fmla="*/ 2628569 w 6858000"/>
              <a:gd name="connsiteY445" fmla="*/ 6572297 h 6858000"/>
              <a:gd name="connsiteX446" fmla="*/ 2648122 w 6858000"/>
              <a:gd name="connsiteY446" fmla="*/ 6572297 h 6858000"/>
              <a:gd name="connsiteX447" fmla="*/ 2648122 w 6858000"/>
              <a:gd name="connsiteY447" fmla="*/ 6552744 h 6858000"/>
              <a:gd name="connsiteX448" fmla="*/ 2503326 w 6858000"/>
              <a:gd name="connsiteY448" fmla="*/ 6550596 h 6858000"/>
              <a:gd name="connsiteX449" fmla="*/ 2503326 w 6858000"/>
              <a:gd name="connsiteY449" fmla="*/ 6574481 h 6858000"/>
              <a:gd name="connsiteX450" fmla="*/ 2527212 w 6858000"/>
              <a:gd name="connsiteY450" fmla="*/ 6574481 h 6858000"/>
              <a:gd name="connsiteX451" fmla="*/ 2527212 w 6858000"/>
              <a:gd name="connsiteY451" fmla="*/ 6550596 h 6858000"/>
              <a:gd name="connsiteX452" fmla="*/ 2377899 w 6858000"/>
              <a:gd name="connsiteY452" fmla="*/ 6548189 h 6858000"/>
              <a:gd name="connsiteX453" fmla="*/ 2377899 w 6858000"/>
              <a:gd name="connsiteY453" fmla="*/ 6576852 h 6858000"/>
              <a:gd name="connsiteX454" fmla="*/ 2406562 w 6858000"/>
              <a:gd name="connsiteY454" fmla="*/ 6576852 h 6858000"/>
              <a:gd name="connsiteX455" fmla="*/ 2406562 w 6858000"/>
              <a:gd name="connsiteY455" fmla="*/ 6548189 h 6858000"/>
              <a:gd name="connsiteX456" fmla="*/ 2252212 w 6858000"/>
              <a:gd name="connsiteY456" fmla="*/ 6545597 h 6858000"/>
              <a:gd name="connsiteX457" fmla="*/ 2252212 w 6858000"/>
              <a:gd name="connsiteY457" fmla="*/ 6579481 h 6858000"/>
              <a:gd name="connsiteX458" fmla="*/ 2286096 w 6858000"/>
              <a:gd name="connsiteY458" fmla="*/ 6579481 h 6858000"/>
              <a:gd name="connsiteX459" fmla="*/ 2286096 w 6858000"/>
              <a:gd name="connsiteY459" fmla="*/ 6545597 h 6858000"/>
              <a:gd name="connsiteX460" fmla="*/ 2126118 w 6858000"/>
              <a:gd name="connsiteY460" fmla="*/ 6542560 h 6858000"/>
              <a:gd name="connsiteX461" fmla="*/ 2126118 w 6858000"/>
              <a:gd name="connsiteY461" fmla="*/ 6582517 h 6858000"/>
              <a:gd name="connsiteX462" fmla="*/ 2166075 w 6858000"/>
              <a:gd name="connsiteY462" fmla="*/ 6582517 h 6858000"/>
              <a:gd name="connsiteX463" fmla="*/ 2166075 w 6858000"/>
              <a:gd name="connsiteY463" fmla="*/ 6542560 h 6858000"/>
              <a:gd name="connsiteX464" fmla="*/ 2000247 w 6858000"/>
              <a:gd name="connsiteY464" fmla="*/ 6539746 h 6858000"/>
              <a:gd name="connsiteX465" fmla="*/ 2000247 w 6858000"/>
              <a:gd name="connsiteY465" fmla="*/ 6585333 h 6858000"/>
              <a:gd name="connsiteX466" fmla="*/ 2045833 w 6858000"/>
              <a:gd name="connsiteY466" fmla="*/ 6585333 h 6858000"/>
              <a:gd name="connsiteX467" fmla="*/ 2045833 w 6858000"/>
              <a:gd name="connsiteY467" fmla="*/ 6539746 h 6858000"/>
              <a:gd name="connsiteX468" fmla="*/ 1874153 w 6858000"/>
              <a:gd name="connsiteY468" fmla="*/ 6536672 h 6858000"/>
              <a:gd name="connsiteX469" fmla="*/ 1874153 w 6858000"/>
              <a:gd name="connsiteY469" fmla="*/ 6588368 h 6858000"/>
              <a:gd name="connsiteX470" fmla="*/ 1925850 w 6858000"/>
              <a:gd name="connsiteY470" fmla="*/ 6588368 h 6858000"/>
              <a:gd name="connsiteX471" fmla="*/ 1925850 w 6858000"/>
              <a:gd name="connsiteY471" fmla="*/ 6536672 h 6858000"/>
              <a:gd name="connsiteX472" fmla="*/ 1747800 w 6858000"/>
              <a:gd name="connsiteY472" fmla="*/ 6533413 h 6858000"/>
              <a:gd name="connsiteX473" fmla="*/ 1747800 w 6858000"/>
              <a:gd name="connsiteY473" fmla="*/ 6591627 h 6858000"/>
              <a:gd name="connsiteX474" fmla="*/ 1806014 w 6858000"/>
              <a:gd name="connsiteY474" fmla="*/ 6591627 h 6858000"/>
              <a:gd name="connsiteX475" fmla="*/ 1806014 w 6858000"/>
              <a:gd name="connsiteY475" fmla="*/ 6533413 h 6858000"/>
              <a:gd name="connsiteX476" fmla="*/ 1621706 w 6858000"/>
              <a:gd name="connsiteY476" fmla="*/ 6530376 h 6858000"/>
              <a:gd name="connsiteX477" fmla="*/ 1621706 w 6858000"/>
              <a:gd name="connsiteY477" fmla="*/ 6594664 h 6858000"/>
              <a:gd name="connsiteX478" fmla="*/ 1685994 w 6858000"/>
              <a:gd name="connsiteY478" fmla="*/ 6594664 h 6858000"/>
              <a:gd name="connsiteX479" fmla="*/ 1685994 w 6858000"/>
              <a:gd name="connsiteY479" fmla="*/ 6530376 h 6858000"/>
              <a:gd name="connsiteX480" fmla="*/ 1495390 w 6858000"/>
              <a:gd name="connsiteY480" fmla="*/ 6527118 h 6858000"/>
              <a:gd name="connsiteX481" fmla="*/ 1495390 w 6858000"/>
              <a:gd name="connsiteY481" fmla="*/ 6597923 h 6858000"/>
              <a:gd name="connsiteX482" fmla="*/ 1566195 w 6858000"/>
              <a:gd name="connsiteY482" fmla="*/ 6597923 h 6858000"/>
              <a:gd name="connsiteX483" fmla="*/ 1566195 w 6858000"/>
              <a:gd name="connsiteY483" fmla="*/ 6527118 h 6858000"/>
              <a:gd name="connsiteX484" fmla="*/ 1369296 w 6858000"/>
              <a:gd name="connsiteY484" fmla="*/ 6524081 h 6858000"/>
              <a:gd name="connsiteX485" fmla="*/ 1369296 w 6858000"/>
              <a:gd name="connsiteY485" fmla="*/ 6600959 h 6858000"/>
              <a:gd name="connsiteX486" fmla="*/ 1446175 w 6858000"/>
              <a:gd name="connsiteY486" fmla="*/ 6600959 h 6858000"/>
              <a:gd name="connsiteX487" fmla="*/ 1446175 w 6858000"/>
              <a:gd name="connsiteY487" fmla="*/ 6524081 h 6858000"/>
              <a:gd name="connsiteX488" fmla="*/ 1243424 w 6858000"/>
              <a:gd name="connsiteY488" fmla="*/ 6521267 h 6858000"/>
              <a:gd name="connsiteX489" fmla="*/ 1243424 w 6858000"/>
              <a:gd name="connsiteY489" fmla="*/ 6603774 h 6858000"/>
              <a:gd name="connsiteX490" fmla="*/ 1325931 w 6858000"/>
              <a:gd name="connsiteY490" fmla="*/ 6603774 h 6858000"/>
              <a:gd name="connsiteX491" fmla="*/ 1325931 w 6858000"/>
              <a:gd name="connsiteY491" fmla="*/ 6521267 h 6858000"/>
              <a:gd name="connsiteX492" fmla="*/ 1117737 w 6858000"/>
              <a:gd name="connsiteY492" fmla="*/ 6518674 h 6858000"/>
              <a:gd name="connsiteX493" fmla="*/ 1117737 w 6858000"/>
              <a:gd name="connsiteY493" fmla="*/ 6606403 h 6858000"/>
              <a:gd name="connsiteX494" fmla="*/ 1205466 w 6858000"/>
              <a:gd name="connsiteY494" fmla="*/ 6606403 h 6858000"/>
              <a:gd name="connsiteX495" fmla="*/ 1205466 w 6858000"/>
              <a:gd name="connsiteY495" fmla="*/ 6518674 h 6858000"/>
              <a:gd name="connsiteX496" fmla="*/ 992310 w 6858000"/>
              <a:gd name="connsiteY496" fmla="*/ 6516267 h 6858000"/>
              <a:gd name="connsiteX497" fmla="*/ 992310 w 6858000"/>
              <a:gd name="connsiteY497" fmla="*/ 6608773 h 6858000"/>
              <a:gd name="connsiteX498" fmla="*/ 1084816 w 6858000"/>
              <a:gd name="connsiteY498" fmla="*/ 6608773 h 6858000"/>
              <a:gd name="connsiteX499" fmla="*/ 1084816 w 6858000"/>
              <a:gd name="connsiteY499" fmla="*/ 6516267 h 6858000"/>
              <a:gd name="connsiteX500" fmla="*/ 867068 w 6858000"/>
              <a:gd name="connsiteY500" fmla="*/ 6514119 h 6858000"/>
              <a:gd name="connsiteX501" fmla="*/ 867068 w 6858000"/>
              <a:gd name="connsiteY501" fmla="*/ 6610958 h 6858000"/>
              <a:gd name="connsiteX502" fmla="*/ 963907 w 6858000"/>
              <a:gd name="connsiteY502" fmla="*/ 6610958 h 6858000"/>
              <a:gd name="connsiteX503" fmla="*/ 963907 w 6858000"/>
              <a:gd name="connsiteY503" fmla="*/ 6514119 h 6858000"/>
              <a:gd name="connsiteX504" fmla="*/ 742270 w 6858000"/>
              <a:gd name="connsiteY504" fmla="*/ 6512379 h 6858000"/>
              <a:gd name="connsiteX505" fmla="*/ 742270 w 6858000"/>
              <a:gd name="connsiteY505" fmla="*/ 6612699 h 6858000"/>
              <a:gd name="connsiteX506" fmla="*/ 842590 w 6858000"/>
              <a:gd name="connsiteY506" fmla="*/ 6612699 h 6858000"/>
              <a:gd name="connsiteX507" fmla="*/ 842590 w 6858000"/>
              <a:gd name="connsiteY507" fmla="*/ 6512379 h 6858000"/>
              <a:gd name="connsiteX508" fmla="*/ 617694 w 6858000"/>
              <a:gd name="connsiteY508" fmla="*/ 6510861 h 6858000"/>
              <a:gd name="connsiteX509" fmla="*/ 617694 w 6858000"/>
              <a:gd name="connsiteY509" fmla="*/ 6614217 h 6858000"/>
              <a:gd name="connsiteX510" fmla="*/ 721050 w 6858000"/>
              <a:gd name="connsiteY510" fmla="*/ 6614217 h 6858000"/>
              <a:gd name="connsiteX511" fmla="*/ 721050 w 6858000"/>
              <a:gd name="connsiteY511" fmla="*/ 6510861 h 6858000"/>
              <a:gd name="connsiteX512" fmla="*/ 493341 w 6858000"/>
              <a:gd name="connsiteY512" fmla="*/ 6509527 h 6858000"/>
              <a:gd name="connsiteX513" fmla="*/ 493341 w 6858000"/>
              <a:gd name="connsiteY513" fmla="*/ 6615513 h 6858000"/>
              <a:gd name="connsiteX514" fmla="*/ 599327 w 6858000"/>
              <a:gd name="connsiteY514" fmla="*/ 6615513 h 6858000"/>
              <a:gd name="connsiteX515" fmla="*/ 599327 w 6858000"/>
              <a:gd name="connsiteY515" fmla="*/ 6509527 h 6858000"/>
              <a:gd name="connsiteX516" fmla="*/ 369395 w 6858000"/>
              <a:gd name="connsiteY516" fmla="*/ 6508676 h 6858000"/>
              <a:gd name="connsiteX517" fmla="*/ 369395 w 6858000"/>
              <a:gd name="connsiteY517" fmla="*/ 6616402 h 6858000"/>
              <a:gd name="connsiteX518" fmla="*/ 477121 w 6858000"/>
              <a:gd name="connsiteY518" fmla="*/ 6616402 h 6858000"/>
              <a:gd name="connsiteX519" fmla="*/ 477121 w 6858000"/>
              <a:gd name="connsiteY519" fmla="*/ 6508676 h 6858000"/>
              <a:gd name="connsiteX520" fmla="*/ 1 w 6858000"/>
              <a:gd name="connsiteY520" fmla="*/ 6508453 h 6858000"/>
              <a:gd name="connsiteX521" fmla="*/ 1 w 6858000"/>
              <a:gd name="connsiteY521" fmla="*/ 6616586 h 6858000"/>
              <a:gd name="connsiteX522" fmla="*/ 108134 w 6858000"/>
              <a:gd name="connsiteY522" fmla="*/ 6616586 h 6858000"/>
              <a:gd name="connsiteX523" fmla="*/ 108134 w 6858000"/>
              <a:gd name="connsiteY523" fmla="*/ 6508453 h 6858000"/>
              <a:gd name="connsiteX524" fmla="*/ 245486 w 6858000"/>
              <a:gd name="connsiteY524" fmla="*/ 6507787 h 6858000"/>
              <a:gd name="connsiteX525" fmla="*/ 245486 w 6858000"/>
              <a:gd name="connsiteY525" fmla="*/ 6617254 h 6858000"/>
              <a:gd name="connsiteX526" fmla="*/ 354953 w 6858000"/>
              <a:gd name="connsiteY526" fmla="*/ 6617254 h 6858000"/>
              <a:gd name="connsiteX527" fmla="*/ 354953 w 6858000"/>
              <a:gd name="connsiteY527" fmla="*/ 6507787 h 6858000"/>
              <a:gd name="connsiteX528" fmla="*/ 121984 w 6858000"/>
              <a:gd name="connsiteY528" fmla="*/ 6507380 h 6858000"/>
              <a:gd name="connsiteX529" fmla="*/ 121984 w 6858000"/>
              <a:gd name="connsiteY529" fmla="*/ 6617698 h 6858000"/>
              <a:gd name="connsiteX530" fmla="*/ 232302 w 6858000"/>
              <a:gd name="connsiteY530" fmla="*/ 6617698 h 6858000"/>
              <a:gd name="connsiteX531" fmla="*/ 232302 w 6858000"/>
              <a:gd name="connsiteY531" fmla="*/ 6507380 h 6858000"/>
              <a:gd name="connsiteX532" fmla="*/ 5714630 w 6858000"/>
              <a:gd name="connsiteY532" fmla="*/ 6439241 h 6858000"/>
              <a:gd name="connsiteX533" fmla="*/ 5714630 w 6858000"/>
              <a:gd name="connsiteY533" fmla="*/ 6439686 h 6858000"/>
              <a:gd name="connsiteX534" fmla="*/ 5715074 w 6858000"/>
              <a:gd name="connsiteY534" fmla="*/ 6439686 h 6858000"/>
              <a:gd name="connsiteX535" fmla="*/ 5715074 w 6858000"/>
              <a:gd name="connsiteY535" fmla="*/ 6439241 h 6858000"/>
              <a:gd name="connsiteX536" fmla="*/ 5591573 w 6858000"/>
              <a:gd name="connsiteY536" fmla="*/ 6439241 h 6858000"/>
              <a:gd name="connsiteX537" fmla="*/ 5591573 w 6858000"/>
              <a:gd name="connsiteY537" fmla="*/ 6439686 h 6858000"/>
              <a:gd name="connsiteX538" fmla="*/ 5592018 w 6858000"/>
              <a:gd name="connsiteY538" fmla="*/ 6439686 h 6858000"/>
              <a:gd name="connsiteX539" fmla="*/ 5592018 w 6858000"/>
              <a:gd name="connsiteY539" fmla="*/ 6439241 h 6858000"/>
              <a:gd name="connsiteX540" fmla="*/ 5468515 w 6858000"/>
              <a:gd name="connsiteY540" fmla="*/ 6439241 h 6858000"/>
              <a:gd name="connsiteX541" fmla="*/ 5468515 w 6858000"/>
              <a:gd name="connsiteY541" fmla="*/ 6439686 h 6858000"/>
              <a:gd name="connsiteX542" fmla="*/ 5468959 w 6858000"/>
              <a:gd name="connsiteY542" fmla="*/ 6439686 h 6858000"/>
              <a:gd name="connsiteX543" fmla="*/ 5468959 w 6858000"/>
              <a:gd name="connsiteY543" fmla="*/ 6439241 h 6858000"/>
              <a:gd name="connsiteX544" fmla="*/ 5345458 w 6858000"/>
              <a:gd name="connsiteY544" fmla="*/ 6439241 h 6858000"/>
              <a:gd name="connsiteX545" fmla="*/ 5345458 w 6858000"/>
              <a:gd name="connsiteY545" fmla="*/ 6439686 h 6858000"/>
              <a:gd name="connsiteX546" fmla="*/ 5345902 w 6858000"/>
              <a:gd name="connsiteY546" fmla="*/ 6439686 h 6858000"/>
              <a:gd name="connsiteX547" fmla="*/ 5345902 w 6858000"/>
              <a:gd name="connsiteY547" fmla="*/ 6439241 h 6858000"/>
              <a:gd name="connsiteX548" fmla="*/ 5222401 w 6858000"/>
              <a:gd name="connsiteY548" fmla="*/ 6439241 h 6858000"/>
              <a:gd name="connsiteX549" fmla="*/ 5222401 w 6858000"/>
              <a:gd name="connsiteY549" fmla="*/ 6439686 h 6858000"/>
              <a:gd name="connsiteX550" fmla="*/ 5222845 w 6858000"/>
              <a:gd name="connsiteY550" fmla="*/ 6439686 h 6858000"/>
              <a:gd name="connsiteX551" fmla="*/ 5222845 w 6858000"/>
              <a:gd name="connsiteY551" fmla="*/ 6439241 h 6858000"/>
              <a:gd name="connsiteX552" fmla="*/ 5099306 w 6858000"/>
              <a:gd name="connsiteY552" fmla="*/ 6439241 h 6858000"/>
              <a:gd name="connsiteX553" fmla="*/ 5099306 w 6858000"/>
              <a:gd name="connsiteY553" fmla="*/ 6439686 h 6858000"/>
              <a:gd name="connsiteX554" fmla="*/ 5099750 w 6858000"/>
              <a:gd name="connsiteY554" fmla="*/ 6439686 h 6858000"/>
              <a:gd name="connsiteX555" fmla="*/ 5099750 w 6858000"/>
              <a:gd name="connsiteY555" fmla="*/ 6439241 h 6858000"/>
              <a:gd name="connsiteX556" fmla="*/ 4976249 w 6858000"/>
              <a:gd name="connsiteY556" fmla="*/ 6439241 h 6858000"/>
              <a:gd name="connsiteX557" fmla="*/ 4976249 w 6858000"/>
              <a:gd name="connsiteY557" fmla="*/ 6439686 h 6858000"/>
              <a:gd name="connsiteX558" fmla="*/ 4976693 w 6858000"/>
              <a:gd name="connsiteY558" fmla="*/ 6439686 h 6858000"/>
              <a:gd name="connsiteX559" fmla="*/ 4976693 w 6858000"/>
              <a:gd name="connsiteY559" fmla="*/ 6439241 h 6858000"/>
              <a:gd name="connsiteX560" fmla="*/ 4853192 w 6858000"/>
              <a:gd name="connsiteY560" fmla="*/ 6439241 h 6858000"/>
              <a:gd name="connsiteX561" fmla="*/ 4853192 w 6858000"/>
              <a:gd name="connsiteY561" fmla="*/ 6439686 h 6858000"/>
              <a:gd name="connsiteX562" fmla="*/ 4853637 w 6858000"/>
              <a:gd name="connsiteY562" fmla="*/ 6439686 h 6858000"/>
              <a:gd name="connsiteX563" fmla="*/ 4853637 w 6858000"/>
              <a:gd name="connsiteY563" fmla="*/ 6439241 h 6858000"/>
              <a:gd name="connsiteX564" fmla="*/ 4730134 w 6858000"/>
              <a:gd name="connsiteY564" fmla="*/ 6439241 h 6858000"/>
              <a:gd name="connsiteX565" fmla="*/ 4730134 w 6858000"/>
              <a:gd name="connsiteY565" fmla="*/ 6439686 h 6858000"/>
              <a:gd name="connsiteX566" fmla="*/ 4730579 w 6858000"/>
              <a:gd name="connsiteY566" fmla="*/ 6439686 h 6858000"/>
              <a:gd name="connsiteX567" fmla="*/ 4730579 w 6858000"/>
              <a:gd name="connsiteY567" fmla="*/ 6439241 h 6858000"/>
              <a:gd name="connsiteX568" fmla="*/ 4360962 w 6858000"/>
              <a:gd name="connsiteY568" fmla="*/ 6439241 h 6858000"/>
              <a:gd name="connsiteX569" fmla="*/ 4360962 w 6858000"/>
              <a:gd name="connsiteY569" fmla="*/ 6439686 h 6858000"/>
              <a:gd name="connsiteX570" fmla="*/ 4361406 w 6858000"/>
              <a:gd name="connsiteY570" fmla="*/ 6439686 h 6858000"/>
              <a:gd name="connsiteX571" fmla="*/ 4361406 w 6858000"/>
              <a:gd name="connsiteY571" fmla="*/ 6439241 h 6858000"/>
              <a:gd name="connsiteX572" fmla="*/ 4237905 w 6858000"/>
              <a:gd name="connsiteY572" fmla="*/ 6439241 h 6858000"/>
              <a:gd name="connsiteX573" fmla="*/ 4237905 w 6858000"/>
              <a:gd name="connsiteY573" fmla="*/ 6439686 h 6858000"/>
              <a:gd name="connsiteX574" fmla="*/ 4238349 w 6858000"/>
              <a:gd name="connsiteY574" fmla="*/ 6439686 h 6858000"/>
              <a:gd name="connsiteX575" fmla="*/ 4238349 w 6858000"/>
              <a:gd name="connsiteY575" fmla="*/ 6439241 h 6858000"/>
              <a:gd name="connsiteX576" fmla="*/ 4114848 w 6858000"/>
              <a:gd name="connsiteY576" fmla="*/ 6439241 h 6858000"/>
              <a:gd name="connsiteX577" fmla="*/ 4114848 w 6858000"/>
              <a:gd name="connsiteY577" fmla="*/ 6439686 h 6858000"/>
              <a:gd name="connsiteX578" fmla="*/ 4115292 w 6858000"/>
              <a:gd name="connsiteY578" fmla="*/ 6439686 h 6858000"/>
              <a:gd name="connsiteX579" fmla="*/ 4115292 w 6858000"/>
              <a:gd name="connsiteY579" fmla="*/ 6439241 h 6858000"/>
              <a:gd name="connsiteX580" fmla="*/ 3991790 w 6858000"/>
              <a:gd name="connsiteY580" fmla="*/ 6439241 h 6858000"/>
              <a:gd name="connsiteX581" fmla="*/ 3991790 w 6858000"/>
              <a:gd name="connsiteY581" fmla="*/ 6439686 h 6858000"/>
              <a:gd name="connsiteX582" fmla="*/ 3992235 w 6858000"/>
              <a:gd name="connsiteY582" fmla="*/ 6439686 h 6858000"/>
              <a:gd name="connsiteX583" fmla="*/ 3992235 w 6858000"/>
              <a:gd name="connsiteY583" fmla="*/ 6439241 h 6858000"/>
              <a:gd name="connsiteX584" fmla="*/ 3868511 w 6858000"/>
              <a:gd name="connsiteY584" fmla="*/ 6439018 h 6858000"/>
              <a:gd name="connsiteX585" fmla="*/ 3868511 w 6858000"/>
              <a:gd name="connsiteY585" fmla="*/ 6439870 h 6858000"/>
              <a:gd name="connsiteX586" fmla="*/ 3869363 w 6858000"/>
              <a:gd name="connsiteY586" fmla="*/ 6439870 h 6858000"/>
              <a:gd name="connsiteX587" fmla="*/ 3869363 w 6858000"/>
              <a:gd name="connsiteY587" fmla="*/ 6439018 h 6858000"/>
              <a:gd name="connsiteX588" fmla="*/ 3745231 w 6858000"/>
              <a:gd name="connsiteY588" fmla="*/ 6438833 h 6858000"/>
              <a:gd name="connsiteX589" fmla="*/ 3745231 w 6858000"/>
              <a:gd name="connsiteY589" fmla="*/ 6440129 h 6858000"/>
              <a:gd name="connsiteX590" fmla="*/ 3746527 w 6858000"/>
              <a:gd name="connsiteY590" fmla="*/ 6440129 h 6858000"/>
              <a:gd name="connsiteX591" fmla="*/ 3746527 w 6858000"/>
              <a:gd name="connsiteY591" fmla="*/ 6438833 h 6858000"/>
              <a:gd name="connsiteX592" fmla="*/ 3621952 w 6858000"/>
              <a:gd name="connsiteY592" fmla="*/ 6438611 h 6858000"/>
              <a:gd name="connsiteX593" fmla="*/ 3621952 w 6858000"/>
              <a:gd name="connsiteY593" fmla="*/ 6440351 h 6858000"/>
              <a:gd name="connsiteX594" fmla="*/ 3623692 w 6858000"/>
              <a:gd name="connsiteY594" fmla="*/ 6440351 h 6858000"/>
              <a:gd name="connsiteX595" fmla="*/ 3623692 w 6858000"/>
              <a:gd name="connsiteY595" fmla="*/ 6438611 h 6858000"/>
              <a:gd name="connsiteX596" fmla="*/ 3498450 w 6858000"/>
              <a:gd name="connsiteY596" fmla="*/ 6438167 h 6858000"/>
              <a:gd name="connsiteX597" fmla="*/ 3498450 w 6858000"/>
              <a:gd name="connsiteY597" fmla="*/ 6440759 h 6858000"/>
              <a:gd name="connsiteX598" fmla="*/ 3501042 w 6858000"/>
              <a:gd name="connsiteY598" fmla="*/ 6440759 h 6858000"/>
              <a:gd name="connsiteX599" fmla="*/ 3501042 w 6858000"/>
              <a:gd name="connsiteY599" fmla="*/ 6438167 h 6858000"/>
              <a:gd name="connsiteX600" fmla="*/ 3374726 w 6858000"/>
              <a:gd name="connsiteY600" fmla="*/ 6437500 h 6858000"/>
              <a:gd name="connsiteX601" fmla="*/ 3374726 w 6858000"/>
              <a:gd name="connsiteY601" fmla="*/ 6441425 h 6858000"/>
              <a:gd name="connsiteX602" fmla="*/ 3378651 w 6858000"/>
              <a:gd name="connsiteY602" fmla="*/ 6441425 h 6858000"/>
              <a:gd name="connsiteX603" fmla="*/ 3378651 w 6858000"/>
              <a:gd name="connsiteY603" fmla="*/ 6437500 h 6858000"/>
              <a:gd name="connsiteX604" fmla="*/ 3251039 w 6858000"/>
              <a:gd name="connsiteY604" fmla="*/ 6436871 h 6858000"/>
              <a:gd name="connsiteX605" fmla="*/ 3251039 w 6858000"/>
              <a:gd name="connsiteY605" fmla="*/ 6442093 h 6858000"/>
              <a:gd name="connsiteX606" fmla="*/ 3256261 w 6858000"/>
              <a:gd name="connsiteY606" fmla="*/ 6442093 h 6858000"/>
              <a:gd name="connsiteX607" fmla="*/ 3256261 w 6858000"/>
              <a:gd name="connsiteY607" fmla="*/ 6436871 h 6858000"/>
              <a:gd name="connsiteX608" fmla="*/ 3127093 w 6858000"/>
              <a:gd name="connsiteY608" fmla="*/ 6435982 h 6858000"/>
              <a:gd name="connsiteX609" fmla="*/ 3127093 w 6858000"/>
              <a:gd name="connsiteY609" fmla="*/ 6442944 h 6858000"/>
              <a:gd name="connsiteX610" fmla="*/ 3134055 w 6858000"/>
              <a:gd name="connsiteY610" fmla="*/ 6442944 h 6858000"/>
              <a:gd name="connsiteX611" fmla="*/ 3134055 w 6858000"/>
              <a:gd name="connsiteY611" fmla="*/ 6435982 h 6858000"/>
              <a:gd name="connsiteX612" fmla="*/ 3002962 w 6858000"/>
              <a:gd name="connsiteY612" fmla="*/ 6434908 h 6858000"/>
              <a:gd name="connsiteX613" fmla="*/ 3002962 w 6858000"/>
              <a:gd name="connsiteY613" fmla="*/ 6444018 h 6858000"/>
              <a:gd name="connsiteX614" fmla="*/ 3012072 w 6858000"/>
              <a:gd name="connsiteY614" fmla="*/ 6444018 h 6858000"/>
              <a:gd name="connsiteX615" fmla="*/ 3012072 w 6858000"/>
              <a:gd name="connsiteY615" fmla="*/ 6434908 h 6858000"/>
              <a:gd name="connsiteX616" fmla="*/ 2878386 w 6858000"/>
              <a:gd name="connsiteY616" fmla="*/ 6433390 h 6858000"/>
              <a:gd name="connsiteX617" fmla="*/ 2878386 w 6858000"/>
              <a:gd name="connsiteY617" fmla="*/ 6445536 h 6858000"/>
              <a:gd name="connsiteX618" fmla="*/ 2890533 w 6858000"/>
              <a:gd name="connsiteY618" fmla="*/ 6445536 h 6858000"/>
              <a:gd name="connsiteX619" fmla="*/ 2890533 w 6858000"/>
              <a:gd name="connsiteY619" fmla="*/ 6433390 h 6858000"/>
              <a:gd name="connsiteX620" fmla="*/ 2753811 w 6858000"/>
              <a:gd name="connsiteY620" fmla="*/ 6431871 h 6858000"/>
              <a:gd name="connsiteX621" fmla="*/ 2753811 w 6858000"/>
              <a:gd name="connsiteY621" fmla="*/ 6447054 h 6858000"/>
              <a:gd name="connsiteX622" fmla="*/ 2768994 w 6858000"/>
              <a:gd name="connsiteY622" fmla="*/ 6447054 h 6858000"/>
              <a:gd name="connsiteX623" fmla="*/ 2768994 w 6858000"/>
              <a:gd name="connsiteY623" fmla="*/ 6431871 h 6858000"/>
              <a:gd name="connsiteX624" fmla="*/ 2629013 w 6858000"/>
              <a:gd name="connsiteY624" fmla="*/ 6430131 h 6858000"/>
              <a:gd name="connsiteX625" fmla="*/ 2629013 w 6858000"/>
              <a:gd name="connsiteY625" fmla="*/ 6448795 h 6858000"/>
              <a:gd name="connsiteX626" fmla="*/ 2647677 w 6858000"/>
              <a:gd name="connsiteY626" fmla="*/ 6448795 h 6858000"/>
              <a:gd name="connsiteX627" fmla="*/ 2647677 w 6858000"/>
              <a:gd name="connsiteY627" fmla="*/ 6430131 h 6858000"/>
              <a:gd name="connsiteX628" fmla="*/ 2503549 w 6858000"/>
              <a:gd name="connsiteY628" fmla="*/ 6427761 h 6858000"/>
              <a:gd name="connsiteX629" fmla="*/ 2503549 w 6858000"/>
              <a:gd name="connsiteY629" fmla="*/ 6451202 h 6858000"/>
              <a:gd name="connsiteX630" fmla="*/ 2526990 w 6858000"/>
              <a:gd name="connsiteY630" fmla="*/ 6451202 h 6858000"/>
              <a:gd name="connsiteX631" fmla="*/ 2526990 w 6858000"/>
              <a:gd name="connsiteY631" fmla="*/ 6427761 h 6858000"/>
              <a:gd name="connsiteX632" fmla="*/ 2378084 w 6858000"/>
              <a:gd name="connsiteY632" fmla="*/ 6425354 h 6858000"/>
              <a:gd name="connsiteX633" fmla="*/ 2378084 w 6858000"/>
              <a:gd name="connsiteY633" fmla="*/ 6453573 h 6858000"/>
              <a:gd name="connsiteX634" fmla="*/ 2406302 w 6858000"/>
              <a:gd name="connsiteY634" fmla="*/ 6453573 h 6858000"/>
              <a:gd name="connsiteX635" fmla="*/ 2406302 w 6858000"/>
              <a:gd name="connsiteY635" fmla="*/ 6425354 h 6858000"/>
              <a:gd name="connsiteX636" fmla="*/ 2252435 w 6858000"/>
              <a:gd name="connsiteY636" fmla="*/ 6422761 h 6858000"/>
              <a:gd name="connsiteX637" fmla="*/ 2252435 w 6858000"/>
              <a:gd name="connsiteY637" fmla="*/ 6456201 h 6858000"/>
              <a:gd name="connsiteX638" fmla="*/ 2285875 w 6858000"/>
              <a:gd name="connsiteY638" fmla="*/ 6456201 h 6858000"/>
              <a:gd name="connsiteX639" fmla="*/ 2285875 w 6858000"/>
              <a:gd name="connsiteY639" fmla="*/ 6422761 h 6858000"/>
              <a:gd name="connsiteX640" fmla="*/ 2126563 w 6858000"/>
              <a:gd name="connsiteY640" fmla="*/ 6419910 h 6858000"/>
              <a:gd name="connsiteX641" fmla="*/ 2126563 w 6858000"/>
              <a:gd name="connsiteY641" fmla="*/ 6459016 h 6858000"/>
              <a:gd name="connsiteX642" fmla="*/ 2165669 w 6858000"/>
              <a:gd name="connsiteY642" fmla="*/ 6459016 h 6858000"/>
              <a:gd name="connsiteX643" fmla="*/ 2165669 w 6858000"/>
              <a:gd name="connsiteY643" fmla="*/ 6419910 h 6858000"/>
              <a:gd name="connsiteX644" fmla="*/ 2000469 w 6858000"/>
              <a:gd name="connsiteY644" fmla="*/ 6416873 h 6858000"/>
              <a:gd name="connsiteX645" fmla="*/ 2000469 w 6858000"/>
              <a:gd name="connsiteY645" fmla="*/ 6462052 h 6858000"/>
              <a:gd name="connsiteX646" fmla="*/ 2045648 w 6858000"/>
              <a:gd name="connsiteY646" fmla="*/ 6462052 h 6858000"/>
              <a:gd name="connsiteX647" fmla="*/ 2045648 w 6858000"/>
              <a:gd name="connsiteY647" fmla="*/ 6416873 h 6858000"/>
              <a:gd name="connsiteX648" fmla="*/ 1874338 w 6858000"/>
              <a:gd name="connsiteY648" fmla="*/ 6413837 h 6858000"/>
              <a:gd name="connsiteX649" fmla="*/ 1874338 w 6858000"/>
              <a:gd name="connsiteY649" fmla="*/ 6465089 h 6858000"/>
              <a:gd name="connsiteX650" fmla="*/ 1925590 w 6858000"/>
              <a:gd name="connsiteY650" fmla="*/ 6465089 h 6858000"/>
              <a:gd name="connsiteX651" fmla="*/ 1925590 w 6858000"/>
              <a:gd name="connsiteY651" fmla="*/ 6413837 h 6858000"/>
              <a:gd name="connsiteX652" fmla="*/ 1748022 w 6858000"/>
              <a:gd name="connsiteY652" fmla="*/ 6410578 h 6858000"/>
              <a:gd name="connsiteX653" fmla="*/ 1748022 w 6858000"/>
              <a:gd name="connsiteY653" fmla="*/ 6468348 h 6858000"/>
              <a:gd name="connsiteX654" fmla="*/ 1805792 w 6858000"/>
              <a:gd name="connsiteY654" fmla="*/ 6468348 h 6858000"/>
              <a:gd name="connsiteX655" fmla="*/ 1805792 w 6858000"/>
              <a:gd name="connsiteY655" fmla="*/ 6410578 h 6858000"/>
              <a:gd name="connsiteX656" fmla="*/ 1621706 w 6858000"/>
              <a:gd name="connsiteY656" fmla="*/ 6407319 h 6858000"/>
              <a:gd name="connsiteX657" fmla="*/ 1621706 w 6858000"/>
              <a:gd name="connsiteY657" fmla="*/ 6471607 h 6858000"/>
              <a:gd name="connsiteX658" fmla="*/ 1685994 w 6858000"/>
              <a:gd name="connsiteY658" fmla="*/ 6471607 h 6858000"/>
              <a:gd name="connsiteX659" fmla="*/ 1685994 w 6858000"/>
              <a:gd name="connsiteY659" fmla="*/ 6407319 h 6858000"/>
              <a:gd name="connsiteX660" fmla="*/ 1495390 w 6858000"/>
              <a:gd name="connsiteY660" fmla="*/ 6404060 h 6858000"/>
              <a:gd name="connsiteX661" fmla="*/ 1495390 w 6858000"/>
              <a:gd name="connsiteY661" fmla="*/ 6474865 h 6858000"/>
              <a:gd name="connsiteX662" fmla="*/ 1566195 w 6858000"/>
              <a:gd name="connsiteY662" fmla="*/ 6474865 h 6858000"/>
              <a:gd name="connsiteX663" fmla="*/ 1566195 w 6858000"/>
              <a:gd name="connsiteY663" fmla="*/ 6404060 h 6858000"/>
              <a:gd name="connsiteX664" fmla="*/ 1369296 w 6858000"/>
              <a:gd name="connsiteY664" fmla="*/ 6401024 h 6858000"/>
              <a:gd name="connsiteX665" fmla="*/ 1369296 w 6858000"/>
              <a:gd name="connsiteY665" fmla="*/ 6477902 h 6858000"/>
              <a:gd name="connsiteX666" fmla="*/ 1446175 w 6858000"/>
              <a:gd name="connsiteY666" fmla="*/ 6477902 h 6858000"/>
              <a:gd name="connsiteX667" fmla="*/ 1446175 w 6858000"/>
              <a:gd name="connsiteY667" fmla="*/ 6401024 h 6858000"/>
              <a:gd name="connsiteX668" fmla="*/ 1243424 w 6858000"/>
              <a:gd name="connsiteY668" fmla="*/ 6398209 h 6858000"/>
              <a:gd name="connsiteX669" fmla="*/ 1243424 w 6858000"/>
              <a:gd name="connsiteY669" fmla="*/ 6480716 h 6858000"/>
              <a:gd name="connsiteX670" fmla="*/ 1325931 w 6858000"/>
              <a:gd name="connsiteY670" fmla="*/ 6480716 h 6858000"/>
              <a:gd name="connsiteX671" fmla="*/ 1325931 w 6858000"/>
              <a:gd name="connsiteY671" fmla="*/ 6398209 h 6858000"/>
              <a:gd name="connsiteX672" fmla="*/ 1117515 w 6858000"/>
              <a:gd name="connsiteY672" fmla="*/ 6395395 h 6858000"/>
              <a:gd name="connsiteX673" fmla="*/ 1117515 w 6858000"/>
              <a:gd name="connsiteY673" fmla="*/ 6483568 h 6858000"/>
              <a:gd name="connsiteX674" fmla="*/ 1205688 w 6858000"/>
              <a:gd name="connsiteY674" fmla="*/ 6483568 h 6858000"/>
              <a:gd name="connsiteX675" fmla="*/ 1205688 w 6858000"/>
              <a:gd name="connsiteY675" fmla="*/ 6395395 h 6858000"/>
              <a:gd name="connsiteX676" fmla="*/ 992088 w 6858000"/>
              <a:gd name="connsiteY676" fmla="*/ 6392988 h 6858000"/>
              <a:gd name="connsiteX677" fmla="*/ 992088 w 6858000"/>
              <a:gd name="connsiteY677" fmla="*/ 6485938 h 6858000"/>
              <a:gd name="connsiteX678" fmla="*/ 1085038 w 6858000"/>
              <a:gd name="connsiteY678" fmla="*/ 6485938 h 6858000"/>
              <a:gd name="connsiteX679" fmla="*/ 1085038 w 6858000"/>
              <a:gd name="connsiteY679" fmla="*/ 6392988 h 6858000"/>
              <a:gd name="connsiteX680" fmla="*/ 866845 w 6858000"/>
              <a:gd name="connsiteY680" fmla="*/ 6390840 h 6858000"/>
              <a:gd name="connsiteX681" fmla="*/ 866845 w 6858000"/>
              <a:gd name="connsiteY681" fmla="*/ 6488123 h 6858000"/>
              <a:gd name="connsiteX682" fmla="*/ 964128 w 6858000"/>
              <a:gd name="connsiteY682" fmla="*/ 6488123 h 6858000"/>
              <a:gd name="connsiteX683" fmla="*/ 964128 w 6858000"/>
              <a:gd name="connsiteY683" fmla="*/ 6390840 h 6858000"/>
              <a:gd name="connsiteX684" fmla="*/ 742048 w 6858000"/>
              <a:gd name="connsiteY684" fmla="*/ 6389099 h 6858000"/>
              <a:gd name="connsiteX685" fmla="*/ 742048 w 6858000"/>
              <a:gd name="connsiteY685" fmla="*/ 6489863 h 6858000"/>
              <a:gd name="connsiteX686" fmla="*/ 842812 w 6858000"/>
              <a:gd name="connsiteY686" fmla="*/ 6489863 h 6858000"/>
              <a:gd name="connsiteX687" fmla="*/ 842812 w 6858000"/>
              <a:gd name="connsiteY687" fmla="*/ 6389099 h 6858000"/>
              <a:gd name="connsiteX688" fmla="*/ 617472 w 6858000"/>
              <a:gd name="connsiteY688" fmla="*/ 6387581 h 6858000"/>
              <a:gd name="connsiteX689" fmla="*/ 617472 w 6858000"/>
              <a:gd name="connsiteY689" fmla="*/ 6491382 h 6858000"/>
              <a:gd name="connsiteX690" fmla="*/ 721273 w 6858000"/>
              <a:gd name="connsiteY690" fmla="*/ 6491382 h 6858000"/>
              <a:gd name="connsiteX691" fmla="*/ 721273 w 6858000"/>
              <a:gd name="connsiteY691" fmla="*/ 6387581 h 6858000"/>
              <a:gd name="connsiteX692" fmla="*/ 493119 w 6858000"/>
              <a:gd name="connsiteY692" fmla="*/ 6386248 h 6858000"/>
              <a:gd name="connsiteX693" fmla="*/ 493119 w 6858000"/>
              <a:gd name="connsiteY693" fmla="*/ 6492641 h 6858000"/>
              <a:gd name="connsiteX694" fmla="*/ 599512 w 6858000"/>
              <a:gd name="connsiteY694" fmla="*/ 6492641 h 6858000"/>
              <a:gd name="connsiteX695" fmla="*/ 599512 w 6858000"/>
              <a:gd name="connsiteY695" fmla="*/ 6386248 h 6858000"/>
              <a:gd name="connsiteX696" fmla="*/ 369172 w 6858000"/>
              <a:gd name="connsiteY696" fmla="*/ 6385396 h 6858000"/>
              <a:gd name="connsiteX697" fmla="*/ 369172 w 6858000"/>
              <a:gd name="connsiteY697" fmla="*/ 6493529 h 6858000"/>
              <a:gd name="connsiteX698" fmla="*/ 477305 w 6858000"/>
              <a:gd name="connsiteY698" fmla="*/ 6493529 h 6858000"/>
              <a:gd name="connsiteX699" fmla="*/ 477305 w 6858000"/>
              <a:gd name="connsiteY699" fmla="*/ 6385396 h 6858000"/>
              <a:gd name="connsiteX700" fmla="*/ 1 w 6858000"/>
              <a:gd name="connsiteY700" fmla="*/ 6385396 h 6858000"/>
              <a:gd name="connsiteX701" fmla="*/ 1 w 6858000"/>
              <a:gd name="connsiteY701" fmla="*/ 6493529 h 6858000"/>
              <a:gd name="connsiteX702" fmla="*/ 108134 w 6858000"/>
              <a:gd name="connsiteY702" fmla="*/ 6493529 h 6858000"/>
              <a:gd name="connsiteX703" fmla="*/ 108134 w 6858000"/>
              <a:gd name="connsiteY703" fmla="*/ 6385396 h 6858000"/>
              <a:gd name="connsiteX704" fmla="*/ 245486 w 6858000"/>
              <a:gd name="connsiteY704" fmla="*/ 6384730 h 6858000"/>
              <a:gd name="connsiteX705" fmla="*/ 245486 w 6858000"/>
              <a:gd name="connsiteY705" fmla="*/ 6494197 h 6858000"/>
              <a:gd name="connsiteX706" fmla="*/ 354953 w 6858000"/>
              <a:gd name="connsiteY706" fmla="*/ 6494197 h 6858000"/>
              <a:gd name="connsiteX707" fmla="*/ 354953 w 6858000"/>
              <a:gd name="connsiteY707" fmla="*/ 6384730 h 6858000"/>
              <a:gd name="connsiteX708" fmla="*/ 121984 w 6858000"/>
              <a:gd name="connsiteY708" fmla="*/ 6384322 h 6858000"/>
              <a:gd name="connsiteX709" fmla="*/ 121984 w 6858000"/>
              <a:gd name="connsiteY709" fmla="*/ 6494640 h 6858000"/>
              <a:gd name="connsiteX710" fmla="*/ 232302 w 6858000"/>
              <a:gd name="connsiteY710" fmla="*/ 6494640 h 6858000"/>
              <a:gd name="connsiteX711" fmla="*/ 232302 w 6858000"/>
              <a:gd name="connsiteY711" fmla="*/ 6384322 h 6858000"/>
              <a:gd name="connsiteX712" fmla="*/ 5714630 w 6858000"/>
              <a:gd name="connsiteY712" fmla="*/ 6316183 h 6858000"/>
              <a:gd name="connsiteX713" fmla="*/ 5714630 w 6858000"/>
              <a:gd name="connsiteY713" fmla="*/ 6316627 h 6858000"/>
              <a:gd name="connsiteX714" fmla="*/ 5715074 w 6858000"/>
              <a:gd name="connsiteY714" fmla="*/ 6316627 h 6858000"/>
              <a:gd name="connsiteX715" fmla="*/ 5715074 w 6858000"/>
              <a:gd name="connsiteY715" fmla="*/ 6316183 h 6858000"/>
              <a:gd name="connsiteX716" fmla="*/ 5591573 w 6858000"/>
              <a:gd name="connsiteY716" fmla="*/ 6316183 h 6858000"/>
              <a:gd name="connsiteX717" fmla="*/ 5591573 w 6858000"/>
              <a:gd name="connsiteY717" fmla="*/ 6316627 h 6858000"/>
              <a:gd name="connsiteX718" fmla="*/ 5592018 w 6858000"/>
              <a:gd name="connsiteY718" fmla="*/ 6316627 h 6858000"/>
              <a:gd name="connsiteX719" fmla="*/ 5592018 w 6858000"/>
              <a:gd name="connsiteY719" fmla="*/ 6316183 h 6858000"/>
              <a:gd name="connsiteX720" fmla="*/ 5468515 w 6858000"/>
              <a:gd name="connsiteY720" fmla="*/ 6316183 h 6858000"/>
              <a:gd name="connsiteX721" fmla="*/ 5468515 w 6858000"/>
              <a:gd name="connsiteY721" fmla="*/ 6316627 h 6858000"/>
              <a:gd name="connsiteX722" fmla="*/ 5468959 w 6858000"/>
              <a:gd name="connsiteY722" fmla="*/ 6316627 h 6858000"/>
              <a:gd name="connsiteX723" fmla="*/ 5468959 w 6858000"/>
              <a:gd name="connsiteY723" fmla="*/ 6316183 h 6858000"/>
              <a:gd name="connsiteX724" fmla="*/ 5345458 w 6858000"/>
              <a:gd name="connsiteY724" fmla="*/ 6316183 h 6858000"/>
              <a:gd name="connsiteX725" fmla="*/ 5345458 w 6858000"/>
              <a:gd name="connsiteY725" fmla="*/ 6316627 h 6858000"/>
              <a:gd name="connsiteX726" fmla="*/ 5345902 w 6858000"/>
              <a:gd name="connsiteY726" fmla="*/ 6316627 h 6858000"/>
              <a:gd name="connsiteX727" fmla="*/ 5345902 w 6858000"/>
              <a:gd name="connsiteY727" fmla="*/ 6316183 h 6858000"/>
              <a:gd name="connsiteX728" fmla="*/ 5222401 w 6858000"/>
              <a:gd name="connsiteY728" fmla="*/ 6316183 h 6858000"/>
              <a:gd name="connsiteX729" fmla="*/ 5222401 w 6858000"/>
              <a:gd name="connsiteY729" fmla="*/ 6316627 h 6858000"/>
              <a:gd name="connsiteX730" fmla="*/ 5222845 w 6858000"/>
              <a:gd name="connsiteY730" fmla="*/ 6316627 h 6858000"/>
              <a:gd name="connsiteX731" fmla="*/ 5222845 w 6858000"/>
              <a:gd name="connsiteY731" fmla="*/ 6316183 h 6858000"/>
              <a:gd name="connsiteX732" fmla="*/ 5099306 w 6858000"/>
              <a:gd name="connsiteY732" fmla="*/ 6316183 h 6858000"/>
              <a:gd name="connsiteX733" fmla="*/ 5099306 w 6858000"/>
              <a:gd name="connsiteY733" fmla="*/ 6316627 h 6858000"/>
              <a:gd name="connsiteX734" fmla="*/ 5099750 w 6858000"/>
              <a:gd name="connsiteY734" fmla="*/ 6316627 h 6858000"/>
              <a:gd name="connsiteX735" fmla="*/ 5099750 w 6858000"/>
              <a:gd name="connsiteY735" fmla="*/ 6316183 h 6858000"/>
              <a:gd name="connsiteX736" fmla="*/ 4976249 w 6858000"/>
              <a:gd name="connsiteY736" fmla="*/ 6316183 h 6858000"/>
              <a:gd name="connsiteX737" fmla="*/ 4976249 w 6858000"/>
              <a:gd name="connsiteY737" fmla="*/ 6316627 h 6858000"/>
              <a:gd name="connsiteX738" fmla="*/ 4976693 w 6858000"/>
              <a:gd name="connsiteY738" fmla="*/ 6316627 h 6858000"/>
              <a:gd name="connsiteX739" fmla="*/ 4976693 w 6858000"/>
              <a:gd name="connsiteY739" fmla="*/ 6316183 h 6858000"/>
              <a:gd name="connsiteX740" fmla="*/ 4853192 w 6858000"/>
              <a:gd name="connsiteY740" fmla="*/ 6316183 h 6858000"/>
              <a:gd name="connsiteX741" fmla="*/ 4853192 w 6858000"/>
              <a:gd name="connsiteY741" fmla="*/ 6316627 h 6858000"/>
              <a:gd name="connsiteX742" fmla="*/ 4853637 w 6858000"/>
              <a:gd name="connsiteY742" fmla="*/ 6316627 h 6858000"/>
              <a:gd name="connsiteX743" fmla="*/ 4853637 w 6858000"/>
              <a:gd name="connsiteY743" fmla="*/ 6316183 h 6858000"/>
              <a:gd name="connsiteX744" fmla="*/ 4730134 w 6858000"/>
              <a:gd name="connsiteY744" fmla="*/ 6316183 h 6858000"/>
              <a:gd name="connsiteX745" fmla="*/ 4730134 w 6858000"/>
              <a:gd name="connsiteY745" fmla="*/ 6316627 h 6858000"/>
              <a:gd name="connsiteX746" fmla="*/ 4730579 w 6858000"/>
              <a:gd name="connsiteY746" fmla="*/ 6316627 h 6858000"/>
              <a:gd name="connsiteX747" fmla="*/ 4730579 w 6858000"/>
              <a:gd name="connsiteY747" fmla="*/ 6316183 h 6858000"/>
              <a:gd name="connsiteX748" fmla="*/ 4360962 w 6858000"/>
              <a:gd name="connsiteY748" fmla="*/ 6316183 h 6858000"/>
              <a:gd name="connsiteX749" fmla="*/ 4360962 w 6858000"/>
              <a:gd name="connsiteY749" fmla="*/ 6316627 h 6858000"/>
              <a:gd name="connsiteX750" fmla="*/ 4361406 w 6858000"/>
              <a:gd name="connsiteY750" fmla="*/ 6316627 h 6858000"/>
              <a:gd name="connsiteX751" fmla="*/ 4361406 w 6858000"/>
              <a:gd name="connsiteY751" fmla="*/ 6316183 h 6858000"/>
              <a:gd name="connsiteX752" fmla="*/ 4237905 w 6858000"/>
              <a:gd name="connsiteY752" fmla="*/ 6316183 h 6858000"/>
              <a:gd name="connsiteX753" fmla="*/ 4237905 w 6858000"/>
              <a:gd name="connsiteY753" fmla="*/ 6316627 h 6858000"/>
              <a:gd name="connsiteX754" fmla="*/ 4238349 w 6858000"/>
              <a:gd name="connsiteY754" fmla="*/ 6316627 h 6858000"/>
              <a:gd name="connsiteX755" fmla="*/ 4238349 w 6858000"/>
              <a:gd name="connsiteY755" fmla="*/ 6316183 h 6858000"/>
              <a:gd name="connsiteX756" fmla="*/ 4114848 w 6858000"/>
              <a:gd name="connsiteY756" fmla="*/ 6316183 h 6858000"/>
              <a:gd name="connsiteX757" fmla="*/ 4114848 w 6858000"/>
              <a:gd name="connsiteY757" fmla="*/ 6316627 h 6858000"/>
              <a:gd name="connsiteX758" fmla="*/ 4115292 w 6858000"/>
              <a:gd name="connsiteY758" fmla="*/ 6316627 h 6858000"/>
              <a:gd name="connsiteX759" fmla="*/ 4115292 w 6858000"/>
              <a:gd name="connsiteY759" fmla="*/ 6316183 h 6858000"/>
              <a:gd name="connsiteX760" fmla="*/ 3991790 w 6858000"/>
              <a:gd name="connsiteY760" fmla="*/ 6316183 h 6858000"/>
              <a:gd name="connsiteX761" fmla="*/ 3991790 w 6858000"/>
              <a:gd name="connsiteY761" fmla="*/ 6316627 h 6858000"/>
              <a:gd name="connsiteX762" fmla="*/ 3992235 w 6858000"/>
              <a:gd name="connsiteY762" fmla="*/ 6316627 h 6858000"/>
              <a:gd name="connsiteX763" fmla="*/ 3992235 w 6858000"/>
              <a:gd name="connsiteY763" fmla="*/ 6316183 h 6858000"/>
              <a:gd name="connsiteX764" fmla="*/ 3868511 w 6858000"/>
              <a:gd name="connsiteY764" fmla="*/ 6315961 h 6858000"/>
              <a:gd name="connsiteX765" fmla="*/ 3868511 w 6858000"/>
              <a:gd name="connsiteY765" fmla="*/ 6316813 h 6858000"/>
              <a:gd name="connsiteX766" fmla="*/ 3869363 w 6858000"/>
              <a:gd name="connsiteY766" fmla="*/ 6316813 h 6858000"/>
              <a:gd name="connsiteX767" fmla="*/ 3869363 w 6858000"/>
              <a:gd name="connsiteY767" fmla="*/ 6315961 h 6858000"/>
              <a:gd name="connsiteX768" fmla="*/ 3745231 w 6858000"/>
              <a:gd name="connsiteY768" fmla="*/ 6315776 h 6858000"/>
              <a:gd name="connsiteX769" fmla="*/ 3745231 w 6858000"/>
              <a:gd name="connsiteY769" fmla="*/ 6317072 h 6858000"/>
              <a:gd name="connsiteX770" fmla="*/ 3746527 w 6858000"/>
              <a:gd name="connsiteY770" fmla="*/ 6317072 h 6858000"/>
              <a:gd name="connsiteX771" fmla="*/ 3746527 w 6858000"/>
              <a:gd name="connsiteY771" fmla="*/ 6315776 h 6858000"/>
              <a:gd name="connsiteX772" fmla="*/ 3621952 w 6858000"/>
              <a:gd name="connsiteY772" fmla="*/ 6315554 h 6858000"/>
              <a:gd name="connsiteX773" fmla="*/ 3621952 w 6858000"/>
              <a:gd name="connsiteY773" fmla="*/ 6317294 h 6858000"/>
              <a:gd name="connsiteX774" fmla="*/ 3623692 w 6858000"/>
              <a:gd name="connsiteY774" fmla="*/ 6317294 h 6858000"/>
              <a:gd name="connsiteX775" fmla="*/ 3623692 w 6858000"/>
              <a:gd name="connsiteY775" fmla="*/ 6315554 h 6858000"/>
              <a:gd name="connsiteX776" fmla="*/ 3498672 w 6858000"/>
              <a:gd name="connsiteY776" fmla="*/ 6315332 h 6858000"/>
              <a:gd name="connsiteX777" fmla="*/ 3498672 w 6858000"/>
              <a:gd name="connsiteY777" fmla="*/ 6317517 h 6858000"/>
              <a:gd name="connsiteX778" fmla="*/ 3500857 w 6858000"/>
              <a:gd name="connsiteY778" fmla="*/ 6317517 h 6858000"/>
              <a:gd name="connsiteX779" fmla="*/ 3500857 w 6858000"/>
              <a:gd name="connsiteY779" fmla="*/ 6315332 h 6858000"/>
              <a:gd name="connsiteX780" fmla="*/ 3374948 w 6858000"/>
              <a:gd name="connsiteY780" fmla="*/ 6314665 h 6858000"/>
              <a:gd name="connsiteX781" fmla="*/ 3374948 w 6858000"/>
              <a:gd name="connsiteY781" fmla="*/ 6318146 h 6858000"/>
              <a:gd name="connsiteX782" fmla="*/ 3378429 w 6858000"/>
              <a:gd name="connsiteY782" fmla="*/ 6318146 h 6858000"/>
              <a:gd name="connsiteX783" fmla="*/ 3378429 w 6858000"/>
              <a:gd name="connsiteY783" fmla="*/ 6314665 h 6858000"/>
              <a:gd name="connsiteX784" fmla="*/ 3251262 w 6858000"/>
              <a:gd name="connsiteY784" fmla="*/ 6314035 h 6858000"/>
              <a:gd name="connsiteX785" fmla="*/ 3251262 w 6858000"/>
              <a:gd name="connsiteY785" fmla="*/ 6318812 h 6858000"/>
              <a:gd name="connsiteX786" fmla="*/ 3256039 w 6858000"/>
              <a:gd name="connsiteY786" fmla="*/ 6318812 h 6858000"/>
              <a:gd name="connsiteX787" fmla="*/ 3256039 w 6858000"/>
              <a:gd name="connsiteY787" fmla="*/ 6314035 h 6858000"/>
              <a:gd name="connsiteX788" fmla="*/ 3127316 w 6858000"/>
              <a:gd name="connsiteY788" fmla="*/ 6313147 h 6858000"/>
              <a:gd name="connsiteX789" fmla="*/ 3127316 w 6858000"/>
              <a:gd name="connsiteY789" fmla="*/ 6319665 h 6858000"/>
              <a:gd name="connsiteX790" fmla="*/ 3133834 w 6858000"/>
              <a:gd name="connsiteY790" fmla="*/ 6319665 h 6858000"/>
              <a:gd name="connsiteX791" fmla="*/ 3133834 w 6858000"/>
              <a:gd name="connsiteY791" fmla="*/ 6313147 h 6858000"/>
              <a:gd name="connsiteX792" fmla="*/ 3003406 w 6858000"/>
              <a:gd name="connsiteY792" fmla="*/ 6312295 h 6858000"/>
              <a:gd name="connsiteX793" fmla="*/ 3003406 w 6858000"/>
              <a:gd name="connsiteY793" fmla="*/ 6320553 h 6858000"/>
              <a:gd name="connsiteX794" fmla="*/ 3011664 w 6858000"/>
              <a:gd name="connsiteY794" fmla="*/ 6320553 h 6858000"/>
              <a:gd name="connsiteX795" fmla="*/ 3011664 w 6858000"/>
              <a:gd name="connsiteY795" fmla="*/ 6312295 h 6858000"/>
              <a:gd name="connsiteX796" fmla="*/ 2879016 w 6858000"/>
              <a:gd name="connsiteY796" fmla="*/ 6310962 h 6858000"/>
              <a:gd name="connsiteX797" fmla="*/ 2879016 w 6858000"/>
              <a:gd name="connsiteY797" fmla="*/ 6321813 h 6858000"/>
              <a:gd name="connsiteX798" fmla="*/ 2889866 w 6858000"/>
              <a:gd name="connsiteY798" fmla="*/ 6321813 h 6858000"/>
              <a:gd name="connsiteX799" fmla="*/ 2889866 w 6858000"/>
              <a:gd name="connsiteY799" fmla="*/ 6310962 h 6858000"/>
              <a:gd name="connsiteX800" fmla="*/ 2754218 w 6858000"/>
              <a:gd name="connsiteY800" fmla="*/ 6309258 h 6858000"/>
              <a:gd name="connsiteX801" fmla="*/ 2754218 w 6858000"/>
              <a:gd name="connsiteY801" fmla="*/ 6323589 h 6858000"/>
              <a:gd name="connsiteX802" fmla="*/ 2768549 w 6858000"/>
              <a:gd name="connsiteY802" fmla="*/ 6323589 h 6858000"/>
              <a:gd name="connsiteX803" fmla="*/ 2768549 w 6858000"/>
              <a:gd name="connsiteY803" fmla="*/ 6309258 h 6858000"/>
              <a:gd name="connsiteX804" fmla="*/ 2629420 w 6858000"/>
              <a:gd name="connsiteY804" fmla="*/ 6307518 h 6858000"/>
              <a:gd name="connsiteX805" fmla="*/ 2629420 w 6858000"/>
              <a:gd name="connsiteY805" fmla="*/ 6325331 h 6858000"/>
              <a:gd name="connsiteX806" fmla="*/ 2647232 w 6858000"/>
              <a:gd name="connsiteY806" fmla="*/ 6325331 h 6858000"/>
              <a:gd name="connsiteX807" fmla="*/ 2647232 w 6858000"/>
              <a:gd name="connsiteY807" fmla="*/ 6307518 h 6858000"/>
              <a:gd name="connsiteX808" fmla="*/ 2504215 w 6858000"/>
              <a:gd name="connsiteY808" fmla="*/ 6305333 h 6858000"/>
              <a:gd name="connsiteX809" fmla="*/ 2504215 w 6858000"/>
              <a:gd name="connsiteY809" fmla="*/ 6327478 h 6858000"/>
              <a:gd name="connsiteX810" fmla="*/ 2526360 w 6858000"/>
              <a:gd name="connsiteY810" fmla="*/ 6327478 h 6858000"/>
              <a:gd name="connsiteX811" fmla="*/ 2526360 w 6858000"/>
              <a:gd name="connsiteY811" fmla="*/ 6305333 h 6858000"/>
              <a:gd name="connsiteX812" fmla="*/ 2378751 w 6858000"/>
              <a:gd name="connsiteY812" fmla="*/ 6302963 h 6858000"/>
              <a:gd name="connsiteX813" fmla="*/ 2378751 w 6858000"/>
              <a:gd name="connsiteY813" fmla="*/ 6329885 h 6858000"/>
              <a:gd name="connsiteX814" fmla="*/ 2405673 w 6858000"/>
              <a:gd name="connsiteY814" fmla="*/ 6329885 h 6858000"/>
              <a:gd name="connsiteX815" fmla="*/ 2405673 w 6858000"/>
              <a:gd name="connsiteY815" fmla="*/ 6302963 h 6858000"/>
              <a:gd name="connsiteX816" fmla="*/ 2252879 w 6858000"/>
              <a:gd name="connsiteY816" fmla="*/ 6300111 h 6858000"/>
              <a:gd name="connsiteX817" fmla="*/ 2252879 w 6858000"/>
              <a:gd name="connsiteY817" fmla="*/ 6332699 h 6858000"/>
              <a:gd name="connsiteX818" fmla="*/ 2285467 w 6858000"/>
              <a:gd name="connsiteY818" fmla="*/ 6332699 h 6858000"/>
              <a:gd name="connsiteX819" fmla="*/ 2285467 w 6858000"/>
              <a:gd name="connsiteY819" fmla="*/ 6300111 h 6858000"/>
              <a:gd name="connsiteX820" fmla="*/ 2126970 w 6858000"/>
              <a:gd name="connsiteY820" fmla="*/ 6297297 h 6858000"/>
              <a:gd name="connsiteX821" fmla="*/ 2126970 w 6858000"/>
              <a:gd name="connsiteY821" fmla="*/ 6335514 h 6858000"/>
              <a:gd name="connsiteX822" fmla="*/ 2165187 w 6858000"/>
              <a:gd name="connsiteY822" fmla="*/ 6335514 h 6858000"/>
              <a:gd name="connsiteX823" fmla="*/ 2165187 w 6858000"/>
              <a:gd name="connsiteY823" fmla="*/ 6297297 h 6858000"/>
              <a:gd name="connsiteX824" fmla="*/ 2000876 w 6858000"/>
              <a:gd name="connsiteY824" fmla="*/ 6294260 h 6858000"/>
              <a:gd name="connsiteX825" fmla="*/ 2000876 w 6858000"/>
              <a:gd name="connsiteY825" fmla="*/ 6338550 h 6858000"/>
              <a:gd name="connsiteX826" fmla="*/ 2045166 w 6858000"/>
              <a:gd name="connsiteY826" fmla="*/ 6338550 h 6858000"/>
              <a:gd name="connsiteX827" fmla="*/ 2045166 w 6858000"/>
              <a:gd name="connsiteY827" fmla="*/ 6294260 h 6858000"/>
              <a:gd name="connsiteX828" fmla="*/ 1874560 w 6858000"/>
              <a:gd name="connsiteY828" fmla="*/ 6291002 h 6858000"/>
              <a:gd name="connsiteX829" fmla="*/ 1874560 w 6858000"/>
              <a:gd name="connsiteY829" fmla="*/ 6341810 h 6858000"/>
              <a:gd name="connsiteX830" fmla="*/ 1925368 w 6858000"/>
              <a:gd name="connsiteY830" fmla="*/ 6341810 h 6858000"/>
              <a:gd name="connsiteX831" fmla="*/ 1925368 w 6858000"/>
              <a:gd name="connsiteY831" fmla="*/ 6291002 h 6858000"/>
              <a:gd name="connsiteX832" fmla="*/ 1748244 w 6858000"/>
              <a:gd name="connsiteY832" fmla="*/ 6287743 h 6858000"/>
              <a:gd name="connsiteX833" fmla="*/ 1748244 w 6858000"/>
              <a:gd name="connsiteY833" fmla="*/ 6345068 h 6858000"/>
              <a:gd name="connsiteX834" fmla="*/ 1805570 w 6858000"/>
              <a:gd name="connsiteY834" fmla="*/ 6345068 h 6858000"/>
              <a:gd name="connsiteX835" fmla="*/ 1805570 w 6858000"/>
              <a:gd name="connsiteY835" fmla="*/ 6287743 h 6858000"/>
              <a:gd name="connsiteX836" fmla="*/ 1621928 w 6858000"/>
              <a:gd name="connsiteY836" fmla="*/ 6284484 h 6858000"/>
              <a:gd name="connsiteX837" fmla="*/ 1621928 w 6858000"/>
              <a:gd name="connsiteY837" fmla="*/ 6348327 h 6858000"/>
              <a:gd name="connsiteX838" fmla="*/ 1685771 w 6858000"/>
              <a:gd name="connsiteY838" fmla="*/ 6348327 h 6858000"/>
              <a:gd name="connsiteX839" fmla="*/ 1685771 w 6858000"/>
              <a:gd name="connsiteY839" fmla="*/ 6284484 h 6858000"/>
              <a:gd name="connsiteX840" fmla="*/ 1495612 w 6858000"/>
              <a:gd name="connsiteY840" fmla="*/ 6281225 h 6858000"/>
              <a:gd name="connsiteX841" fmla="*/ 1495612 w 6858000"/>
              <a:gd name="connsiteY841" fmla="*/ 6351586 h 6858000"/>
              <a:gd name="connsiteX842" fmla="*/ 1565973 w 6858000"/>
              <a:gd name="connsiteY842" fmla="*/ 6351586 h 6858000"/>
              <a:gd name="connsiteX843" fmla="*/ 1565973 w 6858000"/>
              <a:gd name="connsiteY843" fmla="*/ 6281225 h 6858000"/>
              <a:gd name="connsiteX844" fmla="*/ 1369296 w 6858000"/>
              <a:gd name="connsiteY844" fmla="*/ 6277966 h 6858000"/>
              <a:gd name="connsiteX845" fmla="*/ 1369296 w 6858000"/>
              <a:gd name="connsiteY845" fmla="*/ 6354844 h 6858000"/>
              <a:gd name="connsiteX846" fmla="*/ 1446175 w 6858000"/>
              <a:gd name="connsiteY846" fmla="*/ 6354844 h 6858000"/>
              <a:gd name="connsiteX847" fmla="*/ 1446175 w 6858000"/>
              <a:gd name="connsiteY847" fmla="*/ 6277966 h 6858000"/>
              <a:gd name="connsiteX848" fmla="*/ 1243424 w 6858000"/>
              <a:gd name="connsiteY848" fmla="*/ 6275152 h 6858000"/>
              <a:gd name="connsiteX849" fmla="*/ 1243424 w 6858000"/>
              <a:gd name="connsiteY849" fmla="*/ 6357659 h 6858000"/>
              <a:gd name="connsiteX850" fmla="*/ 1325931 w 6858000"/>
              <a:gd name="connsiteY850" fmla="*/ 6357659 h 6858000"/>
              <a:gd name="connsiteX851" fmla="*/ 1325931 w 6858000"/>
              <a:gd name="connsiteY851" fmla="*/ 6275152 h 6858000"/>
              <a:gd name="connsiteX852" fmla="*/ 1117515 w 6858000"/>
              <a:gd name="connsiteY852" fmla="*/ 6272337 h 6858000"/>
              <a:gd name="connsiteX853" fmla="*/ 1117515 w 6858000"/>
              <a:gd name="connsiteY853" fmla="*/ 6360510 h 6858000"/>
              <a:gd name="connsiteX854" fmla="*/ 1205688 w 6858000"/>
              <a:gd name="connsiteY854" fmla="*/ 6360510 h 6858000"/>
              <a:gd name="connsiteX855" fmla="*/ 1205688 w 6858000"/>
              <a:gd name="connsiteY855" fmla="*/ 6272337 h 6858000"/>
              <a:gd name="connsiteX856" fmla="*/ 991865 w 6858000"/>
              <a:gd name="connsiteY856" fmla="*/ 6269708 h 6858000"/>
              <a:gd name="connsiteX857" fmla="*/ 991865 w 6858000"/>
              <a:gd name="connsiteY857" fmla="*/ 6363103 h 6858000"/>
              <a:gd name="connsiteX858" fmla="*/ 1085260 w 6858000"/>
              <a:gd name="connsiteY858" fmla="*/ 6363103 h 6858000"/>
              <a:gd name="connsiteX859" fmla="*/ 1085260 w 6858000"/>
              <a:gd name="connsiteY859" fmla="*/ 6269708 h 6858000"/>
              <a:gd name="connsiteX860" fmla="*/ 866623 w 6858000"/>
              <a:gd name="connsiteY860" fmla="*/ 6267560 h 6858000"/>
              <a:gd name="connsiteX861" fmla="*/ 866623 w 6858000"/>
              <a:gd name="connsiteY861" fmla="*/ 6365288 h 6858000"/>
              <a:gd name="connsiteX862" fmla="*/ 964350 w 6858000"/>
              <a:gd name="connsiteY862" fmla="*/ 6365288 h 6858000"/>
              <a:gd name="connsiteX863" fmla="*/ 964350 w 6858000"/>
              <a:gd name="connsiteY863" fmla="*/ 6267560 h 6858000"/>
              <a:gd name="connsiteX864" fmla="*/ 741603 w 6858000"/>
              <a:gd name="connsiteY864" fmla="*/ 6265598 h 6858000"/>
              <a:gd name="connsiteX865" fmla="*/ 741603 w 6858000"/>
              <a:gd name="connsiteY865" fmla="*/ 6367214 h 6858000"/>
              <a:gd name="connsiteX866" fmla="*/ 843219 w 6858000"/>
              <a:gd name="connsiteY866" fmla="*/ 6367214 h 6858000"/>
              <a:gd name="connsiteX867" fmla="*/ 843219 w 6858000"/>
              <a:gd name="connsiteY867" fmla="*/ 6265598 h 6858000"/>
              <a:gd name="connsiteX868" fmla="*/ 617250 w 6858000"/>
              <a:gd name="connsiteY868" fmla="*/ 6264302 h 6858000"/>
              <a:gd name="connsiteX869" fmla="*/ 617250 w 6858000"/>
              <a:gd name="connsiteY869" fmla="*/ 6368547 h 6858000"/>
              <a:gd name="connsiteX870" fmla="*/ 721495 w 6858000"/>
              <a:gd name="connsiteY870" fmla="*/ 6368547 h 6858000"/>
              <a:gd name="connsiteX871" fmla="*/ 721495 w 6858000"/>
              <a:gd name="connsiteY871" fmla="*/ 6264302 h 6858000"/>
              <a:gd name="connsiteX872" fmla="*/ 492896 w 6858000"/>
              <a:gd name="connsiteY872" fmla="*/ 6262968 h 6858000"/>
              <a:gd name="connsiteX873" fmla="*/ 492896 w 6858000"/>
              <a:gd name="connsiteY873" fmla="*/ 6369805 h 6858000"/>
              <a:gd name="connsiteX874" fmla="*/ 599733 w 6858000"/>
              <a:gd name="connsiteY874" fmla="*/ 6369805 h 6858000"/>
              <a:gd name="connsiteX875" fmla="*/ 599733 w 6858000"/>
              <a:gd name="connsiteY875" fmla="*/ 6262968 h 6858000"/>
              <a:gd name="connsiteX876" fmla="*/ 1 w 6858000"/>
              <a:gd name="connsiteY876" fmla="*/ 6262339 h 6858000"/>
              <a:gd name="connsiteX877" fmla="*/ 1 w 6858000"/>
              <a:gd name="connsiteY877" fmla="*/ 6370472 h 6858000"/>
              <a:gd name="connsiteX878" fmla="*/ 108134 w 6858000"/>
              <a:gd name="connsiteY878" fmla="*/ 6370472 h 6858000"/>
              <a:gd name="connsiteX879" fmla="*/ 108134 w 6858000"/>
              <a:gd name="connsiteY879" fmla="*/ 6262339 h 6858000"/>
              <a:gd name="connsiteX880" fmla="*/ 368950 w 6858000"/>
              <a:gd name="connsiteY880" fmla="*/ 6262117 h 6858000"/>
              <a:gd name="connsiteX881" fmla="*/ 368950 w 6858000"/>
              <a:gd name="connsiteY881" fmla="*/ 6370694 h 6858000"/>
              <a:gd name="connsiteX882" fmla="*/ 477528 w 6858000"/>
              <a:gd name="connsiteY882" fmla="*/ 6370694 h 6858000"/>
              <a:gd name="connsiteX883" fmla="*/ 477528 w 6858000"/>
              <a:gd name="connsiteY883" fmla="*/ 6262117 h 6858000"/>
              <a:gd name="connsiteX884" fmla="*/ 245263 w 6858000"/>
              <a:gd name="connsiteY884" fmla="*/ 6261450 h 6858000"/>
              <a:gd name="connsiteX885" fmla="*/ 245263 w 6858000"/>
              <a:gd name="connsiteY885" fmla="*/ 6371324 h 6858000"/>
              <a:gd name="connsiteX886" fmla="*/ 355137 w 6858000"/>
              <a:gd name="connsiteY886" fmla="*/ 6371324 h 6858000"/>
              <a:gd name="connsiteX887" fmla="*/ 355137 w 6858000"/>
              <a:gd name="connsiteY887" fmla="*/ 6261450 h 6858000"/>
              <a:gd name="connsiteX888" fmla="*/ 121762 w 6858000"/>
              <a:gd name="connsiteY888" fmla="*/ 6261043 h 6858000"/>
              <a:gd name="connsiteX889" fmla="*/ 121762 w 6858000"/>
              <a:gd name="connsiteY889" fmla="*/ 6371806 h 6858000"/>
              <a:gd name="connsiteX890" fmla="*/ 232525 w 6858000"/>
              <a:gd name="connsiteY890" fmla="*/ 6371806 h 6858000"/>
              <a:gd name="connsiteX891" fmla="*/ 232525 w 6858000"/>
              <a:gd name="connsiteY891" fmla="*/ 6261043 h 6858000"/>
              <a:gd name="connsiteX892" fmla="*/ 5714630 w 6858000"/>
              <a:gd name="connsiteY892" fmla="*/ 6193126 h 6858000"/>
              <a:gd name="connsiteX893" fmla="*/ 5714630 w 6858000"/>
              <a:gd name="connsiteY893" fmla="*/ 6193570 h 6858000"/>
              <a:gd name="connsiteX894" fmla="*/ 5715074 w 6858000"/>
              <a:gd name="connsiteY894" fmla="*/ 6193570 h 6858000"/>
              <a:gd name="connsiteX895" fmla="*/ 5715074 w 6858000"/>
              <a:gd name="connsiteY895" fmla="*/ 6193126 h 6858000"/>
              <a:gd name="connsiteX896" fmla="*/ 5591573 w 6858000"/>
              <a:gd name="connsiteY896" fmla="*/ 6193126 h 6858000"/>
              <a:gd name="connsiteX897" fmla="*/ 5591573 w 6858000"/>
              <a:gd name="connsiteY897" fmla="*/ 6193570 h 6858000"/>
              <a:gd name="connsiteX898" fmla="*/ 5592018 w 6858000"/>
              <a:gd name="connsiteY898" fmla="*/ 6193570 h 6858000"/>
              <a:gd name="connsiteX899" fmla="*/ 5592018 w 6858000"/>
              <a:gd name="connsiteY899" fmla="*/ 6193126 h 6858000"/>
              <a:gd name="connsiteX900" fmla="*/ 5468515 w 6858000"/>
              <a:gd name="connsiteY900" fmla="*/ 6193126 h 6858000"/>
              <a:gd name="connsiteX901" fmla="*/ 5468515 w 6858000"/>
              <a:gd name="connsiteY901" fmla="*/ 6193570 h 6858000"/>
              <a:gd name="connsiteX902" fmla="*/ 5468959 w 6858000"/>
              <a:gd name="connsiteY902" fmla="*/ 6193570 h 6858000"/>
              <a:gd name="connsiteX903" fmla="*/ 5468959 w 6858000"/>
              <a:gd name="connsiteY903" fmla="*/ 6193126 h 6858000"/>
              <a:gd name="connsiteX904" fmla="*/ 5345458 w 6858000"/>
              <a:gd name="connsiteY904" fmla="*/ 6193126 h 6858000"/>
              <a:gd name="connsiteX905" fmla="*/ 5345458 w 6858000"/>
              <a:gd name="connsiteY905" fmla="*/ 6193570 h 6858000"/>
              <a:gd name="connsiteX906" fmla="*/ 5345902 w 6858000"/>
              <a:gd name="connsiteY906" fmla="*/ 6193570 h 6858000"/>
              <a:gd name="connsiteX907" fmla="*/ 5345902 w 6858000"/>
              <a:gd name="connsiteY907" fmla="*/ 6193126 h 6858000"/>
              <a:gd name="connsiteX908" fmla="*/ 5222401 w 6858000"/>
              <a:gd name="connsiteY908" fmla="*/ 6193126 h 6858000"/>
              <a:gd name="connsiteX909" fmla="*/ 5222401 w 6858000"/>
              <a:gd name="connsiteY909" fmla="*/ 6193570 h 6858000"/>
              <a:gd name="connsiteX910" fmla="*/ 5222845 w 6858000"/>
              <a:gd name="connsiteY910" fmla="*/ 6193570 h 6858000"/>
              <a:gd name="connsiteX911" fmla="*/ 5222845 w 6858000"/>
              <a:gd name="connsiteY911" fmla="*/ 6193126 h 6858000"/>
              <a:gd name="connsiteX912" fmla="*/ 5099306 w 6858000"/>
              <a:gd name="connsiteY912" fmla="*/ 6193126 h 6858000"/>
              <a:gd name="connsiteX913" fmla="*/ 5099306 w 6858000"/>
              <a:gd name="connsiteY913" fmla="*/ 6193570 h 6858000"/>
              <a:gd name="connsiteX914" fmla="*/ 5099750 w 6858000"/>
              <a:gd name="connsiteY914" fmla="*/ 6193570 h 6858000"/>
              <a:gd name="connsiteX915" fmla="*/ 5099750 w 6858000"/>
              <a:gd name="connsiteY915" fmla="*/ 6193126 h 6858000"/>
              <a:gd name="connsiteX916" fmla="*/ 4976249 w 6858000"/>
              <a:gd name="connsiteY916" fmla="*/ 6193126 h 6858000"/>
              <a:gd name="connsiteX917" fmla="*/ 4976249 w 6858000"/>
              <a:gd name="connsiteY917" fmla="*/ 6193570 h 6858000"/>
              <a:gd name="connsiteX918" fmla="*/ 4976693 w 6858000"/>
              <a:gd name="connsiteY918" fmla="*/ 6193570 h 6858000"/>
              <a:gd name="connsiteX919" fmla="*/ 4976693 w 6858000"/>
              <a:gd name="connsiteY919" fmla="*/ 6193126 h 6858000"/>
              <a:gd name="connsiteX920" fmla="*/ 4853192 w 6858000"/>
              <a:gd name="connsiteY920" fmla="*/ 6193126 h 6858000"/>
              <a:gd name="connsiteX921" fmla="*/ 4853192 w 6858000"/>
              <a:gd name="connsiteY921" fmla="*/ 6193570 h 6858000"/>
              <a:gd name="connsiteX922" fmla="*/ 4853637 w 6858000"/>
              <a:gd name="connsiteY922" fmla="*/ 6193570 h 6858000"/>
              <a:gd name="connsiteX923" fmla="*/ 4853637 w 6858000"/>
              <a:gd name="connsiteY923" fmla="*/ 6193126 h 6858000"/>
              <a:gd name="connsiteX924" fmla="*/ 4730134 w 6858000"/>
              <a:gd name="connsiteY924" fmla="*/ 6193126 h 6858000"/>
              <a:gd name="connsiteX925" fmla="*/ 4730134 w 6858000"/>
              <a:gd name="connsiteY925" fmla="*/ 6193570 h 6858000"/>
              <a:gd name="connsiteX926" fmla="*/ 4730579 w 6858000"/>
              <a:gd name="connsiteY926" fmla="*/ 6193570 h 6858000"/>
              <a:gd name="connsiteX927" fmla="*/ 4730579 w 6858000"/>
              <a:gd name="connsiteY927" fmla="*/ 6193126 h 6858000"/>
              <a:gd name="connsiteX928" fmla="*/ 4360962 w 6858000"/>
              <a:gd name="connsiteY928" fmla="*/ 6193126 h 6858000"/>
              <a:gd name="connsiteX929" fmla="*/ 4360962 w 6858000"/>
              <a:gd name="connsiteY929" fmla="*/ 6193570 h 6858000"/>
              <a:gd name="connsiteX930" fmla="*/ 4361406 w 6858000"/>
              <a:gd name="connsiteY930" fmla="*/ 6193570 h 6858000"/>
              <a:gd name="connsiteX931" fmla="*/ 4361406 w 6858000"/>
              <a:gd name="connsiteY931" fmla="*/ 6193126 h 6858000"/>
              <a:gd name="connsiteX932" fmla="*/ 4237905 w 6858000"/>
              <a:gd name="connsiteY932" fmla="*/ 6193126 h 6858000"/>
              <a:gd name="connsiteX933" fmla="*/ 4237905 w 6858000"/>
              <a:gd name="connsiteY933" fmla="*/ 6193570 h 6858000"/>
              <a:gd name="connsiteX934" fmla="*/ 4238349 w 6858000"/>
              <a:gd name="connsiteY934" fmla="*/ 6193570 h 6858000"/>
              <a:gd name="connsiteX935" fmla="*/ 4238349 w 6858000"/>
              <a:gd name="connsiteY935" fmla="*/ 6193126 h 6858000"/>
              <a:gd name="connsiteX936" fmla="*/ 4114848 w 6858000"/>
              <a:gd name="connsiteY936" fmla="*/ 6193126 h 6858000"/>
              <a:gd name="connsiteX937" fmla="*/ 4114848 w 6858000"/>
              <a:gd name="connsiteY937" fmla="*/ 6193570 h 6858000"/>
              <a:gd name="connsiteX938" fmla="*/ 4115292 w 6858000"/>
              <a:gd name="connsiteY938" fmla="*/ 6193570 h 6858000"/>
              <a:gd name="connsiteX939" fmla="*/ 4115292 w 6858000"/>
              <a:gd name="connsiteY939" fmla="*/ 6193126 h 6858000"/>
              <a:gd name="connsiteX940" fmla="*/ 3991790 w 6858000"/>
              <a:gd name="connsiteY940" fmla="*/ 6193126 h 6858000"/>
              <a:gd name="connsiteX941" fmla="*/ 3991790 w 6858000"/>
              <a:gd name="connsiteY941" fmla="*/ 6193570 h 6858000"/>
              <a:gd name="connsiteX942" fmla="*/ 3992235 w 6858000"/>
              <a:gd name="connsiteY942" fmla="*/ 6193570 h 6858000"/>
              <a:gd name="connsiteX943" fmla="*/ 3992235 w 6858000"/>
              <a:gd name="connsiteY943" fmla="*/ 6193126 h 6858000"/>
              <a:gd name="connsiteX944" fmla="*/ 3868733 w 6858000"/>
              <a:gd name="connsiteY944" fmla="*/ 6193126 h 6858000"/>
              <a:gd name="connsiteX945" fmla="*/ 3868733 w 6858000"/>
              <a:gd name="connsiteY945" fmla="*/ 6193570 h 6858000"/>
              <a:gd name="connsiteX946" fmla="*/ 3869177 w 6858000"/>
              <a:gd name="connsiteY946" fmla="*/ 6193570 h 6858000"/>
              <a:gd name="connsiteX947" fmla="*/ 3869177 w 6858000"/>
              <a:gd name="connsiteY947" fmla="*/ 6193126 h 6858000"/>
              <a:gd name="connsiteX948" fmla="*/ 3745454 w 6858000"/>
              <a:gd name="connsiteY948" fmla="*/ 6192904 h 6858000"/>
              <a:gd name="connsiteX949" fmla="*/ 3745454 w 6858000"/>
              <a:gd name="connsiteY949" fmla="*/ 6193756 h 6858000"/>
              <a:gd name="connsiteX950" fmla="*/ 3746306 w 6858000"/>
              <a:gd name="connsiteY950" fmla="*/ 6193756 h 6858000"/>
              <a:gd name="connsiteX951" fmla="*/ 3746306 w 6858000"/>
              <a:gd name="connsiteY951" fmla="*/ 6192904 h 6858000"/>
              <a:gd name="connsiteX952" fmla="*/ 3622174 w 6858000"/>
              <a:gd name="connsiteY952" fmla="*/ 6192682 h 6858000"/>
              <a:gd name="connsiteX953" fmla="*/ 3622174 w 6858000"/>
              <a:gd name="connsiteY953" fmla="*/ 6193978 h 6858000"/>
              <a:gd name="connsiteX954" fmla="*/ 3623470 w 6858000"/>
              <a:gd name="connsiteY954" fmla="*/ 6193978 h 6858000"/>
              <a:gd name="connsiteX955" fmla="*/ 3623470 w 6858000"/>
              <a:gd name="connsiteY955" fmla="*/ 6192682 h 6858000"/>
              <a:gd name="connsiteX956" fmla="*/ 3498895 w 6858000"/>
              <a:gd name="connsiteY956" fmla="*/ 6192496 h 6858000"/>
              <a:gd name="connsiteX957" fmla="*/ 3498895 w 6858000"/>
              <a:gd name="connsiteY957" fmla="*/ 6194237 h 6858000"/>
              <a:gd name="connsiteX958" fmla="*/ 3500635 w 6858000"/>
              <a:gd name="connsiteY958" fmla="*/ 6194237 h 6858000"/>
              <a:gd name="connsiteX959" fmla="*/ 3500635 w 6858000"/>
              <a:gd name="connsiteY959" fmla="*/ 6192496 h 6858000"/>
              <a:gd name="connsiteX960" fmla="*/ 3375393 w 6858000"/>
              <a:gd name="connsiteY960" fmla="*/ 6192052 h 6858000"/>
              <a:gd name="connsiteX961" fmla="*/ 3375393 w 6858000"/>
              <a:gd name="connsiteY961" fmla="*/ 6194644 h 6858000"/>
              <a:gd name="connsiteX962" fmla="*/ 3377985 w 6858000"/>
              <a:gd name="connsiteY962" fmla="*/ 6194644 h 6858000"/>
              <a:gd name="connsiteX963" fmla="*/ 3377985 w 6858000"/>
              <a:gd name="connsiteY963" fmla="*/ 6192052 h 6858000"/>
              <a:gd name="connsiteX964" fmla="*/ 3251669 w 6858000"/>
              <a:gd name="connsiteY964" fmla="*/ 6191386 h 6858000"/>
              <a:gd name="connsiteX965" fmla="*/ 3251669 w 6858000"/>
              <a:gd name="connsiteY965" fmla="*/ 6195312 h 6858000"/>
              <a:gd name="connsiteX966" fmla="*/ 3255594 w 6858000"/>
              <a:gd name="connsiteY966" fmla="*/ 6195312 h 6858000"/>
              <a:gd name="connsiteX967" fmla="*/ 3255594 w 6858000"/>
              <a:gd name="connsiteY967" fmla="*/ 6191386 h 6858000"/>
              <a:gd name="connsiteX968" fmla="*/ 3127760 w 6858000"/>
              <a:gd name="connsiteY968" fmla="*/ 6190534 h 6858000"/>
              <a:gd name="connsiteX969" fmla="*/ 3127760 w 6858000"/>
              <a:gd name="connsiteY969" fmla="*/ 6196163 h 6858000"/>
              <a:gd name="connsiteX970" fmla="*/ 3133389 w 6858000"/>
              <a:gd name="connsiteY970" fmla="*/ 6196163 h 6858000"/>
              <a:gd name="connsiteX971" fmla="*/ 3133389 w 6858000"/>
              <a:gd name="connsiteY971" fmla="*/ 6190534 h 6858000"/>
              <a:gd name="connsiteX972" fmla="*/ 3003814 w 6858000"/>
              <a:gd name="connsiteY972" fmla="*/ 6189645 h 6858000"/>
              <a:gd name="connsiteX973" fmla="*/ 3003814 w 6858000"/>
              <a:gd name="connsiteY973" fmla="*/ 6197014 h 6858000"/>
              <a:gd name="connsiteX974" fmla="*/ 3011183 w 6858000"/>
              <a:gd name="connsiteY974" fmla="*/ 6197014 h 6858000"/>
              <a:gd name="connsiteX975" fmla="*/ 3011183 w 6858000"/>
              <a:gd name="connsiteY975" fmla="*/ 6189645 h 6858000"/>
              <a:gd name="connsiteX976" fmla="*/ 2879460 w 6858000"/>
              <a:gd name="connsiteY976" fmla="*/ 6188349 h 6858000"/>
              <a:gd name="connsiteX977" fmla="*/ 2879460 w 6858000"/>
              <a:gd name="connsiteY977" fmla="*/ 6198348 h 6858000"/>
              <a:gd name="connsiteX978" fmla="*/ 2889459 w 6858000"/>
              <a:gd name="connsiteY978" fmla="*/ 6198348 h 6858000"/>
              <a:gd name="connsiteX979" fmla="*/ 2889459 w 6858000"/>
              <a:gd name="connsiteY979" fmla="*/ 6188349 h 6858000"/>
              <a:gd name="connsiteX980" fmla="*/ 2754885 w 6858000"/>
              <a:gd name="connsiteY980" fmla="*/ 6186831 h 6858000"/>
              <a:gd name="connsiteX981" fmla="*/ 2754885 w 6858000"/>
              <a:gd name="connsiteY981" fmla="*/ 6199866 h 6858000"/>
              <a:gd name="connsiteX982" fmla="*/ 2767920 w 6858000"/>
              <a:gd name="connsiteY982" fmla="*/ 6199866 h 6858000"/>
              <a:gd name="connsiteX983" fmla="*/ 2767920 w 6858000"/>
              <a:gd name="connsiteY983" fmla="*/ 6186831 h 6858000"/>
              <a:gd name="connsiteX984" fmla="*/ 2630087 w 6858000"/>
              <a:gd name="connsiteY984" fmla="*/ 6185090 h 6858000"/>
              <a:gd name="connsiteX985" fmla="*/ 2630087 w 6858000"/>
              <a:gd name="connsiteY985" fmla="*/ 6201606 h 6858000"/>
              <a:gd name="connsiteX986" fmla="*/ 2646603 w 6858000"/>
              <a:gd name="connsiteY986" fmla="*/ 6201606 h 6858000"/>
              <a:gd name="connsiteX987" fmla="*/ 2646603 w 6858000"/>
              <a:gd name="connsiteY987" fmla="*/ 6185090 h 6858000"/>
              <a:gd name="connsiteX988" fmla="*/ 2504845 w 6858000"/>
              <a:gd name="connsiteY988" fmla="*/ 6182942 h 6858000"/>
              <a:gd name="connsiteX989" fmla="*/ 2504845 w 6858000"/>
              <a:gd name="connsiteY989" fmla="*/ 6203791 h 6858000"/>
              <a:gd name="connsiteX990" fmla="*/ 2525694 w 6858000"/>
              <a:gd name="connsiteY990" fmla="*/ 6203791 h 6858000"/>
              <a:gd name="connsiteX991" fmla="*/ 2525694 w 6858000"/>
              <a:gd name="connsiteY991" fmla="*/ 6182942 h 6858000"/>
              <a:gd name="connsiteX992" fmla="*/ 2379417 w 6858000"/>
              <a:gd name="connsiteY992" fmla="*/ 6180535 h 6858000"/>
              <a:gd name="connsiteX993" fmla="*/ 2379417 w 6858000"/>
              <a:gd name="connsiteY993" fmla="*/ 6206162 h 6858000"/>
              <a:gd name="connsiteX994" fmla="*/ 2405043 w 6858000"/>
              <a:gd name="connsiteY994" fmla="*/ 6206162 h 6858000"/>
              <a:gd name="connsiteX995" fmla="*/ 2405043 w 6858000"/>
              <a:gd name="connsiteY995" fmla="*/ 6180535 h 6858000"/>
              <a:gd name="connsiteX996" fmla="*/ 2253509 w 6858000"/>
              <a:gd name="connsiteY996" fmla="*/ 6177721 h 6858000"/>
              <a:gd name="connsiteX997" fmla="*/ 2253509 w 6858000"/>
              <a:gd name="connsiteY997" fmla="*/ 6208976 h 6858000"/>
              <a:gd name="connsiteX998" fmla="*/ 2284764 w 6858000"/>
              <a:gd name="connsiteY998" fmla="*/ 6208976 h 6858000"/>
              <a:gd name="connsiteX999" fmla="*/ 2284764 w 6858000"/>
              <a:gd name="connsiteY999" fmla="*/ 6177721 h 6858000"/>
              <a:gd name="connsiteX1000" fmla="*/ 2127415 w 6858000"/>
              <a:gd name="connsiteY1000" fmla="*/ 6174684 h 6858000"/>
              <a:gd name="connsiteX1001" fmla="*/ 2127415 w 6858000"/>
              <a:gd name="connsiteY1001" fmla="*/ 6212049 h 6858000"/>
              <a:gd name="connsiteX1002" fmla="*/ 2164780 w 6858000"/>
              <a:gd name="connsiteY1002" fmla="*/ 6212049 h 6858000"/>
              <a:gd name="connsiteX1003" fmla="*/ 2164780 w 6858000"/>
              <a:gd name="connsiteY1003" fmla="*/ 6174684 h 6858000"/>
              <a:gd name="connsiteX1004" fmla="*/ 2001321 w 6858000"/>
              <a:gd name="connsiteY1004" fmla="*/ 6171647 h 6858000"/>
              <a:gd name="connsiteX1005" fmla="*/ 2001321 w 6858000"/>
              <a:gd name="connsiteY1005" fmla="*/ 6215086 h 6858000"/>
              <a:gd name="connsiteX1006" fmla="*/ 2044759 w 6858000"/>
              <a:gd name="connsiteY1006" fmla="*/ 6215086 h 6858000"/>
              <a:gd name="connsiteX1007" fmla="*/ 2044759 w 6858000"/>
              <a:gd name="connsiteY1007" fmla="*/ 6171647 h 6858000"/>
              <a:gd name="connsiteX1008" fmla="*/ 1875005 w 6858000"/>
              <a:gd name="connsiteY1008" fmla="*/ 6168389 h 6858000"/>
              <a:gd name="connsiteX1009" fmla="*/ 1875005 w 6858000"/>
              <a:gd name="connsiteY1009" fmla="*/ 6218345 h 6858000"/>
              <a:gd name="connsiteX1010" fmla="*/ 1924961 w 6858000"/>
              <a:gd name="connsiteY1010" fmla="*/ 6218345 h 6858000"/>
              <a:gd name="connsiteX1011" fmla="*/ 1924961 w 6858000"/>
              <a:gd name="connsiteY1011" fmla="*/ 6168389 h 6858000"/>
              <a:gd name="connsiteX1012" fmla="*/ 1748466 w 6858000"/>
              <a:gd name="connsiteY1012" fmla="*/ 6164908 h 6858000"/>
              <a:gd name="connsiteX1013" fmla="*/ 1748466 w 6858000"/>
              <a:gd name="connsiteY1013" fmla="*/ 6221789 h 6858000"/>
              <a:gd name="connsiteX1014" fmla="*/ 1805347 w 6858000"/>
              <a:gd name="connsiteY1014" fmla="*/ 6221789 h 6858000"/>
              <a:gd name="connsiteX1015" fmla="*/ 1805347 w 6858000"/>
              <a:gd name="connsiteY1015" fmla="*/ 6164908 h 6858000"/>
              <a:gd name="connsiteX1016" fmla="*/ 1622150 w 6858000"/>
              <a:gd name="connsiteY1016" fmla="*/ 6161649 h 6858000"/>
              <a:gd name="connsiteX1017" fmla="*/ 1622150 w 6858000"/>
              <a:gd name="connsiteY1017" fmla="*/ 6225048 h 6858000"/>
              <a:gd name="connsiteX1018" fmla="*/ 1685549 w 6858000"/>
              <a:gd name="connsiteY1018" fmla="*/ 6225048 h 6858000"/>
              <a:gd name="connsiteX1019" fmla="*/ 1685549 w 6858000"/>
              <a:gd name="connsiteY1019" fmla="*/ 6161649 h 6858000"/>
              <a:gd name="connsiteX1020" fmla="*/ 1495612 w 6858000"/>
              <a:gd name="connsiteY1020" fmla="*/ 6158168 h 6858000"/>
              <a:gd name="connsiteX1021" fmla="*/ 1495612 w 6858000"/>
              <a:gd name="connsiteY1021" fmla="*/ 6228529 h 6858000"/>
              <a:gd name="connsiteX1022" fmla="*/ 1565973 w 6858000"/>
              <a:gd name="connsiteY1022" fmla="*/ 6228529 h 6858000"/>
              <a:gd name="connsiteX1023" fmla="*/ 1565973 w 6858000"/>
              <a:gd name="connsiteY1023" fmla="*/ 6158168 h 6858000"/>
              <a:gd name="connsiteX1024" fmla="*/ 1369296 w 6858000"/>
              <a:gd name="connsiteY1024" fmla="*/ 6154909 h 6858000"/>
              <a:gd name="connsiteX1025" fmla="*/ 1369296 w 6858000"/>
              <a:gd name="connsiteY1025" fmla="*/ 6231788 h 6858000"/>
              <a:gd name="connsiteX1026" fmla="*/ 1446175 w 6858000"/>
              <a:gd name="connsiteY1026" fmla="*/ 6231788 h 6858000"/>
              <a:gd name="connsiteX1027" fmla="*/ 1446175 w 6858000"/>
              <a:gd name="connsiteY1027" fmla="*/ 6154909 h 6858000"/>
              <a:gd name="connsiteX1028" fmla="*/ 1243202 w 6858000"/>
              <a:gd name="connsiteY1028" fmla="*/ 6151872 h 6858000"/>
              <a:gd name="connsiteX1029" fmla="*/ 1243202 w 6858000"/>
              <a:gd name="connsiteY1029" fmla="*/ 6234824 h 6858000"/>
              <a:gd name="connsiteX1030" fmla="*/ 1326154 w 6858000"/>
              <a:gd name="connsiteY1030" fmla="*/ 6234824 h 6858000"/>
              <a:gd name="connsiteX1031" fmla="*/ 1326154 w 6858000"/>
              <a:gd name="connsiteY1031" fmla="*/ 6151872 h 6858000"/>
              <a:gd name="connsiteX1032" fmla="*/ 1117330 w 6858000"/>
              <a:gd name="connsiteY1032" fmla="*/ 6149058 h 6858000"/>
              <a:gd name="connsiteX1033" fmla="*/ 1117330 w 6858000"/>
              <a:gd name="connsiteY1033" fmla="*/ 6237676 h 6858000"/>
              <a:gd name="connsiteX1034" fmla="*/ 1205948 w 6858000"/>
              <a:gd name="connsiteY1034" fmla="*/ 6237676 h 6858000"/>
              <a:gd name="connsiteX1035" fmla="*/ 1205948 w 6858000"/>
              <a:gd name="connsiteY1035" fmla="*/ 6149058 h 6858000"/>
              <a:gd name="connsiteX1036" fmla="*/ 991643 w 6858000"/>
              <a:gd name="connsiteY1036" fmla="*/ 6146429 h 6858000"/>
              <a:gd name="connsiteX1037" fmla="*/ 991643 w 6858000"/>
              <a:gd name="connsiteY1037" fmla="*/ 6240231 h 6858000"/>
              <a:gd name="connsiteX1038" fmla="*/ 1085445 w 6858000"/>
              <a:gd name="connsiteY1038" fmla="*/ 6240231 h 6858000"/>
              <a:gd name="connsiteX1039" fmla="*/ 1085445 w 6858000"/>
              <a:gd name="connsiteY1039" fmla="*/ 6146429 h 6858000"/>
              <a:gd name="connsiteX1040" fmla="*/ 866216 w 6858000"/>
              <a:gd name="connsiteY1040" fmla="*/ 6144059 h 6858000"/>
              <a:gd name="connsiteX1041" fmla="*/ 866216 w 6858000"/>
              <a:gd name="connsiteY1041" fmla="*/ 6242638 h 6858000"/>
              <a:gd name="connsiteX1042" fmla="*/ 964795 w 6858000"/>
              <a:gd name="connsiteY1042" fmla="*/ 6242638 h 6858000"/>
              <a:gd name="connsiteX1043" fmla="*/ 964795 w 6858000"/>
              <a:gd name="connsiteY1043" fmla="*/ 6144059 h 6858000"/>
              <a:gd name="connsiteX1044" fmla="*/ 741418 w 6858000"/>
              <a:gd name="connsiteY1044" fmla="*/ 6142318 h 6858000"/>
              <a:gd name="connsiteX1045" fmla="*/ 741418 w 6858000"/>
              <a:gd name="connsiteY1045" fmla="*/ 6244378 h 6858000"/>
              <a:gd name="connsiteX1046" fmla="*/ 843478 w 6858000"/>
              <a:gd name="connsiteY1046" fmla="*/ 6244378 h 6858000"/>
              <a:gd name="connsiteX1047" fmla="*/ 843478 w 6858000"/>
              <a:gd name="connsiteY1047" fmla="*/ 6142318 h 6858000"/>
              <a:gd name="connsiteX1048" fmla="*/ 616805 w 6858000"/>
              <a:gd name="connsiteY1048" fmla="*/ 6140800 h 6858000"/>
              <a:gd name="connsiteX1049" fmla="*/ 616805 w 6858000"/>
              <a:gd name="connsiteY1049" fmla="*/ 6245897 h 6858000"/>
              <a:gd name="connsiteX1050" fmla="*/ 721902 w 6858000"/>
              <a:gd name="connsiteY1050" fmla="*/ 6245897 h 6858000"/>
              <a:gd name="connsiteX1051" fmla="*/ 721902 w 6858000"/>
              <a:gd name="connsiteY1051" fmla="*/ 6140800 h 6858000"/>
              <a:gd name="connsiteX1052" fmla="*/ 492674 w 6858000"/>
              <a:gd name="connsiteY1052" fmla="*/ 6139726 h 6858000"/>
              <a:gd name="connsiteX1053" fmla="*/ 492674 w 6858000"/>
              <a:gd name="connsiteY1053" fmla="*/ 6247008 h 6858000"/>
              <a:gd name="connsiteX1054" fmla="*/ 599956 w 6858000"/>
              <a:gd name="connsiteY1054" fmla="*/ 6247008 h 6858000"/>
              <a:gd name="connsiteX1055" fmla="*/ 599956 w 6858000"/>
              <a:gd name="connsiteY1055" fmla="*/ 6139726 h 6858000"/>
              <a:gd name="connsiteX1056" fmla="*/ 1 w 6858000"/>
              <a:gd name="connsiteY1056" fmla="*/ 6139281 h 6858000"/>
              <a:gd name="connsiteX1057" fmla="*/ 1 w 6858000"/>
              <a:gd name="connsiteY1057" fmla="*/ 6247414 h 6858000"/>
              <a:gd name="connsiteX1058" fmla="*/ 108134 w 6858000"/>
              <a:gd name="connsiteY1058" fmla="*/ 6247414 h 6858000"/>
              <a:gd name="connsiteX1059" fmla="*/ 108134 w 6858000"/>
              <a:gd name="connsiteY1059" fmla="*/ 6139281 h 6858000"/>
              <a:gd name="connsiteX1060" fmla="*/ 368765 w 6858000"/>
              <a:gd name="connsiteY1060" fmla="*/ 6138837 h 6858000"/>
              <a:gd name="connsiteX1061" fmla="*/ 368765 w 6858000"/>
              <a:gd name="connsiteY1061" fmla="*/ 6247859 h 6858000"/>
              <a:gd name="connsiteX1062" fmla="*/ 477787 w 6858000"/>
              <a:gd name="connsiteY1062" fmla="*/ 6247859 h 6858000"/>
              <a:gd name="connsiteX1063" fmla="*/ 477787 w 6858000"/>
              <a:gd name="connsiteY1063" fmla="*/ 6138837 h 6858000"/>
              <a:gd name="connsiteX1064" fmla="*/ 245263 w 6858000"/>
              <a:gd name="connsiteY1064" fmla="*/ 6138393 h 6858000"/>
              <a:gd name="connsiteX1065" fmla="*/ 245263 w 6858000"/>
              <a:gd name="connsiteY1065" fmla="*/ 6248267 h 6858000"/>
              <a:gd name="connsiteX1066" fmla="*/ 355137 w 6858000"/>
              <a:gd name="connsiteY1066" fmla="*/ 6248267 h 6858000"/>
              <a:gd name="connsiteX1067" fmla="*/ 355137 w 6858000"/>
              <a:gd name="connsiteY1067" fmla="*/ 6138393 h 6858000"/>
              <a:gd name="connsiteX1068" fmla="*/ 121762 w 6858000"/>
              <a:gd name="connsiteY1068" fmla="*/ 6137985 h 6858000"/>
              <a:gd name="connsiteX1069" fmla="*/ 121762 w 6858000"/>
              <a:gd name="connsiteY1069" fmla="*/ 6248748 h 6858000"/>
              <a:gd name="connsiteX1070" fmla="*/ 232525 w 6858000"/>
              <a:gd name="connsiteY1070" fmla="*/ 6248748 h 6858000"/>
              <a:gd name="connsiteX1071" fmla="*/ 232525 w 6858000"/>
              <a:gd name="connsiteY1071" fmla="*/ 6137985 h 6858000"/>
              <a:gd name="connsiteX1072" fmla="*/ 5714630 w 6858000"/>
              <a:gd name="connsiteY1072" fmla="*/ 6070069 h 6858000"/>
              <a:gd name="connsiteX1073" fmla="*/ 5714630 w 6858000"/>
              <a:gd name="connsiteY1073" fmla="*/ 6070513 h 6858000"/>
              <a:gd name="connsiteX1074" fmla="*/ 5715074 w 6858000"/>
              <a:gd name="connsiteY1074" fmla="*/ 6070513 h 6858000"/>
              <a:gd name="connsiteX1075" fmla="*/ 5715074 w 6858000"/>
              <a:gd name="connsiteY1075" fmla="*/ 6070069 h 6858000"/>
              <a:gd name="connsiteX1076" fmla="*/ 5591573 w 6858000"/>
              <a:gd name="connsiteY1076" fmla="*/ 6070069 h 6858000"/>
              <a:gd name="connsiteX1077" fmla="*/ 5591573 w 6858000"/>
              <a:gd name="connsiteY1077" fmla="*/ 6070513 h 6858000"/>
              <a:gd name="connsiteX1078" fmla="*/ 5592018 w 6858000"/>
              <a:gd name="connsiteY1078" fmla="*/ 6070513 h 6858000"/>
              <a:gd name="connsiteX1079" fmla="*/ 5592018 w 6858000"/>
              <a:gd name="connsiteY1079" fmla="*/ 6070069 h 6858000"/>
              <a:gd name="connsiteX1080" fmla="*/ 5468515 w 6858000"/>
              <a:gd name="connsiteY1080" fmla="*/ 6070069 h 6858000"/>
              <a:gd name="connsiteX1081" fmla="*/ 5468515 w 6858000"/>
              <a:gd name="connsiteY1081" fmla="*/ 6070513 h 6858000"/>
              <a:gd name="connsiteX1082" fmla="*/ 5468959 w 6858000"/>
              <a:gd name="connsiteY1082" fmla="*/ 6070513 h 6858000"/>
              <a:gd name="connsiteX1083" fmla="*/ 5468959 w 6858000"/>
              <a:gd name="connsiteY1083" fmla="*/ 6070069 h 6858000"/>
              <a:gd name="connsiteX1084" fmla="*/ 5345458 w 6858000"/>
              <a:gd name="connsiteY1084" fmla="*/ 6070069 h 6858000"/>
              <a:gd name="connsiteX1085" fmla="*/ 5345458 w 6858000"/>
              <a:gd name="connsiteY1085" fmla="*/ 6070513 h 6858000"/>
              <a:gd name="connsiteX1086" fmla="*/ 5345902 w 6858000"/>
              <a:gd name="connsiteY1086" fmla="*/ 6070513 h 6858000"/>
              <a:gd name="connsiteX1087" fmla="*/ 5345902 w 6858000"/>
              <a:gd name="connsiteY1087" fmla="*/ 6070069 h 6858000"/>
              <a:gd name="connsiteX1088" fmla="*/ 5222401 w 6858000"/>
              <a:gd name="connsiteY1088" fmla="*/ 6070069 h 6858000"/>
              <a:gd name="connsiteX1089" fmla="*/ 5222401 w 6858000"/>
              <a:gd name="connsiteY1089" fmla="*/ 6070513 h 6858000"/>
              <a:gd name="connsiteX1090" fmla="*/ 5222845 w 6858000"/>
              <a:gd name="connsiteY1090" fmla="*/ 6070513 h 6858000"/>
              <a:gd name="connsiteX1091" fmla="*/ 5222845 w 6858000"/>
              <a:gd name="connsiteY1091" fmla="*/ 6070069 h 6858000"/>
              <a:gd name="connsiteX1092" fmla="*/ 5099306 w 6858000"/>
              <a:gd name="connsiteY1092" fmla="*/ 6070069 h 6858000"/>
              <a:gd name="connsiteX1093" fmla="*/ 5099306 w 6858000"/>
              <a:gd name="connsiteY1093" fmla="*/ 6070513 h 6858000"/>
              <a:gd name="connsiteX1094" fmla="*/ 5099750 w 6858000"/>
              <a:gd name="connsiteY1094" fmla="*/ 6070513 h 6858000"/>
              <a:gd name="connsiteX1095" fmla="*/ 5099750 w 6858000"/>
              <a:gd name="connsiteY1095" fmla="*/ 6070069 h 6858000"/>
              <a:gd name="connsiteX1096" fmla="*/ 4976249 w 6858000"/>
              <a:gd name="connsiteY1096" fmla="*/ 6070069 h 6858000"/>
              <a:gd name="connsiteX1097" fmla="*/ 4976249 w 6858000"/>
              <a:gd name="connsiteY1097" fmla="*/ 6070513 h 6858000"/>
              <a:gd name="connsiteX1098" fmla="*/ 4976693 w 6858000"/>
              <a:gd name="connsiteY1098" fmla="*/ 6070513 h 6858000"/>
              <a:gd name="connsiteX1099" fmla="*/ 4976693 w 6858000"/>
              <a:gd name="connsiteY1099" fmla="*/ 6070069 h 6858000"/>
              <a:gd name="connsiteX1100" fmla="*/ 4853192 w 6858000"/>
              <a:gd name="connsiteY1100" fmla="*/ 6070069 h 6858000"/>
              <a:gd name="connsiteX1101" fmla="*/ 4853192 w 6858000"/>
              <a:gd name="connsiteY1101" fmla="*/ 6070513 h 6858000"/>
              <a:gd name="connsiteX1102" fmla="*/ 4853637 w 6858000"/>
              <a:gd name="connsiteY1102" fmla="*/ 6070513 h 6858000"/>
              <a:gd name="connsiteX1103" fmla="*/ 4853637 w 6858000"/>
              <a:gd name="connsiteY1103" fmla="*/ 6070069 h 6858000"/>
              <a:gd name="connsiteX1104" fmla="*/ 4730134 w 6858000"/>
              <a:gd name="connsiteY1104" fmla="*/ 6070069 h 6858000"/>
              <a:gd name="connsiteX1105" fmla="*/ 4730134 w 6858000"/>
              <a:gd name="connsiteY1105" fmla="*/ 6070513 h 6858000"/>
              <a:gd name="connsiteX1106" fmla="*/ 4730579 w 6858000"/>
              <a:gd name="connsiteY1106" fmla="*/ 6070513 h 6858000"/>
              <a:gd name="connsiteX1107" fmla="*/ 4730579 w 6858000"/>
              <a:gd name="connsiteY1107" fmla="*/ 6070069 h 6858000"/>
              <a:gd name="connsiteX1108" fmla="*/ 4360962 w 6858000"/>
              <a:gd name="connsiteY1108" fmla="*/ 6070069 h 6858000"/>
              <a:gd name="connsiteX1109" fmla="*/ 4360962 w 6858000"/>
              <a:gd name="connsiteY1109" fmla="*/ 6070513 h 6858000"/>
              <a:gd name="connsiteX1110" fmla="*/ 4361406 w 6858000"/>
              <a:gd name="connsiteY1110" fmla="*/ 6070513 h 6858000"/>
              <a:gd name="connsiteX1111" fmla="*/ 4361406 w 6858000"/>
              <a:gd name="connsiteY1111" fmla="*/ 6070069 h 6858000"/>
              <a:gd name="connsiteX1112" fmla="*/ 4237905 w 6858000"/>
              <a:gd name="connsiteY1112" fmla="*/ 6070069 h 6858000"/>
              <a:gd name="connsiteX1113" fmla="*/ 4237905 w 6858000"/>
              <a:gd name="connsiteY1113" fmla="*/ 6070513 h 6858000"/>
              <a:gd name="connsiteX1114" fmla="*/ 4238349 w 6858000"/>
              <a:gd name="connsiteY1114" fmla="*/ 6070513 h 6858000"/>
              <a:gd name="connsiteX1115" fmla="*/ 4238349 w 6858000"/>
              <a:gd name="connsiteY1115" fmla="*/ 6070069 h 6858000"/>
              <a:gd name="connsiteX1116" fmla="*/ 4114848 w 6858000"/>
              <a:gd name="connsiteY1116" fmla="*/ 6070069 h 6858000"/>
              <a:gd name="connsiteX1117" fmla="*/ 4114848 w 6858000"/>
              <a:gd name="connsiteY1117" fmla="*/ 6070513 h 6858000"/>
              <a:gd name="connsiteX1118" fmla="*/ 4115292 w 6858000"/>
              <a:gd name="connsiteY1118" fmla="*/ 6070513 h 6858000"/>
              <a:gd name="connsiteX1119" fmla="*/ 4115292 w 6858000"/>
              <a:gd name="connsiteY1119" fmla="*/ 6070069 h 6858000"/>
              <a:gd name="connsiteX1120" fmla="*/ 3991790 w 6858000"/>
              <a:gd name="connsiteY1120" fmla="*/ 6070069 h 6858000"/>
              <a:gd name="connsiteX1121" fmla="*/ 3991790 w 6858000"/>
              <a:gd name="connsiteY1121" fmla="*/ 6070513 h 6858000"/>
              <a:gd name="connsiteX1122" fmla="*/ 3992235 w 6858000"/>
              <a:gd name="connsiteY1122" fmla="*/ 6070513 h 6858000"/>
              <a:gd name="connsiteX1123" fmla="*/ 3992235 w 6858000"/>
              <a:gd name="connsiteY1123" fmla="*/ 6070069 h 6858000"/>
              <a:gd name="connsiteX1124" fmla="*/ 3868733 w 6858000"/>
              <a:gd name="connsiteY1124" fmla="*/ 6070069 h 6858000"/>
              <a:gd name="connsiteX1125" fmla="*/ 3868733 w 6858000"/>
              <a:gd name="connsiteY1125" fmla="*/ 6070513 h 6858000"/>
              <a:gd name="connsiteX1126" fmla="*/ 3869177 w 6858000"/>
              <a:gd name="connsiteY1126" fmla="*/ 6070513 h 6858000"/>
              <a:gd name="connsiteX1127" fmla="*/ 3869177 w 6858000"/>
              <a:gd name="connsiteY1127" fmla="*/ 6070069 h 6858000"/>
              <a:gd name="connsiteX1128" fmla="*/ 3745676 w 6858000"/>
              <a:gd name="connsiteY1128" fmla="*/ 6070069 h 6858000"/>
              <a:gd name="connsiteX1129" fmla="*/ 3745676 w 6858000"/>
              <a:gd name="connsiteY1129" fmla="*/ 6070513 h 6858000"/>
              <a:gd name="connsiteX1130" fmla="*/ 3746120 w 6858000"/>
              <a:gd name="connsiteY1130" fmla="*/ 6070513 h 6858000"/>
              <a:gd name="connsiteX1131" fmla="*/ 3746120 w 6858000"/>
              <a:gd name="connsiteY1131" fmla="*/ 6070069 h 6858000"/>
              <a:gd name="connsiteX1132" fmla="*/ 3622174 w 6858000"/>
              <a:gd name="connsiteY1132" fmla="*/ 6069624 h 6858000"/>
              <a:gd name="connsiteX1133" fmla="*/ 3622174 w 6858000"/>
              <a:gd name="connsiteY1133" fmla="*/ 6070920 h 6858000"/>
              <a:gd name="connsiteX1134" fmla="*/ 3623470 w 6858000"/>
              <a:gd name="connsiteY1134" fmla="*/ 6070920 h 6858000"/>
              <a:gd name="connsiteX1135" fmla="*/ 3623470 w 6858000"/>
              <a:gd name="connsiteY1135" fmla="*/ 6069624 h 6858000"/>
              <a:gd name="connsiteX1136" fmla="*/ 3498895 w 6858000"/>
              <a:gd name="connsiteY1136" fmla="*/ 6069402 h 6858000"/>
              <a:gd name="connsiteX1137" fmla="*/ 3498895 w 6858000"/>
              <a:gd name="connsiteY1137" fmla="*/ 6071143 h 6858000"/>
              <a:gd name="connsiteX1138" fmla="*/ 3500635 w 6858000"/>
              <a:gd name="connsiteY1138" fmla="*/ 6071143 h 6858000"/>
              <a:gd name="connsiteX1139" fmla="*/ 3500635 w 6858000"/>
              <a:gd name="connsiteY1139" fmla="*/ 6069402 h 6858000"/>
              <a:gd name="connsiteX1140" fmla="*/ 3375615 w 6858000"/>
              <a:gd name="connsiteY1140" fmla="*/ 6069217 h 6858000"/>
              <a:gd name="connsiteX1141" fmla="*/ 3375615 w 6858000"/>
              <a:gd name="connsiteY1141" fmla="*/ 6071402 h 6858000"/>
              <a:gd name="connsiteX1142" fmla="*/ 3377800 w 6858000"/>
              <a:gd name="connsiteY1142" fmla="*/ 6071402 h 6858000"/>
              <a:gd name="connsiteX1143" fmla="*/ 3377800 w 6858000"/>
              <a:gd name="connsiteY1143" fmla="*/ 6069217 h 6858000"/>
              <a:gd name="connsiteX1144" fmla="*/ 3251891 w 6858000"/>
              <a:gd name="connsiteY1144" fmla="*/ 6068550 h 6858000"/>
              <a:gd name="connsiteX1145" fmla="*/ 3251891 w 6858000"/>
              <a:gd name="connsiteY1145" fmla="*/ 6072031 h 6858000"/>
              <a:gd name="connsiteX1146" fmla="*/ 3255372 w 6858000"/>
              <a:gd name="connsiteY1146" fmla="*/ 6072031 h 6858000"/>
              <a:gd name="connsiteX1147" fmla="*/ 3255372 w 6858000"/>
              <a:gd name="connsiteY1147" fmla="*/ 6068550 h 6858000"/>
              <a:gd name="connsiteX1148" fmla="*/ 3128204 w 6858000"/>
              <a:gd name="connsiteY1148" fmla="*/ 6067884 h 6858000"/>
              <a:gd name="connsiteX1149" fmla="*/ 3128204 w 6858000"/>
              <a:gd name="connsiteY1149" fmla="*/ 6072661 h 6858000"/>
              <a:gd name="connsiteX1150" fmla="*/ 3132981 w 6858000"/>
              <a:gd name="connsiteY1150" fmla="*/ 6072661 h 6858000"/>
              <a:gd name="connsiteX1151" fmla="*/ 3132981 w 6858000"/>
              <a:gd name="connsiteY1151" fmla="*/ 6067884 h 6858000"/>
              <a:gd name="connsiteX1152" fmla="*/ 3004258 w 6858000"/>
              <a:gd name="connsiteY1152" fmla="*/ 6067032 h 6858000"/>
              <a:gd name="connsiteX1153" fmla="*/ 3004258 w 6858000"/>
              <a:gd name="connsiteY1153" fmla="*/ 6073550 h 6858000"/>
              <a:gd name="connsiteX1154" fmla="*/ 3010776 w 6858000"/>
              <a:gd name="connsiteY1154" fmla="*/ 6073550 h 6858000"/>
              <a:gd name="connsiteX1155" fmla="*/ 3010776 w 6858000"/>
              <a:gd name="connsiteY1155" fmla="*/ 6067032 h 6858000"/>
              <a:gd name="connsiteX1156" fmla="*/ 2880127 w 6858000"/>
              <a:gd name="connsiteY1156" fmla="*/ 6065958 h 6858000"/>
              <a:gd name="connsiteX1157" fmla="*/ 2880127 w 6858000"/>
              <a:gd name="connsiteY1157" fmla="*/ 6074660 h 6858000"/>
              <a:gd name="connsiteX1158" fmla="*/ 2888829 w 6858000"/>
              <a:gd name="connsiteY1158" fmla="*/ 6074660 h 6858000"/>
              <a:gd name="connsiteX1159" fmla="*/ 2888829 w 6858000"/>
              <a:gd name="connsiteY1159" fmla="*/ 6065958 h 6858000"/>
              <a:gd name="connsiteX1160" fmla="*/ 2755551 w 6858000"/>
              <a:gd name="connsiteY1160" fmla="*/ 6064440 h 6858000"/>
              <a:gd name="connsiteX1161" fmla="*/ 2755551 w 6858000"/>
              <a:gd name="connsiteY1161" fmla="*/ 6076179 h 6858000"/>
              <a:gd name="connsiteX1162" fmla="*/ 2767290 w 6858000"/>
              <a:gd name="connsiteY1162" fmla="*/ 6076179 h 6858000"/>
              <a:gd name="connsiteX1163" fmla="*/ 2767290 w 6858000"/>
              <a:gd name="connsiteY1163" fmla="*/ 6064440 h 6858000"/>
              <a:gd name="connsiteX1164" fmla="*/ 2630754 w 6858000"/>
              <a:gd name="connsiteY1164" fmla="*/ 6062699 h 6858000"/>
              <a:gd name="connsiteX1165" fmla="*/ 2630754 w 6858000"/>
              <a:gd name="connsiteY1165" fmla="*/ 6077882 h 6858000"/>
              <a:gd name="connsiteX1166" fmla="*/ 2645937 w 6858000"/>
              <a:gd name="connsiteY1166" fmla="*/ 6077882 h 6858000"/>
              <a:gd name="connsiteX1167" fmla="*/ 2645937 w 6858000"/>
              <a:gd name="connsiteY1167" fmla="*/ 6062699 h 6858000"/>
              <a:gd name="connsiteX1168" fmla="*/ 2505511 w 6858000"/>
              <a:gd name="connsiteY1168" fmla="*/ 6060514 h 6858000"/>
              <a:gd name="connsiteX1169" fmla="*/ 2505511 w 6858000"/>
              <a:gd name="connsiteY1169" fmla="*/ 6080067 h 6858000"/>
              <a:gd name="connsiteX1170" fmla="*/ 2525064 w 6858000"/>
              <a:gd name="connsiteY1170" fmla="*/ 6080067 h 6858000"/>
              <a:gd name="connsiteX1171" fmla="*/ 2525064 w 6858000"/>
              <a:gd name="connsiteY1171" fmla="*/ 6060514 h 6858000"/>
              <a:gd name="connsiteX1172" fmla="*/ 2380047 w 6858000"/>
              <a:gd name="connsiteY1172" fmla="*/ 6058144 h 6858000"/>
              <a:gd name="connsiteX1173" fmla="*/ 2380047 w 6858000"/>
              <a:gd name="connsiteY1173" fmla="*/ 6082474 h 6858000"/>
              <a:gd name="connsiteX1174" fmla="*/ 2404377 w 6858000"/>
              <a:gd name="connsiteY1174" fmla="*/ 6082474 h 6858000"/>
              <a:gd name="connsiteX1175" fmla="*/ 2404377 w 6858000"/>
              <a:gd name="connsiteY1175" fmla="*/ 6058144 h 6858000"/>
              <a:gd name="connsiteX1176" fmla="*/ 2254175 w 6858000"/>
              <a:gd name="connsiteY1176" fmla="*/ 6055293 h 6858000"/>
              <a:gd name="connsiteX1177" fmla="*/ 2254175 w 6858000"/>
              <a:gd name="connsiteY1177" fmla="*/ 6085252 h 6858000"/>
              <a:gd name="connsiteX1178" fmla="*/ 2284134 w 6858000"/>
              <a:gd name="connsiteY1178" fmla="*/ 6085252 h 6858000"/>
              <a:gd name="connsiteX1179" fmla="*/ 2284134 w 6858000"/>
              <a:gd name="connsiteY1179" fmla="*/ 6055293 h 6858000"/>
              <a:gd name="connsiteX1180" fmla="*/ 2128081 w 6858000"/>
              <a:gd name="connsiteY1180" fmla="*/ 6052256 h 6858000"/>
              <a:gd name="connsiteX1181" fmla="*/ 2128081 w 6858000"/>
              <a:gd name="connsiteY1181" fmla="*/ 6088288 h 6858000"/>
              <a:gd name="connsiteX1182" fmla="*/ 2164113 w 6858000"/>
              <a:gd name="connsiteY1182" fmla="*/ 6088288 h 6858000"/>
              <a:gd name="connsiteX1183" fmla="*/ 2164113 w 6858000"/>
              <a:gd name="connsiteY1183" fmla="*/ 6052256 h 6858000"/>
              <a:gd name="connsiteX1184" fmla="*/ 2001765 w 6858000"/>
              <a:gd name="connsiteY1184" fmla="*/ 6048997 h 6858000"/>
              <a:gd name="connsiteX1185" fmla="*/ 2001765 w 6858000"/>
              <a:gd name="connsiteY1185" fmla="*/ 6091547 h 6858000"/>
              <a:gd name="connsiteX1186" fmla="*/ 2044315 w 6858000"/>
              <a:gd name="connsiteY1186" fmla="*/ 6091547 h 6858000"/>
              <a:gd name="connsiteX1187" fmla="*/ 2044315 w 6858000"/>
              <a:gd name="connsiteY1187" fmla="*/ 6048997 h 6858000"/>
              <a:gd name="connsiteX1188" fmla="*/ 1875449 w 6858000"/>
              <a:gd name="connsiteY1188" fmla="*/ 6045739 h 6858000"/>
              <a:gd name="connsiteX1189" fmla="*/ 1875449 w 6858000"/>
              <a:gd name="connsiteY1189" fmla="*/ 6094807 h 6858000"/>
              <a:gd name="connsiteX1190" fmla="*/ 1924516 w 6858000"/>
              <a:gd name="connsiteY1190" fmla="*/ 6094807 h 6858000"/>
              <a:gd name="connsiteX1191" fmla="*/ 1924516 w 6858000"/>
              <a:gd name="connsiteY1191" fmla="*/ 6045739 h 6858000"/>
              <a:gd name="connsiteX1192" fmla="*/ 1748911 w 6858000"/>
              <a:gd name="connsiteY1192" fmla="*/ 6042258 h 6858000"/>
              <a:gd name="connsiteX1193" fmla="*/ 1748911 w 6858000"/>
              <a:gd name="connsiteY1193" fmla="*/ 6098287 h 6858000"/>
              <a:gd name="connsiteX1194" fmla="*/ 1804940 w 6858000"/>
              <a:gd name="connsiteY1194" fmla="*/ 6098287 h 6858000"/>
              <a:gd name="connsiteX1195" fmla="*/ 1804940 w 6858000"/>
              <a:gd name="connsiteY1195" fmla="*/ 6042258 h 6858000"/>
              <a:gd name="connsiteX1196" fmla="*/ 1622372 w 6858000"/>
              <a:gd name="connsiteY1196" fmla="*/ 6038814 h 6858000"/>
              <a:gd name="connsiteX1197" fmla="*/ 1622372 w 6858000"/>
              <a:gd name="connsiteY1197" fmla="*/ 6101806 h 6858000"/>
              <a:gd name="connsiteX1198" fmla="*/ 1685363 w 6858000"/>
              <a:gd name="connsiteY1198" fmla="*/ 6101806 h 6858000"/>
              <a:gd name="connsiteX1199" fmla="*/ 1685363 w 6858000"/>
              <a:gd name="connsiteY1199" fmla="*/ 6038814 h 6858000"/>
              <a:gd name="connsiteX1200" fmla="*/ 1495834 w 6858000"/>
              <a:gd name="connsiteY1200" fmla="*/ 6035333 h 6858000"/>
              <a:gd name="connsiteX1201" fmla="*/ 1495834 w 6858000"/>
              <a:gd name="connsiteY1201" fmla="*/ 6105249 h 6858000"/>
              <a:gd name="connsiteX1202" fmla="*/ 1565750 w 6858000"/>
              <a:gd name="connsiteY1202" fmla="*/ 6105249 h 6858000"/>
              <a:gd name="connsiteX1203" fmla="*/ 1565750 w 6858000"/>
              <a:gd name="connsiteY1203" fmla="*/ 6035333 h 6858000"/>
              <a:gd name="connsiteX1204" fmla="*/ 1369296 w 6858000"/>
              <a:gd name="connsiteY1204" fmla="*/ 6031852 h 6858000"/>
              <a:gd name="connsiteX1205" fmla="*/ 1369296 w 6858000"/>
              <a:gd name="connsiteY1205" fmla="*/ 6108731 h 6858000"/>
              <a:gd name="connsiteX1206" fmla="*/ 1446175 w 6858000"/>
              <a:gd name="connsiteY1206" fmla="*/ 6108731 h 6858000"/>
              <a:gd name="connsiteX1207" fmla="*/ 1446175 w 6858000"/>
              <a:gd name="connsiteY1207" fmla="*/ 6031852 h 6858000"/>
              <a:gd name="connsiteX1208" fmla="*/ 1242979 w 6858000"/>
              <a:gd name="connsiteY1208" fmla="*/ 6028593 h 6858000"/>
              <a:gd name="connsiteX1209" fmla="*/ 1242979 w 6858000"/>
              <a:gd name="connsiteY1209" fmla="*/ 6111989 h 6858000"/>
              <a:gd name="connsiteX1210" fmla="*/ 1326375 w 6858000"/>
              <a:gd name="connsiteY1210" fmla="*/ 6111989 h 6858000"/>
              <a:gd name="connsiteX1211" fmla="*/ 1326375 w 6858000"/>
              <a:gd name="connsiteY1211" fmla="*/ 6028593 h 6858000"/>
              <a:gd name="connsiteX1212" fmla="*/ 1117108 w 6858000"/>
              <a:gd name="connsiteY1212" fmla="*/ 6025778 h 6858000"/>
              <a:gd name="connsiteX1213" fmla="*/ 1117108 w 6858000"/>
              <a:gd name="connsiteY1213" fmla="*/ 6114803 h 6858000"/>
              <a:gd name="connsiteX1214" fmla="*/ 1206133 w 6858000"/>
              <a:gd name="connsiteY1214" fmla="*/ 6114803 h 6858000"/>
              <a:gd name="connsiteX1215" fmla="*/ 1206133 w 6858000"/>
              <a:gd name="connsiteY1215" fmla="*/ 6025778 h 6858000"/>
              <a:gd name="connsiteX1216" fmla="*/ 991199 w 6858000"/>
              <a:gd name="connsiteY1216" fmla="*/ 6022964 h 6858000"/>
              <a:gd name="connsiteX1217" fmla="*/ 991199 w 6858000"/>
              <a:gd name="connsiteY1217" fmla="*/ 6117655 h 6858000"/>
              <a:gd name="connsiteX1218" fmla="*/ 1085890 w 6858000"/>
              <a:gd name="connsiteY1218" fmla="*/ 6117655 h 6858000"/>
              <a:gd name="connsiteX1219" fmla="*/ 1085890 w 6858000"/>
              <a:gd name="connsiteY1219" fmla="*/ 6022964 h 6858000"/>
              <a:gd name="connsiteX1220" fmla="*/ 865994 w 6858000"/>
              <a:gd name="connsiteY1220" fmla="*/ 6020779 h 6858000"/>
              <a:gd name="connsiteX1221" fmla="*/ 865994 w 6858000"/>
              <a:gd name="connsiteY1221" fmla="*/ 6119803 h 6858000"/>
              <a:gd name="connsiteX1222" fmla="*/ 965018 w 6858000"/>
              <a:gd name="connsiteY1222" fmla="*/ 6119803 h 6858000"/>
              <a:gd name="connsiteX1223" fmla="*/ 965018 w 6858000"/>
              <a:gd name="connsiteY1223" fmla="*/ 6020779 h 6858000"/>
              <a:gd name="connsiteX1224" fmla="*/ 740974 w 6858000"/>
              <a:gd name="connsiteY1224" fmla="*/ 6018816 h 6858000"/>
              <a:gd name="connsiteX1225" fmla="*/ 740974 w 6858000"/>
              <a:gd name="connsiteY1225" fmla="*/ 6121765 h 6858000"/>
              <a:gd name="connsiteX1226" fmla="*/ 843923 w 6858000"/>
              <a:gd name="connsiteY1226" fmla="*/ 6121765 h 6858000"/>
              <a:gd name="connsiteX1227" fmla="*/ 843923 w 6858000"/>
              <a:gd name="connsiteY1227" fmla="*/ 6018816 h 6858000"/>
              <a:gd name="connsiteX1228" fmla="*/ 616398 w 6858000"/>
              <a:gd name="connsiteY1228" fmla="*/ 6017298 h 6858000"/>
              <a:gd name="connsiteX1229" fmla="*/ 616398 w 6858000"/>
              <a:gd name="connsiteY1229" fmla="*/ 6123283 h 6858000"/>
              <a:gd name="connsiteX1230" fmla="*/ 722384 w 6858000"/>
              <a:gd name="connsiteY1230" fmla="*/ 6123283 h 6858000"/>
              <a:gd name="connsiteX1231" fmla="*/ 722384 w 6858000"/>
              <a:gd name="connsiteY1231" fmla="*/ 6017298 h 6858000"/>
              <a:gd name="connsiteX1232" fmla="*/ 492230 w 6858000"/>
              <a:gd name="connsiteY1232" fmla="*/ 6016224 h 6858000"/>
              <a:gd name="connsiteX1233" fmla="*/ 492230 w 6858000"/>
              <a:gd name="connsiteY1233" fmla="*/ 6124357 h 6858000"/>
              <a:gd name="connsiteX1234" fmla="*/ 600363 w 6858000"/>
              <a:gd name="connsiteY1234" fmla="*/ 6124357 h 6858000"/>
              <a:gd name="connsiteX1235" fmla="*/ 600363 w 6858000"/>
              <a:gd name="connsiteY1235" fmla="*/ 6016224 h 6858000"/>
              <a:gd name="connsiteX1236" fmla="*/ 1 w 6858000"/>
              <a:gd name="connsiteY1236" fmla="*/ 6016224 h 6858000"/>
              <a:gd name="connsiteX1237" fmla="*/ 1 w 6858000"/>
              <a:gd name="connsiteY1237" fmla="*/ 6124357 h 6858000"/>
              <a:gd name="connsiteX1238" fmla="*/ 108134 w 6858000"/>
              <a:gd name="connsiteY1238" fmla="*/ 6124357 h 6858000"/>
              <a:gd name="connsiteX1239" fmla="*/ 108134 w 6858000"/>
              <a:gd name="connsiteY1239" fmla="*/ 6016224 h 6858000"/>
              <a:gd name="connsiteX1240" fmla="*/ 368543 w 6858000"/>
              <a:gd name="connsiteY1240" fmla="*/ 6015558 h 6858000"/>
              <a:gd name="connsiteX1241" fmla="*/ 368543 w 6858000"/>
              <a:gd name="connsiteY1241" fmla="*/ 6125025 h 6858000"/>
              <a:gd name="connsiteX1242" fmla="*/ 478010 w 6858000"/>
              <a:gd name="connsiteY1242" fmla="*/ 6125025 h 6858000"/>
              <a:gd name="connsiteX1243" fmla="*/ 478010 w 6858000"/>
              <a:gd name="connsiteY1243" fmla="*/ 6015558 h 6858000"/>
              <a:gd name="connsiteX1244" fmla="*/ 245041 w 6858000"/>
              <a:gd name="connsiteY1244" fmla="*/ 6015113 h 6858000"/>
              <a:gd name="connsiteX1245" fmla="*/ 245041 w 6858000"/>
              <a:gd name="connsiteY1245" fmla="*/ 6125432 h 6858000"/>
              <a:gd name="connsiteX1246" fmla="*/ 355359 w 6858000"/>
              <a:gd name="connsiteY1246" fmla="*/ 6125432 h 6858000"/>
              <a:gd name="connsiteX1247" fmla="*/ 355359 w 6858000"/>
              <a:gd name="connsiteY1247" fmla="*/ 6015113 h 6858000"/>
              <a:gd name="connsiteX1248" fmla="*/ 121762 w 6858000"/>
              <a:gd name="connsiteY1248" fmla="*/ 6014928 h 6858000"/>
              <a:gd name="connsiteX1249" fmla="*/ 121762 w 6858000"/>
              <a:gd name="connsiteY1249" fmla="*/ 6125691 h 6858000"/>
              <a:gd name="connsiteX1250" fmla="*/ 232525 w 6858000"/>
              <a:gd name="connsiteY1250" fmla="*/ 6125691 h 6858000"/>
              <a:gd name="connsiteX1251" fmla="*/ 232525 w 6858000"/>
              <a:gd name="connsiteY1251" fmla="*/ 6014928 h 6858000"/>
              <a:gd name="connsiteX1252" fmla="*/ 5714630 w 6858000"/>
              <a:gd name="connsiteY1252" fmla="*/ 5947011 h 6858000"/>
              <a:gd name="connsiteX1253" fmla="*/ 5714630 w 6858000"/>
              <a:gd name="connsiteY1253" fmla="*/ 5947455 h 6858000"/>
              <a:gd name="connsiteX1254" fmla="*/ 5715074 w 6858000"/>
              <a:gd name="connsiteY1254" fmla="*/ 5947455 h 6858000"/>
              <a:gd name="connsiteX1255" fmla="*/ 5715074 w 6858000"/>
              <a:gd name="connsiteY1255" fmla="*/ 5947011 h 6858000"/>
              <a:gd name="connsiteX1256" fmla="*/ 5591573 w 6858000"/>
              <a:gd name="connsiteY1256" fmla="*/ 5947011 h 6858000"/>
              <a:gd name="connsiteX1257" fmla="*/ 5591573 w 6858000"/>
              <a:gd name="connsiteY1257" fmla="*/ 5947455 h 6858000"/>
              <a:gd name="connsiteX1258" fmla="*/ 5592018 w 6858000"/>
              <a:gd name="connsiteY1258" fmla="*/ 5947455 h 6858000"/>
              <a:gd name="connsiteX1259" fmla="*/ 5592018 w 6858000"/>
              <a:gd name="connsiteY1259" fmla="*/ 5947011 h 6858000"/>
              <a:gd name="connsiteX1260" fmla="*/ 5468515 w 6858000"/>
              <a:gd name="connsiteY1260" fmla="*/ 5947011 h 6858000"/>
              <a:gd name="connsiteX1261" fmla="*/ 5468515 w 6858000"/>
              <a:gd name="connsiteY1261" fmla="*/ 5947455 h 6858000"/>
              <a:gd name="connsiteX1262" fmla="*/ 5468959 w 6858000"/>
              <a:gd name="connsiteY1262" fmla="*/ 5947455 h 6858000"/>
              <a:gd name="connsiteX1263" fmla="*/ 5468959 w 6858000"/>
              <a:gd name="connsiteY1263" fmla="*/ 5947011 h 6858000"/>
              <a:gd name="connsiteX1264" fmla="*/ 5345458 w 6858000"/>
              <a:gd name="connsiteY1264" fmla="*/ 5947011 h 6858000"/>
              <a:gd name="connsiteX1265" fmla="*/ 5345458 w 6858000"/>
              <a:gd name="connsiteY1265" fmla="*/ 5947455 h 6858000"/>
              <a:gd name="connsiteX1266" fmla="*/ 5345902 w 6858000"/>
              <a:gd name="connsiteY1266" fmla="*/ 5947455 h 6858000"/>
              <a:gd name="connsiteX1267" fmla="*/ 5345902 w 6858000"/>
              <a:gd name="connsiteY1267" fmla="*/ 5947011 h 6858000"/>
              <a:gd name="connsiteX1268" fmla="*/ 5222401 w 6858000"/>
              <a:gd name="connsiteY1268" fmla="*/ 5947011 h 6858000"/>
              <a:gd name="connsiteX1269" fmla="*/ 5222401 w 6858000"/>
              <a:gd name="connsiteY1269" fmla="*/ 5947455 h 6858000"/>
              <a:gd name="connsiteX1270" fmla="*/ 5222845 w 6858000"/>
              <a:gd name="connsiteY1270" fmla="*/ 5947455 h 6858000"/>
              <a:gd name="connsiteX1271" fmla="*/ 5222845 w 6858000"/>
              <a:gd name="connsiteY1271" fmla="*/ 5947011 h 6858000"/>
              <a:gd name="connsiteX1272" fmla="*/ 5099306 w 6858000"/>
              <a:gd name="connsiteY1272" fmla="*/ 5947011 h 6858000"/>
              <a:gd name="connsiteX1273" fmla="*/ 5099306 w 6858000"/>
              <a:gd name="connsiteY1273" fmla="*/ 5947455 h 6858000"/>
              <a:gd name="connsiteX1274" fmla="*/ 5099750 w 6858000"/>
              <a:gd name="connsiteY1274" fmla="*/ 5947455 h 6858000"/>
              <a:gd name="connsiteX1275" fmla="*/ 5099750 w 6858000"/>
              <a:gd name="connsiteY1275" fmla="*/ 5947011 h 6858000"/>
              <a:gd name="connsiteX1276" fmla="*/ 4976249 w 6858000"/>
              <a:gd name="connsiteY1276" fmla="*/ 5947011 h 6858000"/>
              <a:gd name="connsiteX1277" fmla="*/ 4976249 w 6858000"/>
              <a:gd name="connsiteY1277" fmla="*/ 5947455 h 6858000"/>
              <a:gd name="connsiteX1278" fmla="*/ 4976693 w 6858000"/>
              <a:gd name="connsiteY1278" fmla="*/ 5947455 h 6858000"/>
              <a:gd name="connsiteX1279" fmla="*/ 4976693 w 6858000"/>
              <a:gd name="connsiteY1279" fmla="*/ 5947011 h 6858000"/>
              <a:gd name="connsiteX1280" fmla="*/ 4853192 w 6858000"/>
              <a:gd name="connsiteY1280" fmla="*/ 5947011 h 6858000"/>
              <a:gd name="connsiteX1281" fmla="*/ 4853192 w 6858000"/>
              <a:gd name="connsiteY1281" fmla="*/ 5947455 h 6858000"/>
              <a:gd name="connsiteX1282" fmla="*/ 4853637 w 6858000"/>
              <a:gd name="connsiteY1282" fmla="*/ 5947455 h 6858000"/>
              <a:gd name="connsiteX1283" fmla="*/ 4853637 w 6858000"/>
              <a:gd name="connsiteY1283" fmla="*/ 5947011 h 6858000"/>
              <a:gd name="connsiteX1284" fmla="*/ 4730134 w 6858000"/>
              <a:gd name="connsiteY1284" fmla="*/ 5947011 h 6858000"/>
              <a:gd name="connsiteX1285" fmla="*/ 4730134 w 6858000"/>
              <a:gd name="connsiteY1285" fmla="*/ 5947455 h 6858000"/>
              <a:gd name="connsiteX1286" fmla="*/ 4730579 w 6858000"/>
              <a:gd name="connsiteY1286" fmla="*/ 5947455 h 6858000"/>
              <a:gd name="connsiteX1287" fmla="*/ 4730579 w 6858000"/>
              <a:gd name="connsiteY1287" fmla="*/ 5947011 h 6858000"/>
              <a:gd name="connsiteX1288" fmla="*/ 4607077 w 6858000"/>
              <a:gd name="connsiteY1288" fmla="*/ 5947011 h 6858000"/>
              <a:gd name="connsiteX1289" fmla="*/ 4607077 w 6858000"/>
              <a:gd name="connsiteY1289" fmla="*/ 5947455 h 6858000"/>
              <a:gd name="connsiteX1290" fmla="*/ 4607521 w 6858000"/>
              <a:gd name="connsiteY1290" fmla="*/ 5947455 h 6858000"/>
              <a:gd name="connsiteX1291" fmla="*/ 4607521 w 6858000"/>
              <a:gd name="connsiteY1291" fmla="*/ 5947011 h 6858000"/>
              <a:gd name="connsiteX1292" fmla="*/ 4237905 w 6858000"/>
              <a:gd name="connsiteY1292" fmla="*/ 5947011 h 6858000"/>
              <a:gd name="connsiteX1293" fmla="*/ 4237905 w 6858000"/>
              <a:gd name="connsiteY1293" fmla="*/ 5947455 h 6858000"/>
              <a:gd name="connsiteX1294" fmla="*/ 4238349 w 6858000"/>
              <a:gd name="connsiteY1294" fmla="*/ 5947455 h 6858000"/>
              <a:gd name="connsiteX1295" fmla="*/ 4238349 w 6858000"/>
              <a:gd name="connsiteY1295" fmla="*/ 5947011 h 6858000"/>
              <a:gd name="connsiteX1296" fmla="*/ 4114848 w 6858000"/>
              <a:gd name="connsiteY1296" fmla="*/ 5947011 h 6858000"/>
              <a:gd name="connsiteX1297" fmla="*/ 4114848 w 6858000"/>
              <a:gd name="connsiteY1297" fmla="*/ 5947455 h 6858000"/>
              <a:gd name="connsiteX1298" fmla="*/ 4115292 w 6858000"/>
              <a:gd name="connsiteY1298" fmla="*/ 5947455 h 6858000"/>
              <a:gd name="connsiteX1299" fmla="*/ 4115292 w 6858000"/>
              <a:gd name="connsiteY1299" fmla="*/ 5947011 h 6858000"/>
              <a:gd name="connsiteX1300" fmla="*/ 3991790 w 6858000"/>
              <a:gd name="connsiteY1300" fmla="*/ 5947011 h 6858000"/>
              <a:gd name="connsiteX1301" fmla="*/ 3991790 w 6858000"/>
              <a:gd name="connsiteY1301" fmla="*/ 5947455 h 6858000"/>
              <a:gd name="connsiteX1302" fmla="*/ 3992235 w 6858000"/>
              <a:gd name="connsiteY1302" fmla="*/ 5947455 h 6858000"/>
              <a:gd name="connsiteX1303" fmla="*/ 3992235 w 6858000"/>
              <a:gd name="connsiteY1303" fmla="*/ 5947011 h 6858000"/>
              <a:gd name="connsiteX1304" fmla="*/ 3868733 w 6858000"/>
              <a:gd name="connsiteY1304" fmla="*/ 5947011 h 6858000"/>
              <a:gd name="connsiteX1305" fmla="*/ 3868733 w 6858000"/>
              <a:gd name="connsiteY1305" fmla="*/ 5947455 h 6858000"/>
              <a:gd name="connsiteX1306" fmla="*/ 3869177 w 6858000"/>
              <a:gd name="connsiteY1306" fmla="*/ 5947455 h 6858000"/>
              <a:gd name="connsiteX1307" fmla="*/ 3869177 w 6858000"/>
              <a:gd name="connsiteY1307" fmla="*/ 5947011 h 6858000"/>
              <a:gd name="connsiteX1308" fmla="*/ 3745676 w 6858000"/>
              <a:gd name="connsiteY1308" fmla="*/ 5947011 h 6858000"/>
              <a:gd name="connsiteX1309" fmla="*/ 3745676 w 6858000"/>
              <a:gd name="connsiteY1309" fmla="*/ 5947455 h 6858000"/>
              <a:gd name="connsiteX1310" fmla="*/ 3746120 w 6858000"/>
              <a:gd name="connsiteY1310" fmla="*/ 5947455 h 6858000"/>
              <a:gd name="connsiteX1311" fmla="*/ 3746120 w 6858000"/>
              <a:gd name="connsiteY1311" fmla="*/ 5947011 h 6858000"/>
              <a:gd name="connsiteX1312" fmla="*/ 3622396 w 6858000"/>
              <a:gd name="connsiteY1312" fmla="*/ 5946789 h 6858000"/>
              <a:gd name="connsiteX1313" fmla="*/ 3622396 w 6858000"/>
              <a:gd name="connsiteY1313" fmla="*/ 5947640 h 6858000"/>
              <a:gd name="connsiteX1314" fmla="*/ 3623248 w 6858000"/>
              <a:gd name="connsiteY1314" fmla="*/ 5947640 h 6858000"/>
              <a:gd name="connsiteX1315" fmla="*/ 3623248 w 6858000"/>
              <a:gd name="connsiteY1315" fmla="*/ 5946789 h 6858000"/>
              <a:gd name="connsiteX1316" fmla="*/ 3499117 w 6858000"/>
              <a:gd name="connsiteY1316" fmla="*/ 5946567 h 6858000"/>
              <a:gd name="connsiteX1317" fmla="*/ 3499117 w 6858000"/>
              <a:gd name="connsiteY1317" fmla="*/ 5947863 h 6858000"/>
              <a:gd name="connsiteX1318" fmla="*/ 3500413 w 6858000"/>
              <a:gd name="connsiteY1318" fmla="*/ 5947863 h 6858000"/>
              <a:gd name="connsiteX1319" fmla="*/ 3500413 w 6858000"/>
              <a:gd name="connsiteY1319" fmla="*/ 5946567 h 6858000"/>
              <a:gd name="connsiteX1320" fmla="*/ 3375837 w 6858000"/>
              <a:gd name="connsiteY1320" fmla="*/ 5946345 h 6858000"/>
              <a:gd name="connsiteX1321" fmla="*/ 3375837 w 6858000"/>
              <a:gd name="connsiteY1321" fmla="*/ 5948085 h 6858000"/>
              <a:gd name="connsiteX1322" fmla="*/ 3377577 w 6858000"/>
              <a:gd name="connsiteY1322" fmla="*/ 5948085 h 6858000"/>
              <a:gd name="connsiteX1323" fmla="*/ 3377577 w 6858000"/>
              <a:gd name="connsiteY1323" fmla="*/ 5946345 h 6858000"/>
              <a:gd name="connsiteX1324" fmla="*/ 3252336 w 6858000"/>
              <a:gd name="connsiteY1324" fmla="*/ 5945937 h 6858000"/>
              <a:gd name="connsiteX1325" fmla="*/ 3252336 w 6858000"/>
              <a:gd name="connsiteY1325" fmla="*/ 5948529 h 6858000"/>
              <a:gd name="connsiteX1326" fmla="*/ 3254928 w 6858000"/>
              <a:gd name="connsiteY1326" fmla="*/ 5948529 h 6858000"/>
              <a:gd name="connsiteX1327" fmla="*/ 3254928 w 6858000"/>
              <a:gd name="connsiteY1327" fmla="*/ 5945937 h 6858000"/>
              <a:gd name="connsiteX1328" fmla="*/ 3128612 w 6858000"/>
              <a:gd name="connsiteY1328" fmla="*/ 5945271 h 6858000"/>
              <a:gd name="connsiteX1329" fmla="*/ 3128612 w 6858000"/>
              <a:gd name="connsiteY1329" fmla="*/ 5949197 h 6858000"/>
              <a:gd name="connsiteX1330" fmla="*/ 3132537 w 6858000"/>
              <a:gd name="connsiteY1330" fmla="*/ 5949197 h 6858000"/>
              <a:gd name="connsiteX1331" fmla="*/ 3132537 w 6858000"/>
              <a:gd name="connsiteY1331" fmla="*/ 5945271 h 6858000"/>
              <a:gd name="connsiteX1332" fmla="*/ 3004925 w 6858000"/>
              <a:gd name="connsiteY1332" fmla="*/ 5944604 h 6858000"/>
              <a:gd name="connsiteX1333" fmla="*/ 3004925 w 6858000"/>
              <a:gd name="connsiteY1333" fmla="*/ 5949826 h 6858000"/>
              <a:gd name="connsiteX1334" fmla="*/ 3010146 w 6858000"/>
              <a:gd name="connsiteY1334" fmla="*/ 5949826 h 6858000"/>
              <a:gd name="connsiteX1335" fmla="*/ 3010146 w 6858000"/>
              <a:gd name="connsiteY1335" fmla="*/ 5944604 h 6858000"/>
              <a:gd name="connsiteX1336" fmla="*/ 2880757 w 6858000"/>
              <a:gd name="connsiteY1336" fmla="*/ 5943530 h 6858000"/>
              <a:gd name="connsiteX1337" fmla="*/ 2880757 w 6858000"/>
              <a:gd name="connsiteY1337" fmla="*/ 5950900 h 6858000"/>
              <a:gd name="connsiteX1338" fmla="*/ 2888126 w 6858000"/>
              <a:gd name="connsiteY1338" fmla="*/ 5950900 h 6858000"/>
              <a:gd name="connsiteX1339" fmla="*/ 2888126 w 6858000"/>
              <a:gd name="connsiteY1339" fmla="*/ 5943530 h 6858000"/>
              <a:gd name="connsiteX1340" fmla="*/ 2756403 w 6858000"/>
              <a:gd name="connsiteY1340" fmla="*/ 5942234 h 6858000"/>
              <a:gd name="connsiteX1341" fmla="*/ 2756403 w 6858000"/>
              <a:gd name="connsiteY1341" fmla="*/ 5952232 h 6858000"/>
              <a:gd name="connsiteX1342" fmla="*/ 2766402 w 6858000"/>
              <a:gd name="connsiteY1342" fmla="*/ 5952232 h 6858000"/>
              <a:gd name="connsiteX1343" fmla="*/ 2766402 w 6858000"/>
              <a:gd name="connsiteY1343" fmla="*/ 5942234 h 6858000"/>
              <a:gd name="connsiteX1344" fmla="*/ 2631605 w 6858000"/>
              <a:gd name="connsiteY1344" fmla="*/ 5940494 h 6858000"/>
              <a:gd name="connsiteX1345" fmla="*/ 2631605 w 6858000"/>
              <a:gd name="connsiteY1345" fmla="*/ 5953974 h 6858000"/>
              <a:gd name="connsiteX1346" fmla="*/ 2645085 w 6858000"/>
              <a:gd name="connsiteY1346" fmla="*/ 5953974 h 6858000"/>
              <a:gd name="connsiteX1347" fmla="*/ 2645085 w 6858000"/>
              <a:gd name="connsiteY1347" fmla="*/ 5940494 h 6858000"/>
              <a:gd name="connsiteX1348" fmla="*/ 2506363 w 6858000"/>
              <a:gd name="connsiteY1348" fmla="*/ 5938309 h 6858000"/>
              <a:gd name="connsiteX1349" fmla="*/ 2506363 w 6858000"/>
              <a:gd name="connsiteY1349" fmla="*/ 5956122 h 6858000"/>
              <a:gd name="connsiteX1350" fmla="*/ 2524175 w 6858000"/>
              <a:gd name="connsiteY1350" fmla="*/ 5956122 h 6858000"/>
              <a:gd name="connsiteX1351" fmla="*/ 2524175 w 6858000"/>
              <a:gd name="connsiteY1351" fmla="*/ 5938309 h 6858000"/>
              <a:gd name="connsiteX1352" fmla="*/ 2380936 w 6858000"/>
              <a:gd name="connsiteY1352" fmla="*/ 5935939 h 6858000"/>
              <a:gd name="connsiteX1353" fmla="*/ 2380936 w 6858000"/>
              <a:gd name="connsiteY1353" fmla="*/ 5958528 h 6858000"/>
              <a:gd name="connsiteX1354" fmla="*/ 2403525 w 6858000"/>
              <a:gd name="connsiteY1354" fmla="*/ 5958528 h 6858000"/>
              <a:gd name="connsiteX1355" fmla="*/ 2403525 w 6858000"/>
              <a:gd name="connsiteY1355" fmla="*/ 5935939 h 6858000"/>
              <a:gd name="connsiteX1356" fmla="*/ 2255027 w 6858000"/>
              <a:gd name="connsiteY1356" fmla="*/ 5933124 h 6858000"/>
              <a:gd name="connsiteX1357" fmla="*/ 2255027 w 6858000"/>
              <a:gd name="connsiteY1357" fmla="*/ 5961342 h 6858000"/>
              <a:gd name="connsiteX1358" fmla="*/ 2283245 w 6858000"/>
              <a:gd name="connsiteY1358" fmla="*/ 5961342 h 6858000"/>
              <a:gd name="connsiteX1359" fmla="*/ 2283245 w 6858000"/>
              <a:gd name="connsiteY1359" fmla="*/ 5933124 h 6858000"/>
              <a:gd name="connsiteX1360" fmla="*/ 2128711 w 6858000"/>
              <a:gd name="connsiteY1360" fmla="*/ 5929866 h 6858000"/>
              <a:gd name="connsiteX1361" fmla="*/ 2128711 w 6858000"/>
              <a:gd name="connsiteY1361" fmla="*/ 5964602 h 6858000"/>
              <a:gd name="connsiteX1362" fmla="*/ 2163447 w 6858000"/>
              <a:gd name="connsiteY1362" fmla="*/ 5964602 h 6858000"/>
              <a:gd name="connsiteX1363" fmla="*/ 2163447 w 6858000"/>
              <a:gd name="connsiteY1363" fmla="*/ 5929866 h 6858000"/>
              <a:gd name="connsiteX1364" fmla="*/ 2002395 w 6858000"/>
              <a:gd name="connsiteY1364" fmla="*/ 5926607 h 6858000"/>
              <a:gd name="connsiteX1365" fmla="*/ 2002395 w 6858000"/>
              <a:gd name="connsiteY1365" fmla="*/ 5967861 h 6858000"/>
              <a:gd name="connsiteX1366" fmla="*/ 2043649 w 6858000"/>
              <a:gd name="connsiteY1366" fmla="*/ 5967861 h 6858000"/>
              <a:gd name="connsiteX1367" fmla="*/ 2043649 w 6858000"/>
              <a:gd name="connsiteY1367" fmla="*/ 5926607 h 6858000"/>
              <a:gd name="connsiteX1368" fmla="*/ 1875856 w 6858000"/>
              <a:gd name="connsiteY1368" fmla="*/ 5923126 h 6858000"/>
              <a:gd name="connsiteX1369" fmla="*/ 1875856 w 6858000"/>
              <a:gd name="connsiteY1369" fmla="*/ 5971342 h 6858000"/>
              <a:gd name="connsiteX1370" fmla="*/ 1924072 w 6858000"/>
              <a:gd name="connsiteY1370" fmla="*/ 5971342 h 6858000"/>
              <a:gd name="connsiteX1371" fmla="*/ 1924072 w 6858000"/>
              <a:gd name="connsiteY1371" fmla="*/ 5923126 h 6858000"/>
              <a:gd name="connsiteX1372" fmla="*/ 1749133 w 6858000"/>
              <a:gd name="connsiteY1372" fmla="*/ 5919423 h 6858000"/>
              <a:gd name="connsiteX1373" fmla="*/ 1749133 w 6858000"/>
              <a:gd name="connsiteY1373" fmla="*/ 5975008 h 6858000"/>
              <a:gd name="connsiteX1374" fmla="*/ 1804718 w 6858000"/>
              <a:gd name="connsiteY1374" fmla="*/ 5975008 h 6858000"/>
              <a:gd name="connsiteX1375" fmla="*/ 1804718 w 6858000"/>
              <a:gd name="connsiteY1375" fmla="*/ 5919423 h 6858000"/>
              <a:gd name="connsiteX1376" fmla="*/ 1622594 w 6858000"/>
              <a:gd name="connsiteY1376" fmla="*/ 5915942 h 6858000"/>
              <a:gd name="connsiteX1377" fmla="*/ 1622594 w 6858000"/>
              <a:gd name="connsiteY1377" fmla="*/ 5978489 h 6858000"/>
              <a:gd name="connsiteX1378" fmla="*/ 1685141 w 6858000"/>
              <a:gd name="connsiteY1378" fmla="*/ 5978489 h 6858000"/>
              <a:gd name="connsiteX1379" fmla="*/ 1685141 w 6858000"/>
              <a:gd name="connsiteY1379" fmla="*/ 5915942 h 6858000"/>
              <a:gd name="connsiteX1380" fmla="*/ 1495834 w 6858000"/>
              <a:gd name="connsiteY1380" fmla="*/ 5912275 h 6858000"/>
              <a:gd name="connsiteX1381" fmla="*/ 1495834 w 6858000"/>
              <a:gd name="connsiteY1381" fmla="*/ 5982191 h 6858000"/>
              <a:gd name="connsiteX1382" fmla="*/ 1565750 w 6858000"/>
              <a:gd name="connsiteY1382" fmla="*/ 5982191 h 6858000"/>
              <a:gd name="connsiteX1383" fmla="*/ 1565750 w 6858000"/>
              <a:gd name="connsiteY1383" fmla="*/ 5912275 h 6858000"/>
              <a:gd name="connsiteX1384" fmla="*/ 1369296 w 6858000"/>
              <a:gd name="connsiteY1384" fmla="*/ 5908794 h 6858000"/>
              <a:gd name="connsiteX1385" fmla="*/ 1369296 w 6858000"/>
              <a:gd name="connsiteY1385" fmla="*/ 5985673 h 6858000"/>
              <a:gd name="connsiteX1386" fmla="*/ 1446175 w 6858000"/>
              <a:gd name="connsiteY1386" fmla="*/ 5985673 h 6858000"/>
              <a:gd name="connsiteX1387" fmla="*/ 1446175 w 6858000"/>
              <a:gd name="connsiteY1387" fmla="*/ 5908794 h 6858000"/>
              <a:gd name="connsiteX1388" fmla="*/ 1242979 w 6858000"/>
              <a:gd name="connsiteY1388" fmla="*/ 5905536 h 6858000"/>
              <a:gd name="connsiteX1389" fmla="*/ 1242979 w 6858000"/>
              <a:gd name="connsiteY1389" fmla="*/ 5988932 h 6858000"/>
              <a:gd name="connsiteX1390" fmla="*/ 1326375 w 6858000"/>
              <a:gd name="connsiteY1390" fmla="*/ 5988932 h 6858000"/>
              <a:gd name="connsiteX1391" fmla="*/ 1326375 w 6858000"/>
              <a:gd name="connsiteY1391" fmla="*/ 5905536 h 6858000"/>
              <a:gd name="connsiteX1392" fmla="*/ 1116886 w 6858000"/>
              <a:gd name="connsiteY1392" fmla="*/ 5902499 h 6858000"/>
              <a:gd name="connsiteX1393" fmla="*/ 1116886 w 6858000"/>
              <a:gd name="connsiteY1393" fmla="*/ 5991968 h 6858000"/>
              <a:gd name="connsiteX1394" fmla="*/ 1206355 w 6858000"/>
              <a:gd name="connsiteY1394" fmla="*/ 5991968 h 6858000"/>
              <a:gd name="connsiteX1395" fmla="*/ 1206355 w 6858000"/>
              <a:gd name="connsiteY1395" fmla="*/ 5902499 h 6858000"/>
              <a:gd name="connsiteX1396" fmla="*/ 991014 w 6858000"/>
              <a:gd name="connsiteY1396" fmla="*/ 5899684 h 6858000"/>
              <a:gd name="connsiteX1397" fmla="*/ 991014 w 6858000"/>
              <a:gd name="connsiteY1397" fmla="*/ 5994819 h 6858000"/>
              <a:gd name="connsiteX1398" fmla="*/ 1086149 w 6858000"/>
              <a:gd name="connsiteY1398" fmla="*/ 5994819 h 6858000"/>
              <a:gd name="connsiteX1399" fmla="*/ 1086149 w 6858000"/>
              <a:gd name="connsiteY1399" fmla="*/ 5899684 h 6858000"/>
              <a:gd name="connsiteX1400" fmla="*/ 865549 w 6858000"/>
              <a:gd name="connsiteY1400" fmla="*/ 5897277 h 6858000"/>
              <a:gd name="connsiteX1401" fmla="*/ 865549 w 6858000"/>
              <a:gd name="connsiteY1401" fmla="*/ 5997189 h 6858000"/>
              <a:gd name="connsiteX1402" fmla="*/ 965461 w 6858000"/>
              <a:gd name="connsiteY1402" fmla="*/ 5997189 h 6858000"/>
              <a:gd name="connsiteX1403" fmla="*/ 965461 w 6858000"/>
              <a:gd name="connsiteY1403" fmla="*/ 5897277 h 6858000"/>
              <a:gd name="connsiteX1404" fmla="*/ 740529 w 6858000"/>
              <a:gd name="connsiteY1404" fmla="*/ 5895315 h 6858000"/>
              <a:gd name="connsiteX1405" fmla="*/ 740529 w 6858000"/>
              <a:gd name="connsiteY1405" fmla="*/ 5999116 h 6858000"/>
              <a:gd name="connsiteX1406" fmla="*/ 844330 w 6858000"/>
              <a:gd name="connsiteY1406" fmla="*/ 5999116 h 6858000"/>
              <a:gd name="connsiteX1407" fmla="*/ 844330 w 6858000"/>
              <a:gd name="connsiteY1407" fmla="*/ 5895315 h 6858000"/>
              <a:gd name="connsiteX1408" fmla="*/ 615954 w 6858000"/>
              <a:gd name="connsiteY1408" fmla="*/ 5893796 h 6858000"/>
              <a:gd name="connsiteX1409" fmla="*/ 615954 w 6858000"/>
              <a:gd name="connsiteY1409" fmla="*/ 6000633 h 6858000"/>
              <a:gd name="connsiteX1410" fmla="*/ 722791 w 6858000"/>
              <a:gd name="connsiteY1410" fmla="*/ 6000633 h 6858000"/>
              <a:gd name="connsiteX1411" fmla="*/ 722791 w 6858000"/>
              <a:gd name="connsiteY1411" fmla="*/ 5893796 h 6858000"/>
              <a:gd name="connsiteX1412" fmla="*/ 1 w 6858000"/>
              <a:gd name="connsiteY1412" fmla="*/ 5893167 h 6858000"/>
              <a:gd name="connsiteX1413" fmla="*/ 1 w 6858000"/>
              <a:gd name="connsiteY1413" fmla="*/ 6001300 h 6858000"/>
              <a:gd name="connsiteX1414" fmla="*/ 108134 w 6858000"/>
              <a:gd name="connsiteY1414" fmla="*/ 6001300 h 6858000"/>
              <a:gd name="connsiteX1415" fmla="*/ 108134 w 6858000"/>
              <a:gd name="connsiteY1415" fmla="*/ 5893167 h 6858000"/>
              <a:gd name="connsiteX1416" fmla="*/ 492008 w 6858000"/>
              <a:gd name="connsiteY1416" fmla="*/ 5892945 h 6858000"/>
              <a:gd name="connsiteX1417" fmla="*/ 492008 w 6858000"/>
              <a:gd name="connsiteY1417" fmla="*/ 6001523 h 6858000"/>
              <a:gd name="connsiteX1418" fmla="*/ 600586 w 6858000"/>
              <a:gd name="connsiteY1418" fmla="*/ 6001523 h 6858000"/>
              <a:gd name="connsiteX1419" fmla="*/ 600586 w 6858000"/>
              <a:gd name="connsiteY1419" fmla="*/ 5892945 h 6858000"/>
              <a:gd name="connsiteX1420" fmla="*/ 368321 w 6858000"/>
              <a:gd name="connsiteY1420" fmla="*/ 5892278 h 6858000"/>
              <a:gd name="connsiteX1421" fmla="*/ 368321 w 6858000"/>
              <a:gd name="connsiteY1421" fmla="*/ 6002152 h 6858000"/>
              <a:gd name="connsiteX1422" fmla="*/ 478195 w 6858000"/>
              <a:gd name="connsiteY1422" fmla="*/ 6002152 h 6858000"/>
              <a:gd name="connsiteX1423" fmla="*/ 478195 w 6858000"/>
              <a:gd name="connsiteY1423" fmla="*/ 5892278 h 6858000"/>
              <a:gd name="connsiteX1424" fmla="*/ 244819 w 6858000"/>
              <a:gd name="connsiteY1424" fmla="*/ 5891834 h 6858000"/>
              <a:gd name="connsiteX1425" fmla="*/ 244819 w 6858000"/>
              <a:gd name="connsiteY1425" fmla="*/ 6002597 h 6858000"/>
              <a:gd name="connsiteX1426" fmla="*/ 355582 w 6858000"/>
              <a:gd name="connsiteY1426" fmla="*/ 6002597 h 6858000"/>
              <a:gd name="connsiteX1427" fmla="*/ 355582 w 6858000"/>
              <a:gd name="connsiteY1427" fmla="*/ 5891834 h 6858000"/>
              <a:gd name="connsiteX1428" fmla="*/ 121762 w 6858000"/>
              <a:gd name="connsiteY1428" fmla="*/ 5891834 h 6858000"/>
              <a:gd name="connsiteX1429" fmla="*/ 121762 w 6858000"/>
              <a:gd name="connsiteY1429" fmla="*/ 6002597 h 6858000"/>
              <a:gd name="connsiteX1430" fmla="*/ 232525 w 6858000"/>
              <a:gd name="connsiteY1430" fmla="*/ 6002597 h 6858000"/>
              <a:gd name="connsiteX1431" fmla="*/ 232525 w 6858000"/>
              <a:gd name="connsiteY1431" fmla="*/ 5891834 h 6858000"/>
              <a:gd name="connsiteX1432" fmla="*/ 5714630 w 6858000"/>
              <a:gd name="connsiteY1432" fmla="*/ 5823954 h 6858000"/>
              <a:gd name="connsiteX1433" fmla="*/ 5714630 w 6858000"/>
              <a:gd name="connsiteY1433" fmla="*/ 5824398 h 6858000"/>
              <a:gd name="connsiteX1434" fmla="*/ 5715074 w 6858000"/>
              <a:gd name="connsiteY1434" fmla="*/ 5824398 h 6858000"/>
              <a:gd name="connsiteX1435" fmla="*/ 5715074 w 6858000"/>
              <a:gd name="connsiteY1435" fmla="*/ 5823954 h 6858000"/>
              <a:gd name="connsiteX1436" fmla="*/ 5591573 w 6858000"/>
              <a:gd name="connsiteY1436" fmla="*/ 5823954 h 6858000"/>
              <a:gd name="connsiteX1437" fmla="*/ 5591573 w 6858000"/>
              <a:gd name="connsiteY1437" fmla="*/ 5824398 h 6858000"/>
              <a:gd name="connsiteX1438" fmla="*/ 5592018 w 6858000"/>
              <a:gd name="connsiteY1438" fmla="*/ 5824398 h 6858000"/>
              <a:gd name="connsiteX1439" fmla="*/ 5592018 w 6858000"/>
              <a:gd name="connsiteY1439" fmla="*/ 5823954 h 6858000"/>
              <a:gd name="connsiteX1440" fmla="*/ 5468515 w 6858000"/>
              <a:gd name="connsiteY1440" fmla="*/ 5823954 h 6858000"/>
              <a:gd name="connsiteX1441" fmla="*/ 5468515 w 6858000"/>
              <a:gd name="connsiteY1441" fmla="*/ 5824398 h 6858000"/>
              <a:gd name="connsiteX1442" fmla="*/ 5468959 w 6858000"/>
              <a:gd name="connsiteY1442" fmla="*/ 5824398 h 6858000"/>
              <a:gd name="connsiteX1443" fmla="*/ 5468959 w 6858000"/>
              <a:gd name="connsiteY1443" fmla="*/ 5823954 h 6858000"/>
              <a:gd name="connsiteX1444" fmla="*/ 5345458 w 6858000"/>
              <a:gd name="connsiteY1444" fmla="*/ 5823954 h 6858000"/>
              <a:gd name="connsiteX1445" fmla="*/ 5345458 w 6858000"/>
              <a:gd name="connsiteY1445" fmla="*/ 5824398 h 6858000"/>
              <a:gd name="connsiteX1446" fmla="*/ 5345902 w 6858000"/>
              <a:gd name="connsiteY1446" fmla="*/ 5824398 h 6858000"/>
              <a:gd name="connsiteX1447" fmla="*/ 5345902 w 6858000"/>
              <a:gd name="connsiteY1447" fmla="*/ 5823954 h 6858000"/>
              <a:gd name="connsiteX1448" fmla="*/ 5222401 w 6858000"/>
              <a:gd name="connsiteY1448" fmla="*/ 5823954 h 6858000"/>
              <a:gd name="connsiteX1449" fmla="*/ 5222401 w 6858000"/>
              <a:gd name="connsiteY1449" fmla="*/ 5824398 h 6858000"/>
              <a:gd name="connsiteX1450" fmla="*/ 5222845 w 6858000"/>
              <a:gd name="connsiteY1450" fmla="*/ 5824398 h 6858000"/>
              <a:gd name="connsiteX1451" fmla="*/ 5222845 w 6858000"/>
              <a:gd name="connsiteY1451" fmla="*/ 5823954 h 6858000"/>
              <a:gd name="connsiteX1452" fmla="*/ 5099306 w 6858000"/>
              <a:gd name="connsiteY1452" fmla="*/ 5823954 h 6858000"/>
              <a:gd name="connsiteX1453" fmla="*/ 5099306 w 6858000"/>
              <a:gd name="connsiteY1453" fmla="*/ 5824398 h 6858000"/>
              <a:gd name="connsiteX1454" fmla="*/ 5099750 w 6858000"/>
              <a:gd name="connsiteY1454" fmla="*/ 5824398 h 6858000"/>
              <a:gd name="connsiteX1455" fmla="*/ 5099750 w 6858000"/>
              <a:gd name="connsiteY1455" fmla="*/ 5823954 h 6858000"/>
              <a:gd name="connsiteX1456" fmla="*/ 4976249 w 6858000"/>
              <a:gd name="connsiteY1456" fmla="*/ 5823954 h 6858000"/>
              <a:gd name="connsiteX1457" fmla="*/ 4976249 w 6858000"/>
              <a:gd name="connsiteY1457" fmla="*/ 5824398 h 6858000"/>
              <a:gd name="connsiteX1458" fmla="*/ 4976693 w 6858000"/>
              <a:gd name="connsiteY1458" fmla="*/ 5824398 h 6858000"/>
              <a:gd name="connsiteX1459" fmla="*/ 4976693 w 6858000"/>
              <a:gd name="connsiteY1459" fmla="*/ 5823954 h 6858000"/>
              <a:gd name="connsiteX1460" fmla="*/ 4853192 w 6858000"/>
              <a:gd name="connsiteY1460" fmla="*/ 5823954 h 6858000"/>
              <a:gd name="connsiteX1461" fmla="*/ 4853192 w 6858000"/>
              <a:gd name="connsiteY1461" fmla="*/ 5824398 h 6858000"/>
              <a:gd name="connsiteX1462" fmla="*/ 4853637 w 6858000"/>
              <a:gd name="connsiteY1462" fmla="*/ 5824398 h 6858000"/>
              <a:gd name="connsiteX1463" fmla="*/ 4853637 w 6858000"/>
              <a:gd name="connsiteY1463" fmla="*/ 5823954 h 6858000"/>
              <a:gd name="connsiteX1464" fmla="*/ 4730134 w 6858000"/>
              <a:gd name="connsiteY1464" fmla="*/ 5823954 h 6858000"/>
              <a:gd name="connsiteX1465" fmla="*/ 4730134 w 6858000"/>
              <a:gd name="connsiteY1465" fmla="*/ 5824398 h 6858000"/>
              <a:gd name="connsiteX1466" fmla="*/ 4730579 w 6858000"/>
              <a:gd name="connsiteY1466" fmla="*/ 5824398 h 6858000"/>
              <a:gd name="connsiteX1467" fmla="*/ 4730579 w 6858000"/>
              <a:gd name="connsiteY1467" fmla="*/ 5823954 h 6858000"/>
              <a:gd name="connsiteX1468" fmla="*/ 4607077 w 6858000"/>
              <a:gd name="connsiteY1468" fmla="*/ 5823954 h 6858000"/>
              <a:gd name="connsiteX1469" fmla="*/ 4607077 w 6858000"/>
              <a:gd name="connsiteY1469" fmla="*/ 5824398 h 6858000"/>
              <a:gd name="connsiteX1470" fmla="*/ 4607521 w 6858000"/>
              <a:gd name="connsiteY1470" fmla="*/ 5824398 h 6858000"/>
              <a:gd name="connsiteX1471" fmla="*/ 4607521 w 6858000"/>
              <a:gd name="connsiteY1471" fmla="*/ 5823954 h 6858000"/>
              <a:gd name="connsiteX1472" fmla="*/ 4114848 w 6858000"/>
              <a:gd name="connsiteY1472" fmla="*/ 5823954 h 6858000"/>
              <a:gd name="connsiteX1473" fmla="*/ 4114848 w 6858000"/>
              <a:gd name="connsiteY1473" fmla="*/ 5824398 h 6858000"/>
              <a:gd name="connsiteX1474" fmla="*/ 4115292 w 6858000"/>
              <a:gd name="connsiteY1474" fmla="*/ 5824398 h 6858000"/>
              <a:gd name="connsiteX1475" fmla="*/ 4115292 w 6858000"/>
              <a:gd name="connsiteY1475" fmla="*/ 5823954 h 6858000"/>
              <a:gd name="connsiteX1476" fmla="*/ 3991790 w 6858000"/>
              <a:gd name="connsiteY1476" fmla="*/ 5823954 h 6858000"/>
              <a:gd name="connsiteX1477" fmla="*/ 3991790 w 6858000"/>
              <a:gd name="connsiteY1477" fmla="*/ 5824398 h 6858000"/>
              <a:gd name="connsiteX1478" fmla="*/ 3992235 w 6858000"/>
              <a:gd name="connsiteY1478" fmla="*/ 5824398 h 6858000"/>
              <a:gd name="connsiteX1479" fmla="*/ 3992235 w 6858000"/>
              <a:gd name="connsiteY1479" fmla="*/ 5823954 h 6858000"/>
              <a:gd name="connsiteX1480" fmla="*/ 3868733 w 6858000"/>
              <a:gd name="connsiteY1480" fmla="*/ 5823954 h 6858000"/>
              <a:gd name="connsiteX1481" fmla="*/ 3868733 w 6858000"/>
              <a:gd name="connsiteY1481" fmla="*/ 5824398 h 6858000"/>
              <a:gd name="connsiteX1482" fmla="*/ 3869177 w 6858000"/>
              <a:gd name="connsiteY1482" fmla="*/ 5824398 h 6858000"/>
              <a:gd name="connsiteX1483" fmla="*/ 3869177 w 6858000"/>
              <a:gd name="connsiteY1483" fmla="*/ 5823954 h 6858000"/>
              <a:gd name="connsiteX1484" fmla="*/ 3745676 w 6858000"/>
              <a:gd name="connsiteY1484" fmla="*/ 5823954 h 6858000"/>
              <a:gd name="connsiteX1485" fmla="*/ 3745676 w 6858000"/>
              <a:gd name="connsiteY1485" fmla="*/ 5824398 h 6858000"/>
              <a:gd name="connsiteX1486" fmla="*/ 3746120 w 6858000"/>
              <a:gd name="connsiteY1486" fmla="*/ 5824398 h 6858000"/>
              <a:gd name="connsiteX1487" fmla="*/ 3746120 w 6858000"/>
              <a:gd name="connsiteY1487" fmla="*/ 5823954 h 6858000"/>
              <a:gd name="connsiteX1488" fmla="*/ 3622618 w 6858000"/>
              <a:gd name="connsiteY1488" fmla="*/ 5823954 h 6858000"/>
              <a:gd name="connsiteX1489" fmla="*/ 3622618 w 6858000"/>
              <a:gd name="connsiteY1489" fmla="*/ 5824398 h 6858000"/>
              <a:gd name="connsiteX1490" fmla="*/ 3623062 w 6858000"/>
              <a:gd name="connsiteY1490" fmla="*/ 5824398 h 6858000"/>
              <a:gd name="connsiteX1491" fmla="*/ 3623062 w 6858000"/>
              <a:gd name="connsiteY1491" fmla="*/ 5823954 h 6858000"/>
              <a:gd name="connsiteX1492" fmla="*/ 3499339 w 6858000"/>
              <a:gd name="connsiteY1492" fmla="*/ 5823732 h 6858000"/>
              <a:gd name="connsiteX1493" fmla="*/ 3499339 w 6858000"/>
              <a:gd name="connsiteY1493" fmla="*/ 5824584 h 6858000"/>
              <a:gd name="connsiteX1494" fmla="*/ 3500191 w 6858000"/>
              <a:gd name="connsiteY1494" fmla="*/ 5824584 h 6858000"/>
              <a:gd name="connsiteX1495" fmla="*/ 3500191 w 6858000"/>
              <a:gd name="connsiteY1495" fmla="*/ 5823732 h 6858000"/>
              <a:gd name="connsiteX1496" fmla="*/ 3376059 w 6858000"/>
              <a:gd name="connsiteY1496" fmla="*/ 5823510 h 6858000"/>
              <a:gd name="connsiteX1497" fmla="*/ 3376059 w 6858000"/>
              <a:gd name="connsiteY1497" fmla="*/ 5824806 h 6858000"/>
              <a:gd name="connsiteX1498" fmla="*/ 3377355 w 6858000"/>
              <a:gd name="connsiteY1498" fmla="*/ 5824806 h 6858000"/>
              <a:gd name="connsiteX1499" fmla="*/ 3377355 w 6858000"/>
              <a:gd name="connsiteY1499" fmla="*/ 5823510 h 6858000"/>
              <a:gd name="connsiteX1500" fmla="*/ 3252780 w 6858000"/>
              <a:gd name="connsiteY1500" fmla="*/ 5823287 h 6858000"/>
              <a:gd name="connsiteX1501" fmla="*/ 3252780 w 6858000"/>
              <a:gd name="connsiteY1501" fmla="*/ 5825027 h 6858000"/>
              <a:gd name="connsiteX1502" fmla="*/ 3254520 w 6858000"/>
              <a:gd name="connsiteY1502" fmla="*/ 5825027 h 6858000"/>
              <a:gd name="connsiteX1503" fmla="*/ 3254520 w 6858000"/>
              <a:gd name="connsiteY1503" fmla="*/ 5823287 h 6858000"/>
              <a:gd name="connsiteX1504" fmla="*/ 3129056 w 6858000"/>
              <a:gd name="connsiteY1504" fmla="*/ 5822658 h 6858000"/>
              <a:gd name="connsiteX1505" fmla="*/ 3129056 w 6858000"/>
              <a:gd name="connsiteY1505" fmla="*/ 5825695 h 6858000"/>
              <a:gd name="connsiteX1506" fmla="*/ 3132093 w 6858000"/>
              <a:gd name="connsiteY1506" fmla="*/ 5825695 h 6858000"/>
              <a:gd name="connsiteX1507" fmla="*/ 3132093 w 6858000"/>
              <a:gd name="connsiteY1507" fmla="*/ 5822658 h 6858000"/>
              <a:gd name="connsiteX1508" fmla="*/ 3005554 w 6858000"/>
              <a:gd name="connsiteY1508" fmla="*/ 5822214 h 6858000"/>
              <a:gd name="connsiteX1509" fmla="*/ 3005554 w 6858000"/>
              <a:gd name="connsiteY1509" fmla="*/ 5826140 h 6858000"/>
              <a:gd name="connsiteX1510" fmla="*/ 3009479 w 6858000"/>
              <a:gd name="connsiteY1510" fmla="*/ 5826140 h 6858000"/>
              <a:gd name="connsiteX1511" fmla="*/ 3009479 w 6858000"/>
              <a:gd name="connsiteY1511" fmla="*/ 5822214 h 6858000"/>
              <a:gd name="connsiteX1512" fmla="*/ 2881645 w 6858000"/>
              <a:gd name="connsiteY1512" fmla="*/ 5821362 h 6858000"/>
              <a:gd name="connsiteX1513" fmla="*/ 2881645 w 6858000"/>
              <a:gd name="connsiteY1513" fmla="*/ 5826991 h 6858000"/>
              <a:gd name="connsiteX1514" fmla="*/ 2887274 w 6858000"/>
              <a:gd name="connsiteY1514" fmla="*/ 5826991 h 6858000"/>
              <a:gd name="connsiteX1515" fmla="*/ 2887274 w 6858000"/>
              <a:gd name="connsiteY1515" fmla="*/ 5821362 h 6858000"/>
              <a:gd name="connsiteX1516" fmla="*/ 2757255 w 6858000"/>
              <a:gd name="connsiteY1516" fmla="*/ 5820029 h 6858000"/>
              <a:gd name="connsiteX1517" fmla="*/ 2757255 w 6858000"/>
              <a:gd name="connsiteY1517" fmla="*/ 5828287 h 6858000"/>
              <a:gd name="connsiteX1518" fmla="*/ 2765513 w 6858000"/>
              <a:gd name="connsiteY1518" fmla="*/ 5828287 h 6858000"/>
              <a:gd name="connsiteX1519" fmla="*/ 2765513 w 6858000"/>
              <a:gd name="connsiteY1519" fmla="*/ 5820029 h 6858000"/>
              <a:gd name="connsiteX1520" fmla="*/ 2632457 w 6858000"/>
              <a:gd name="connsiteY1520" fmla="*/ 5818288 h 6858000"/>
              <a:gd name="connsiteX1521" fmla="*/ 2632457 w 6858000"/>
              <a:gd name="connsiteY1521" fmla="*/ 5830027 h 6858000"/>
              <a:gd name="connsiteX1522" fmla="*/ 2644196 w 6858000"/>
              <a:gd name="connsiteY1522" fmla="*/ 5830027 h 6858000"/>
              <a:gd name="connsiteX1523" fmla="*/ 2644196 w 6858000"/>
              <a:gd name="connsiteY1523" fmla="*/ 5818288 h 6858000"/>
              <a:gd name="connsiteX1524" fmla="*/ 2507474 w 6858000"/>
              <a:gd name="connsiteY1524" fmla="*/ 5816362 h 6858000"/>
              <a:gd name="connsiteX1525" fmla="*/ 2507474 w 6858000"/>
              <a:gd name="connsiteY1525" fmla="*/ 5831989 h 6858000"/>
              <a:gd name="connsiteX1526" fmla="*/ 2523101 w 6858000"/>
              <a:gd name="connsiteY1526" fmla="*/ 5831989 h 6858000"/>
              <a:gd name="connsiteX1527" fmla="*/ 2523101 w 6858000"/>
              <a:gd name="connsiteY1527" fmla="*/ 5816362 h 6858000"/>
              <a:gd name="connsiteX1528" fmla="*/ 2381787 w 6858000"/>
              <a:gd name="connsiteY1528" fmla="*/ 5813733 h 6858000"/>
              <a:gd name="connsiteX1529" fmla="*/ 2381787 w 6858000"/>
              <a:gd name="connsiteY1529" fmla="*/ 5834582 h 6858000"/>
              <a:gd name="connsiteX1530" fmla="*/ 2402636 w 6858000"/>
              <a:gd name="connsiteY1530" fmla="*/ 5834582 h 6858000"/>
              <a:gd name="connsiteX1531" fmla="*/ 2402636 w 6858000"/>
              <a:gd name="connsiteY1531" fmla="*/ 5813733 h 6858000"/>
              <a:gd name="connsiteX1532" fmla="*/ 2255916 w 6858000"/>
              <a:gd name="connsiteY1532" fmla="*/ 5810919 h 6858000"/>
              <a:gd name="connsiteX1533" fmla="*/ 2255916 w 6858000"/>
              <a:gd name="connsiteY1533" fmla="*/ 5837397 h 6858000"/>
              <a:gd name="connsiteX1534" fmla="*/ 2282394 w 6858000"/>
              <a:gd name="connsiteY1534" fmla="*/ 5837397 h 6858000"/>
              <a:gd name="connsiteX1535" fmla="*/ 2282394 w 6858000"/>
              <a:gd name="connsiteY1535" fmla="*/ 5810919 h 6858000"/>
              <a:gd name="connsiteX1536" fmla="*/ 2129600 w 6858000"/>
              <a:gd name="connsiteY1536" fmla="*/ 5807660 h 6858000"/>
              <a:gd name="connsiteX1537" fmla="*/ 2129600 w 6858000"/>
              <a:gd name="connsiteY1537" fmla="*/ 5840656 h 6858000"/>
              <a:gd name="connsiteX1538" fmla="*/ 2162595 w 6858000"/>
              <a:gd name="connsiteY1538" fmla="*/ 5840656 h 6858000"/>
              <a:gd name="connsiteX1539" fmla="*/ 2162595 w 6858000"/>
              <a:gd name="connsiteY1539" fmla="*/ 5807660 h 6858000"/>
              <a:gd name="connsiteX1540" fmla="*/ 2003061 w 6858000"/>
              <a:gd name="connsiteY1540" fmla="*/ 5804179 h 6858000"/>
              <a:gd name="connsiteX1541" fmla="*/ 2003061 w 6858000"/>
              <a:gd name="connsiteY1541" fmla="*/ 5844137 h 6858000"/>
              <a:gd name="connsiteX1542" fmla="*/ 2043019 w 6858000"/>
              <a:gd name="connsiteY1542" fmla="*/ 5844137 h 6858000"/>
              <a:gd name="connsiteX1543" fmla="*/ 2043019 w 6858000"/>
              <a:gd name="connsiteY1543" fmla="*/ 5804179 h 6858000"/>
              <a:gd name="connsiteX1544" fmla="*/ 1876523 w 6858000"/>
              <a:gd name="connsiteY1544" fmla="*/ 5800698 h 6858000"/>
              <a:gd name="connsiteX1545" fmla="*/ 1876523 w 6858000"/>
              <a:gd name="connsiteY1545" fmla="*/ 5847618 h 6858000"/>
              <a:gd name="connsiteX1546" fmla="*/ 1923443 w 6858000"/>
              <a:gd name="connsiteY1546" fmla="*/ 5847618 h 6858000"/>
              <a:gd name="connsiteX1547" fmla="*/ 1923443 w 6858000"/>
              <a:gd name="connsiteY1547" fmla="*/ 5800698 h 6858000"/>
              <a:gd name="connsiteX1548" fmla="*/ 1749762 w 6858000"/>
              <a:gd name="connsiteY1548" fmla="*/ 5797032 h 6858000"/>
              <a:gd name="connsiteX1549" fmla="*/ 1749762 w 6858000"/>
              <a:gd name="connsiteY1549" fmla="*/ 5851321 h 6858000"/>
              <a:gd name="connsiteX1550" fmla="*/ 1804051 w 6858000"/>
              <a:gd name="connsiteY1550" fmla="*/ 5851321 h 6858000"/>
              <a:gd name="connsiteX1551" fmla="*/ 1804051 w 6858000"/>
              <a:gd name="connsiteY1551" fmla="*/ 5797032 h 6858000"/>
              <a:gd name="connsiteX1552" fmla="*/ 1622817 w 6858000"/>
              <a:gd name="connsiteY1552" fmla="*/ 5793106 h 6858000"/>
              <a:gd name="connsiteX1553" fmla="*/ 1622817 w 6858000"/>
              <a:gd name="connsiteY1553" fmla="*/ 5855209 h 6858000"/>
              <a:gd name="connsiteX1554" fmla="*/ 1684920 w 6858000"/>
              <a:gd name="connsiteY1554" fmla="*/ 5855209 h 6858000"/>
              <a:gd name="connsiteX1555" fmla="*/ 1684920 w 6858000"/>
              <a:gd name="connsiteY1555" fmla="*/ 5793106 h 6858000"/>
              <a:gd name="connsiteX1556" fmla="*/ 1496056 w 6858000"/>
              <a:gd name="connsiteY1556" fmla="*/ 5789440 h 6858000"/>
              <a:gd name="connsiteX1557" fmla="*/ 1496056 w 6858000"/>
              <a:gd name="connsiteY1557" fmla="*/ 5858949 h 6858000"/>
              <a:gd name="connsiteX1558" fmla="*/ 1565565 w 6858000"/>
              <a:gd name="connsiteY1558" fmla="*/ 5858949 h 6858000"/>
              <a:gd name="connsiteX1559" fmla="*/ 1565565 w 6858000"/>
              <a:gd name="connsiteY1559" fmla="*/ 5789440 h 6858000"/>
              <a:gd name="connsiteX1560" fmla="*/ 1369518 w 6858000"/>
              <a:gd name="connsiteY1560" fmla="*/ 5785959 h 6858000"/>
              <a:gd name="connsiteX1561" fmla="*/ 1369518 w 6858000"/>
              <a:gd name="connsiteY1561" fmla="*/ 5862393 h 6858000"/>
              <a:gd name="connsiteX1562" fmla="*/ 1445952 w 6858000"/>
              <a:gd name="connsiteY1562" fmla="*/ 5862393 h 6858000"/>
              <a:gd name="connsiteX1563" fmla="*/ 1445952 w 6858000"/>
              <a:gd name="connsiteY1563" fmla="*/ 5785959 h 6858000"/>
              <a:gd name="connsiteX1564" fmla="*/ 1242979 w 6858000"/>
              <a:gd name="connsiteY1564" fmla="*/ 5782478 h 6858000"/>
              <a:gd name="connsiteX1565" fmla="*/ 1242979 w 6858000"/>
              <a:gd name="connsiteY1565" fmla="*/ 5865874 h 6858000"/>
              <a:gd name="connsiteX1566" fmla="*/ 1326375 w 6858000"/>
              <a:gd name="connsiteY1566" fmla="*/ 5865874 h 6858000"/>
              <a:gd name="connsiteX1567" fmla="*/ 1326375 w 6858000"/>
              <a:gd name="connsiteY1567" fmla="*/ 5782478 h 6858000"/>
              <a:gd name="connsiteX1568" fmla="*/ 1116663 w 6858000"/>
              <a:gd name="connsiteY1568" fmla="*/ 5779219 h 6858000"/>
              <a:gd name="connsiteX1569" fmla="*/ 1116663 w 6858000"/>
              <a:gd name="connsiteY1569" fmla="*/ 5869133 h 6858000"/>
              <a:gd name="connsiteX1570" fmla="*/ 1206577 w 6858000"/>
              <a:gd name="connsiteY1570" fmla="*/ 5869133 h 6858000"/>
              <a:gd name="connsiteX1571" fmla="*/ 1206577 w 6858000"/>
              <a:gd name="connsiteY1571" fmla="*/ 5779219 h 6858000"/>
              <a:gd name="connsiteX1572" fmla="*/ 990569 w 6858000"/>
              <a:gd name="connsiteY1572" fmla="*/ 5776183 h 6858000"/>
              <a:gd name="connsiteX1573" fmla="*/ 990569 w 6858000"/>
              <a:gd name="connsiteY1573" fmla="*/ 5872170 h 6858000"/>
              <a:gd name="connsiteX1574" fmla="*/ 1086556 w 6858000"/>
              <a:gd name="connsiteY1574" fmla="*/ 5872170 h 6858000"/>
              <a:gd name="connsiteX1575" fmla="*/ 1086556 w 6858000"/>
              <a:gd name="connsiteY1575" fmla="*/ 5776183 h 6858000"/>
              <a:gd name="connsiteX1576" fmla="*/ 865105 w 6858000"/>
              <a:gd name="connsiteY1576" fmla="*/ 5773776 h 6858000"/>
              <a:gd name="connsiteX1577" fmla="*/ 865105 w 6858000"/>
              <a:gd name="connsiteY1577" fmla="*/ 5874540 h 6858000"/>
              <a:gd name="connsiteX1578" fmla="*/ 965869 w 6858000"/>
              <a:gd name="connsiteY1578" fmla="*/ 5874540 h 6858000"/>
              <a:gd name="connsiteX1579" fmla="*/ 965869 w 6858000"/>
              <a:gd name="connsiteY1579" fmla="*/ 5773776 h 6858000"/>
              <a:gd name="connsiteX1580" fmla="*/ 740307 w 6858000"/>
              <a:gd name="connsiteY1580" fmla="*/ 5772035 h 6858000"/>
              <a:gd name="connsiteX1581" fmla="*/ 740307 w 6858000"/>
              <a:gd name="connsiteY1581" fmla="*/ 5876280 h 6858000"/>
              <a:gd name="connsiteX1582" fmla="*/ 844552 w 6858000"/>
              <a:gd name="connsiteY1582" fmla="*/ 5876280 h 6858000"/>
              <a:gd name="connsiteX1583" fmla="*/ 844552 w 6858000"/>
              <a:gd name="connsiteY1583" fmla="*/ 5772035 h 6858000"/>
              <a:gd name="connsiteX1584" fmla="*/ 615509 w 6858000"/>
              <a:gd name="connsiteY1584" fmla="*/ 5770295 h 6858000"/>
              <a:gd name="connsiteX1585" fmla="*/ 615509 w 6858000"/>
              <a:gd name="connsiteY1585" fmla="*/ 5878021 h 6858000"/>
              <a:gd name="connsiteX1586" fmla="*/ 723235 w 6858000"/>
              <a:gd name="connsiteY1586" fmla="*/ 5878021 h 6858000"/>
              <a:gd name="connsiteX1587" fmla="*/ 723235 w 6858000"/>
              <a:gd name="connsiteY1587" fmla="*/ 5770295 h 6858000"/>
              <a:gd name="connsiteX1588" fmla="*/ 1 w 6858000"/>
              <a:gd name="connsiteY1588" fmla="*/ 5770110 h 6858000"/>
              <a:gd name="connsiteX1589" fmla="*/ 1 w 6858000"/>
              <a:gd name="connsiteY1589" fmla="*/ 5878243 h 6858000"/>
              <a:gd name="connsiteX1590" fmla="*/ 108134 w 6858000"/>
              <a:gd name="connsiteY1590" fmla="*/ 5878243 h 6858000"/>
              <a:gd name="connsiteX1591" fmla="*/ 108134 w 6858000"/>
              <a:gd name="connsiteY1591" fmla="*/ 5770110 h 6858000"/>
              <a:gd name="connsiteX1592" fmla="*/ 491822 w 6858000"/>
              <a:gd name="connsiteY1592" fmla="*/ 5769665 h 6858000"/>
              <a:gd name="connsiteX1593" fmla="*/ 491822 w 6858000"/>
              <a:gd name="connsiteY1593" fmla="*/ 5878687 h 6858000"/>
              <a:gd name="connsiteX1594" fmla="*/ 600844 w 6858000"/>
              <a:gd name="connsiteY1594" fmla="*/ 5878687 h 6858000"/>
              <a:gd name="connsiteX1595" fmla="*/ 600844 w 6858000"/>
              <a:gd name="connsiteY1595" fmla="*/ 5769665 h 6858000"/>
              <a:gd name="connsiteX1596" fmla="*/ 368099 w 6858000"/>
              <a:gd name="connsiteY1596" fmla="*/ 5768999 h 6858000"/>
              <a:gd name="connsiteX1597" fmla="*/ 368099 w 6858000"/>
              <a:gd name="connsiteY1597" fmla="*/ 5879318 h 6858000"/>
              <a:gd name="connsiteX1598" fmla="*/ 478417 w 6858000"/>
              <a:gd name="connsiteY1598" fmla="*/ 5879318 h 6858000"/>
              <a:gd name="connsiteX1599" fmla="*/ 478417 w 6858000"/>
              <a:gd name="connsiteY1599" fmla="*/ 5768999 h 6858000"/>
              <a:gd name="connsiteX1600" fmla="*/ 244819 w 6858000"/>
              <a:gd name="connsiteY1600" fmla="*/ 5768776 h 6858000"/>
              <a:gd name="connsiteX1601" fmla="*/ 244819 w 6858000"/>
              <a:gd name="connsiteY1601" fmla="*/ 5879539 h 6858000"/>
              <a:gd name="connsiteX1602" fmla="*/ 355582 w 6858000"/>
              <a:gd name="connsiteY1602" fmla="*/ 5879539 h 6858000"/>
              <a:gd name="connsiteX1603" fmla="*/ 355582 w 6858000"/>
              <a:gd name="connsiteY1603" fmla="*/ 5768776 h 6858000"/>
              <a:gd name="connsiteX1604" fmla="*/ 121762 w 6858000"/>
              <a:gd name="connsiteY1604" fmla="*/ 5768776 h 6858000"/>
              <a:gd name="connsiteX1605" fmla="*/ 121762 w 6858000"/>
              <a:gd name="connsiteY1605" fmla="*/ 5879539 h 6858000"/>
              <a:gd name="connsiteX1606" fmla="*/ 232525 w 6858000"/>
              <a:gd name="connsiteY1606" fmla="*/ 5879539 h 6858000"/>
              <a:gd name="connsiteX1607" fmla="*/ 232525 w 6858000"/>
              <a:gd name="connsiteY1607" fmla="*/ 5768776 h 6858000"/>
              <a:gd name="connsiteX1608" fmla="*/ 5714630 w 6858000"/>
              <a:gd name="connsiteY1608" fmla="*/ 5700897 h 6858000"/>
              <a:gd name="connsiteX1609" fmla="*/ 5714630 w 6858000"/>
              <a:gd name="connsiteY1609" fmla="*/ 5701342 h 6858000"/>
              <a:gd name="connsiteX1610" fmla="*/ 5715074 w 6858000"/>
              <a:gd name="connsiteY1610" fmla="*/ 5701342 h 6858000"/>
              <a:gd name="connsiteX1611" fmla="*/ 5715074 w 6858000"/>
              <a:gd name="connsiteY1611" fmla="*/ 5700897 h 6858000"/>
              <a:gd name="connsiteX1612" fmla="*/ 5591573 w 6858000"/>
              <a:gd name="connsiteY1612" fmla="*/ 5700897 h 6858000"/>
              <a:gd name="connsiteX1613" fmla="*/ 5591573 w 6858000"/>
              <a:gd name="connsiteY1613" fmla="*/ 5701342 h 6858000"/>
              <a:gd name="connsiteX1614" fmla="*/ 5592018 w 6858000"/>
              <a:gd name="connsiteY1614" fmla="*/ 5701342 h 6858000"/>
              <a:gd name="connsiteX1615" fmla="*/ 5592018 w 6858000"/>
              <a:gd name="connsiteY1615" fmla="*/ 5700897 h 6858000"/>
              <a:gd name="connsiteX1616" fmla="*/ 5468515 w 6858000"/>
              <a:gd name="connsiteY1616" fmla="*/ 5700897 h 6858000"/>
              <a:gd name="connsiteX1617" fmla="*/ 5468515 w 6858000"/>
              <a:gd name="connsiteY1617" fmla="*/ 5701342 h 6858000"/>
              <a:gd name="connsiteX1618" fmla="*/ 5468959 w 6858000"/>
              <a:gd name="connsiteY1618" fmla="*/ 5701342 h 6858000"/>
              <a:gd name="connsiteX1619" fmla="*/ 5468959 w 6858000"/>
              <a:gd name="connsiteY1619" fmla="*/ 5700897 h 6858000"/>
              <a:gd name="connsiteX1620" fmla="*/ 5222401 w 6858000"/>
              <a:gd name="connsiteY1620" fmla="*/ 5700897 h 6858000"/>
              <a:gd name="connsiteX1621" fmla="*/ 5222401 w 6858000"/>
              <a:gd name="connsiteY1621" fmla="*/ 5701342 h 6858000"/>
              <a:gd name="connsiteX1622" fmla="*/ 5222845 w 6858000"/>
              <a:gd name="connsiteY1622" fmla="*/ 5701342 h 6858000"/>
              <a:gd name="connsiteX1623" fmla="*/ 5222845 w 6858000"/>
              <a:gd name="connsiteY1623" fmla="*/ 5700897 h 6858000"/>
              <a:gd name="connsiteX1624" fmla="*/ 5099306 w 6858000"/>
              <a:gd name="connsiteY1624" fmla="*/ 5700897 h 6858000"/>
              <a:gd name="connsiteX1625" fmla="*/ 5099306 w 6858000"/>
              <a:gd name="connsiteY1625" fmla="*/ 5701342 h 6858000"/>
              <a:gd name="connsiteX1626" fmla="*/ 5099750 w 6858000"/>
              <a:gd name="connsiteY1626" fmla="*/ 5701342 h 6858000"/>
              <a:gd name="connsiteX1627" fmla="*/ 5099750 w 6858000"/>
              <a:gd name="connsiteY1627" fmla="*/ 5700897 h 6858000"/>
              <a:gd name="connsiteX1628" fmla="*/ 4976249 w 6858000"/>
              <a:gd name="connsiteY1628" fmla="*/ 5700897 h 6858000"/>
              <a:gd name="connsiteX1629" fmla="*/ 4976249 w 6858000"/>
              <a:gd name="connsiteY1629" fmla="*/ 5701342 h 6858000"/>
              <a:gd name="connsiteX1630" fmla="*/ 4976693 w 6858000"/>
              <a:gd name="connsiteY1630" fmla="*/ 5701342 h 6858000"/>
              <a:gd name="connsiteX1631" fmla="*/ 4976693 w 6858000"/>
              <a:gd name="connsiteY1631" fmla="*/ 5700897 h 6858000"/>
              <a:gd name="connsiteX1632" fmla="*/ 4853192 w 6858000"/>
              <a:gd name="connsiteY1632" fmla="*/ 5700897 h 6858000"/>
              <a:gd name="connsiteX1633" fmla="*/ 4853192 w 6858000"/>
              <a:gd name="connsiteY1633" fmla="*/ 5701342 h 6858000"/>
              <a:gd name="connsiteX1634" fmla="*/ 4853637 w 6858000"/>
              <a:gd name="connsiteY1634" fmla="*/ 5701342 h 6858000"/>
              <a:gd name="connsiteX1635" fmla="*/ 4853637 w 6858000"/>
              <a:gd name="connsiteY1635" fmla="*/ 5700897 h 6858000"/>
              <a:gd name="connsiteX1636" fmla="*/ 4730134 w 6858000"/>
              <a:gd name="connsiteY1636" fmla="*/ 5700897 h 6858000"/>
              <a:gd name="connsiteX1637" fmla="*/ 4730134 w 6858000"/>
              <a:gd name="connsiteY1637" fmla="*/ 5701342 h 6858000"/>
              <a:gd name="connsiteX1638" fmla="*/ 4730579 w 6858000"/>
              <a:gd name="connsiteY1638" fmla="*/ 5701342 h 6858000"/>
              <a:gd name="connsiteX1639" fmla="*/ 4730579 w 6858000"/>
              <a:gd name="connsiteY1639" fmla="*/ 5700897 h 6858000"/>
              <a:gd name="connsiteX1640" fmla="*/ 3991790 w 6858000"/>
              <a:gd name="connsiteY1640" fmla="*/ 5700897 h 6858000"/>
              <a:gd name="connsiteX1641" fmla="*/ 3991790 w 6858000"/>
              <a:gd name="connsiteY1641" fmla="*/ 5701342 h 6858000"/>
              <a:gd name="connsiteX1642" fmla="*/ 3992235 w 6858000"/>
              <a:gd name="connsiteY1642" fmla="*/ 5701342 h 6858000"/>
              <a:gd name="connsiteX1643" fmla="*/ 3992235 w 6858000"/>
              <a:gd name="connsiteY1643" fmla="*/ 5700897 h 6858000"/>
              <a:gd name="connsiteX1644" fmla="*/ 3868733 w 6858000"/>
              <a:gd name="connsiteY1644" fmla="*/ 5700897 h 6858000"/>
              <a:gd name="connsiteX1645" fmla="*/ 3868733 w 6858000"/>
              <a:gd name="connsiteY1645" fmla="*/ 5701342 h 6858000"/>
              <a:gd name="connsiteX1646" fmla="*/ 3869177 w 6858000"/>
              <a:gd name="connsiteY1646" fmla="*/ 5701342 h 6858000"/>
              <a:gd name="connsiteX1647" fmla="*/ 3869177 w 6858000"/>
              <a:gd name="connsiteY1647" fmla="*/ 5700897 h 6858000"/>
              <a:gd name="connsiteX1648" fmla="*/ 3745676 w 6858000"/>
              <a:gd name="connsiteY1648" fmla="*/ 5700897 h 6858000"/>
              <a:gd name="connsiteX1649" fmla="*/ 3745676 w 6858000"/>
              <a:gd name="connsiteY1649" fmla="*/ 5701342 h 6858000"/>
              <a:gd name="connsiteX1650" fmla="*/ 3746120 w 6858000"/>
              <a:gd name="connsiteY1650" fmla="*/ 5701342 h 6858000"/>
              <a:gd name="connsiteX1651" fmla="*/ 3746120 w 6858000"/>
              <a:gd name="connsiteY1651" fmla="*/ 5700897 h 6858000"/>
              <a:gd name="connsiteX1652" fmla="*/ 3622618 w 6858000"/>
              <a:gd name="connsiteY1652" fmla="*/ 5700897 h 6858000"/>
              <a:gd name="connsiteX1653" fmla="*/ 3622618 w 6858000"/>
              <a:gd name="connsiteY1653" fmla="*/ 5701342 h 6858000"/>
              <a:gd name="connsiteX1654" fmla="*/ 3623062 w 6858000"/>
              <a:gd name="connsiteY1654" fmla="*/ 5701342 h 6858000"/>
              <a:gd name="connsiteX1655" fmla="*/ 3623062 w 6858000"/>
              <a:gd name="connsiteY1655" fmla="*/ 5700897 h 6858000"/>
              <a:gd name="connsiteX1656" fmla="*/ 3499524 w 6858000"/>
              <a:gd name="connsiteY1656" fmla="*/ 5700897 h 6858000"/>
              <a:gd name="connsiteX1657" fmla="*/ 3499524 w 6858000"/>
              <a:gd name="connsiteY1657" fmla="*/ 5701342 h 6858000"/>
              <a:gd name="connsiteX1658" fmla="*/ 3499968 w 6858000"/>
              <a:gd name="connsiteY1658" fmla="*/ 5701342 h 6858000"/>
              <a:gd name="connsiteX1659" fmla="*/ 3499968 w 6858000"/>
              <a:gd name="connsiteY1659" fmla="*/ 5700897 h 6858000"/>
              <a:gd name="connsiteX1660" fmla="*/ 3376282 w 6858000"/>
              <a:gd name="connsiteY1660" fmla="*/ 5700675 h 6858000"/>
              <a:gd name="connsiteX1661" fmla="*/ 3376282 w 6858000"/>
              <a:gd name="connsiteY1661" fmla="*/ 5701527 h 6858000"/>
              <a:gd name="connsiteX1662" fmla="*/ 3377134 w 6858000"/>
              <a:gd name="connsiteY1662" fmla="*/ 5701527 h 6858000"/>
              <a:gd name="connsiteX1663" fmla="*/ 3377134 w 6858000"/>
              <a:gd name="connsiteY1663" fmla="*/ 5700675 h 6858000"/>
              <a:gd name="connsiteX1664" fmla="*/ 3253002 w 6858000"/>
              <a:gd name="connsiteY1664" fmla="*/ 5700452 h 6858000"/>
              <a:gd name="connsiteX1665" fmla="*/ 3253002 w 6858000"/>
              <a:gd name="connsiteY1665" fmla="*/ 5701748 h 6858000"/>
              <a:gd name="connsiteX1666" fmla="*/ 3254298 w 6858000"/>
              <a:gd name="connsiteY1666" fmla="*/ 5701748 h 6858000"/>
              <a:gd name="connsiteX1667" fmla="*/ 3254298 w 6858000"/>
              <a:gd name="connsiteY1667" fmla="*/ 5700452 h 6858000"/>
              <a:gd name="connsiteX1668" fmla="*/ 3129723 w 6858000"/>
              <a:gd name="connsiteY1668" fmla="*/ 5700230 h 6858000"/>
              <a:gd name="connsiteX1669" fmla="*/ 3129723 w 6858000"/>
              <a:gd name="connsiteY1669" fmla="*/ 5701970 h 6858000"/>
              <a:gd name="connsiteX1670" fmla="*/ 3131463 w 6858000"/>
              <a:gd name="connsiteY1670" fmla="*/ 5701970 h 6858000"/>
              <a:gd name="connsiteX1671" fmla="*/ 3131463 w 6858000"/>
              <a:gd name="connsiteY1671" fmla="*/ 5700230 h 6858000"/>
              <a:gd name="connsiteX1672" fmla="*/ 3005999 w 6858000"/>
              <a:gd name="connsiteY1672" fmla="*/ 5699601 h 6858000"/>
              <a:gd name="connsiteX1673" fmla="*/ 3005999 w 6858000"/>
              <a:gd name="connsiteY1673" fmla="*/ 5702637 h 6858000"/>
              <a:gd name="connsiteX1674" fmla="*/ 3009036 w 6858000"/>
              <a:gd name="connsiteY1674" fmla="*/ 5702637 h 6858000"/>
              <a:gd name="connsiteX1675" fmla="*/ 3009036 w 6858000"/>
              <a:gd name="connsiteY1675" fmla="*/ 5699601 h 6858000"/>
              <a:gd name="connsiteX1676" fmla="*/ 2882275 w 6858000"/>
              <a:gd name="connsiteY1676" fmla="*/ 5698934 h 6858000"/>
              <a:gd name="connsiteX1677" fmla="*/ 2882275 w 6858000"/>
              <a:gd name="connsiteY1677" fmla="*/ 5703267 h 6858000"/>
              <a:gd name="connsiteX1678" fmla="*/ 2886608 w 6858000"/>
              <a:gd name="connsiteY1678" fmla="*/ 5703267 h 6858000"/>
              <a:gd name="connsiteX1679" fmla="*/ 2886608 w 6858000"/>
              <a:gd name="connsiteY1679" fmla="*/ 5698934 h 6858000"/>
              <a:gd name="connsiteX1680" fmla="*/ 2758144 w 6858000"/>
              <a:gd name="connsiteY1680" fmla="*/ 5697860 h 6858000"/>
              <a:gd name="connsiteX1681" fmla="*/ 2758144 w 6858000"/>
              <a:gd name="connsiteY1681" fmla="*/ 5704378 h 6858000"/>
              <a:gd name="connsiteX1682" fmla="*/ 2764662 w 6858000"/>
              <a:gd name="connsiteY1682" fmla="*/ 5704378 h 6858000"/>
              <a:gd name="connsiteX1683" fmla="*/ 2764662 w 6858000"/>
              <a:gd name="connsiteY1683" fmla="*/ 5697860 h 6858000"/>
              <a:gd name="connsiteX1684" fmla="*/ 2633568 w 6858000"/>
              <a:gd name="connsiteY1684" fmla="*/ 5696342 h 6858000"/>
              <a:gd name="connsiteX1685" fmla="*/ 2633568 w 6858000"/>
              <a:gd name="connsiteY1685" fmla="*/ 5705896 h 6858000"/>
              <a:gd name="connsiteX1686" fmla="*/ 2643122 w 6858000"/>
              <a:gd name="connsiteY1686" fmla="*/ 5705896 h 6858000"/>
              <a:gd name="connsiteX1687" fmla="*/ 2643122 w 6858000"/>
              <a:gd name="connsiteY1687" fmla="*/ 5696342 h 6858000"/>
              <a:gd name="connsiteX1688" fmla="*/ 2508548 w 6858000"/>
              <a:gd name="connsiteY1688" fmla="*/ 5694379 h 6858000"/>
              <a:gd name="connsiteX1689" fmla="*/ 2508548 w 6858000"/>
              <a:gd name="connsiteY1689" fmla="*/ 5707859 h 6858000"/>
              <a:gd name="connsiteX1690" fmla="*/ 2522028 w 6858000"/>
              <a:gd name="connsiteY1690" fmla="*/ 5707859 h 6858000"/>
              <a:gd name="connsiteX1691" fmla="*/ 2522028 w 6858000"/>
              <a:gd name="connsiteY1691" fmla="*/ 5694379 h 6858000"/>
              <a:gd name="connsiteX1692" fmla="*/ 2382676 w 6858000"/>
              <a:gd name="connsiteY1692" fmla="*/ 5691565 h 6858000"/>
              <a:gd name="connsiteX1693" fmla="*/ 2382676 w 6858000"/>
              <a:gd name="connsiteY1693" fmla="*/ 5710674 h 6858000"/>
              <a:gd name="connsiteX1694" fmla="*/ 2401784 w 6858000"/>
              <a:gd name="connsiteY1694" fmla="*/ 5710674 h 6858000"/>
              <a:gd name="connsiteX1695" fmla="*/ 2401784 w 6858000"/>
              <a:gd name="connsiteY1695" fmla="*/ 5691565 h 6858000"/>
              <a:gd name="connsiteX1696" fmla="*/ 2256767 w 6858000"/>
              <a:gd name="connsiteY1696" fmla="*/ 5688713 h 6858000"/>
              <a:gd name="connsiteX1697" fmla="*/ 2256767 w 6858000"/>
              <a:gd name="connsiteY1697" fmla="*/ 5713487 h 6858000"/>
              <a:gd name="connsiteX1698" fmla="*/ 2281541 w 6858000"/>
              <a:gd name="connsiteY1698" fmla="*/ 5713487 h 6858000"/>
              <a:gd name="connsiteX1699" fmla="*/ 2281541 w 6858000"/>
              <a:gd name="connsiteY1699" fmla="*/ 5688713 h 6858000"/>
              <a:gd name="connsiteX1700" fmla="*/ 2130229 w 6858000"/>
              <a:gd name="connsiteY1700" fmla="*/ 5685269 h 6858000"/>
              <a:gd name="connsiteX1701" fmla="*/ 2130229 w 6858000"/>
              <a:gd name="connsiteY1701" fmla="*/ 5716968 h 6858000"/>
              <a:gd name="connsiteX1702" fmla="*/ 2161928 w 6858000"/>
              <a:gd name="connsiteY1702" fmla="*/ 5716968 h 6858000"/>
              <a:gd name="connsiteX1703" fmla="*/ 2161928 w 6858000"/>
              <a:gd name="connsiteY1703" fmla="*/ 5685269 h 6858000"/>
              <a:gd name="connsiteX1704" fmla="*/ 2003913 w 6858000"/>
              <a:gd name="connsiteY1704" fmla="*/ 5682010 h 6858000"/>
              <a:gd name="connsiteX1705" fmla="*/ 2003913 w 6858000"/>
              <a:gd name="connsiteY1705" fmla="*/ 5720227 h 6858000"/>
              <a:gd name="connsiteX1706" fmla="*/ 2042130 w 6858000"/>
              <a:gd name="connsiteY1706" fmla="*/ 5720227 h 6858000"/>
              <a:gd name="connsiteX1707" fmla="*/ 2042130 w 6858000"/>
              <a:gd name="connsiteY1707" fmla="*/ 5682010 h 6858000"/>
              <a:gd name="connsiteX1708" fmla="*/ 1876967 w 6858000"/>
              <a:gd name="connsiteY1708" fmla="*/ 5678085 h 6858000"/>
              <a:gd name="connsiteX1709" fmla="*/ 1876967 w 6858000"/>
              <a:gd name="connsiteY1709" fmla="*/ 5724116 h 6858000"/>
              <a:gd name="connsiteX1710" fmla="*/ 1922998 w 6858000"/>
              <a:gd name="connsiteY1710" fmla="*/ 5724116 h 6858000"/>
              <a:gd name="connsiteX1711" fmla="*/ 1922998 w 6858000"/>
              <a:gd name="connsiteY1711" fmla="*/ 5678085 h 6858000"/>
              <a:gd name="connsiteX1712" fmla="*/ 1750207 w 6858000"/>
              <a:gd name="connsiteY1712" fmla="*/ 5674382 h 6858000"/>
              <a:gd name="connsiteX1713" fmla="*/ 1750207 w 6858000"/>
              <a:gd name="connsiteY1713" fmla="*/ 5727819 h 6858000"/>
              <a:gd name="connsiteX1714" fmla="*/ 1803644 w 6858000"/>
              <a:gd name="connsiteY1714" fmla="*/ 5727819 h 6858000"/>
              <a:gd name="connsiteX1715" fmla="*/ 1803644 w 6858000"/>
              <a:gd name="connsiteY1715" fmla="*/ 5674382 h 6858000"/>
              <a:gd name="connsiteX1716" fmla="*/ 1623224 w 6858000"/>
              <a:gd name="connsiteY1716" fmla="*/ 5670493 h 6858000"/>
              <a:gd name="connsiteX1717" fmla="*/ 1623224 w 6858000"/>
              <a:gd name="connsiteY1717" fmla="*/ 5731744 h 6858000"/>
              <a:gd name="connsiteX1718" fmla="*/ 1684475 w 6858000"/>
              <a:gd name="connsiteY1718" fmla="*/ 5731744 h 6858000"/>
              <a:gd name="connsiteX1719" fmla="*/ 1684475 w 6858000"/>
              <a:gd name="connsiteY1719" fmla="*/ 5670493 h 6858000"/>
              <a:gd name="connsiteX1720" fmla="*/ 1496500 w 6858000"/>
              <a:gd name="connsiteY1720" fmla="*/ 5666790 h 6858000"/>
              <a:gd name="connsiteX1721" fmla="*/ 1496500 w 6858000"/>
              <a:gd name="connsiteY1721" fmla="*/ 5735410 h 6858000"/>
              <a:gd name="connsiteX1722" fmla="*/ 1565120 w 6858000"/>
              <a:gd name="connsiteY1722" fmla="*/ 5735410 h 6858000"/>
              <a:gd name="connsiteX1723" fmla="*/ 1565120 w 6858000"/>
              <a:gd name="connsiteY1723" fmla="*/ 5666790 h 6858000"/>
              <a:gd name="connsiteX1724" fmla="*/ 1369740 w 6858000"/>
              <a:gd name="connsiteY1724" fmla="*/ 5663087 h 6858000"/>
              <a:gd name="connsiteX1725" fmla="*/ 1369740 w 6858000"/>
              <a:gd name="connsiteY1725" fmla="*/ 5739077 h 6858000"/>
              <a:gd name="connsiteX1726" fmla="*/ 1445730 w 6858000"/>
              <a:gd name="connsiteY1726" fmla="*/ 5739077 h 6858000"/>
              <a:gd name="connsiteX1727" fmla="*/ 1445730 w 6858000"/>
              <a:gd name="connsiteY1727" fmla="*/ 5663087 h 6858000"/>
              <a:gd name="connsiteX1728" fmla="*/ 1242979 w 6858000"/>
              <a:gd name="connsiteY1728" fmla="*/ 5659421 h 6858000"/>
              <a:gd name="connsiteX1729" fmla="*/ 1242979 w 6858000"/>
              <a:gd name="connsiteY1729" fmla="*/ 5742817 h 6858000"/>
              <a:gd name="connsiteX1730" fmla="*/ 1326375 w 6858000"/>
              <a:gd name="connsiteY1730" fmla="*/ 5742817 h 6858000"/>
              <a:gd name="connsiteX1731" fmla="*/ 1326375 w 6858000"/>
              <a:gd name="connsiteY1731" fmla="*/ 5659421 h 6858000"/>
              <a:gd name="connsiteX1732" fmla="*/ 1116663 w 6858000"/>
              <a:gd name="connsiteY1732" fmla="*/ 5656162 h 6858000"/>
              <a:gd name="connsiteX1733" fmla="*/ 1116663 w 6858000"/>
              <a:gd name="connsiteY1733" fmla="*/ 5746076 h 6858000"/>
              <a:gd name="connsiteX1734" fmla="*/ 1206577 w 6858000"/>
              <a:gd name="connsiteY1734" fmla="*/ 5746076 h 6858000"/>
              <a:gd name="connsiteX1735" fmla="*/ 1206577 w 6858000"/>
              <a:gd name="connsiteY1735" fmla="*/ 5656162 h 6858000"/>
              <a:gd name="connsiteX1736" fmla="*/ 990569 w 6858000"/>
              <a:gd name="connsiteY1736" fmla="*/ 5653125 h 6858000"/>
              <a:gd name="connsiteX1737" fmla="*/ 990569 w 6858000"/>
              <a:gd name="connsiteY1737" fmla="*/ 5749112 h 6858000"/>
              <a:gd name="connsiteX1738" fmla="*/ 1086556 w 6858000"/>
              <a:gd name="connsiteY1738" fmla="*/ 5749112 h 6858000"/>
              <a:gd name="connsiteX1739" fmla="*/ 1086556 w 6858000"/>
              <a:gd name="connsiteY1739" fmla="*/ 5653125 h 6858000"/>
              <a:gd name="connsiteX1740" fmla="*/ 864698 w 6858000"/>
              <a:gd name="connsiteY1740" fmla="*/ 5650274 h 6858000"/>
              <a:gd name="connsiteX1741" fmla="*/ 864698 w 6858000"/>
              <a:gd name="connsiteY1741" fmla="*/ 5751890 h 6858000"/>
              <a:gd name="connsiteX1742" fmla="*/ 966314 w 6858000"/>
              <a:gd name="connsiteY1742" fmla="*/ 5751890 h 6858000"/>
              <a:gd name="connsiteX1743" fmla="*/ 966314 w 6858000"/>
              <a:gd name="connsiteY1743" fmla="*/ 5650274 h 6858000"/>
              <a:gd name="connsiteX1744" fmla="*/ 739678 w 6858000"/>
              <a:gd name="connsiteY1744" fmla="*/ 5648348 h 6858000"/>
              <a:gd name="connsiteX1745" fmla="*/ 739678 w 6858000"/>
              <a:gd name="connsiteY1745" fmla="*/ 5753889 h 6858000"/>
              <a:gd name="connsiteX1746" fmla="*/ 845219 w 6858000"/>
              <a:gd name="connsiteY1746" fmla="*/ 5753889 h 6858000"/>
              <a:gd name="connsiteX1747" fmla="*/ 845219 w 6858000"/>
              <a:gd name="connsiteY1747" fmla="*/ 5648348 h 6858000"/>
              <a:gd name="connsiteX1748" fmla="*/ 1 w 6858000"/>
              <a:gd name="connsiteY1748" fmla="*/ 5647052 h 6858000"/>
              <a:gd name="connsiteX1749" fmla="*/ 1 w 6858000"/>
              <a:gd name="connsiteY1749" fmla="*/ 5755185 h 6858000"/>
              <a:gd name="connsiteX1750" fmla="*/ 108134 w 6858000"/>
              <a:gd name="connsiteY1750" fmla="*/ 5755185 h 6858000"/>
              <a:gd name="connsiteX1751" fmla="*/ 108134 w 6858000"/>
              <a:gd name="connsiteY1751" fmla="*/ 5647052 h 6858000"/>
              <a:gd name="connsiteX1752" fmla="*/ 615102 w 6858000"/>
              <a:gd name="connsiteY1752" fmla="*/ 5646830 h 6858000"/>
              <a:gd name="connsiteX1753" fmla="*/ 615102 w 6858000"/>
              <a:gd name="connsiteY1753" fmla="*/ 5755407 h 6858000"/>
              <a:gd name="connsiteX1754" fmla="*/ 723680 w 6858000"/>
              <a:gd name="connsiteY1754" fmla="*/ 5755407 h 6858000"/>
              <a:gd name="connsiteX1755" fmla="*/ 723680 w 6858000"/>
              <a:gd name="connsiteY1755" fmla="*/ 5646830 h 6858000"/>
              <a:gd name="connsiteX1756" fmla="*/ 491378 w 6858000"/>
              <a:gd name="connsiteY1756" fmla="*/ 5646163 h 6858000"/>
              <a:gd name="connsiteX1757" fmla="*/ 491378 w 6858000"/>
              <a:gd name="connsiteY1757" fmla="*/ 5756037 h 6858000"/>
              <a:gd name="connsiteX1758" fmla="*/ 601252 w 6858000"/>
              <a:gd name="connsiteY1758" fmla="*/ 5756037 h 6858000"/>
              <a:gd name="connsiteX1759" fmla="*/ 601252 w 6858000"/>
              <a:gd name="connsiteY1759" fmla="*/ 5646163 h 6858000"/>
              <a:gd name="connsiteX1760" fmla="*/ 367876 w 6858000"/>
              <a:gd name="connsiteY1760" fmla="*/ 5645719 h 6858000"/>
              <a:gd name="connsiteX1761" fmla="*/ 367876 w 6858000"/>
              <a:gd name="connsiteY1761" fmla="*/ 5756482 h 6858000"/>
              <a:gd name="connsiteX1762" fmla="*/ 478639 w 6858000"/>
              <a:gd name="connsiteY1762" fmla="*/ 5756482 h 6858000"/>
              <a:gd name="connsiteX1763" fmla="*/ 478639 w 6858000"/>
              <a:gd name="connsiteY1763" fmla="*/ 5645719 h 6858000"/>
              <a:gd name="connsiteX1764" fmla="*/ 244819 w 6858000"/>
              <a:gd name="connsiteY1764" fmla="*/ 5645719 h 6858000"/>
              <a:gd name="connsiteX1765" fmla="*/ 244819 w 6858000"/>
              <a:gd name="connsiteY1765" fmla="*/ 5756482 h 6858000"/>
              <a:gd name="connsiteX1766" fmla="*/ 355582 w 6858000"/>
              <a:gd name="connsiteY1766" fmla="*/ 5756482 h 6858000"/>
              <a:gd name="connsiteX1767" fmla="*/ 355582 w 6858000"/>
              <a:gd name="connsiteY1767" fmla="*/ 5645719 h 6858000"/>
              <a:gd name="connsiteX1768" fmla="*/ 121762 w 6858000"/>
              <a:gd name="connsiteY1768" fmla="*/ 5645719 h 6858000"/>
              <a:gd name="connsiteX1769" fmla="*/ 121762 w 6858000"/>
              <a:gd name="connsiteY1769" fmla="*/ 5756482 h 6858000"/>
              <a:gd name="connsiteX1770" fmla="*/ 232525 w 6858000"/>
              <a:gd name="connsiteY1770" fmla="*/ 5756482 h 6858000"/>
              <a:gd name="connsiteX1771" fmla="*/ 232525 w 6858000"/>
              <a:gd name="connsiteY1771" fmla="*/ 5645719 h 6858000"/>
              <a:gd name="connsiteX1772" fmla="*/ 5714630 w 6858000"/>
              <a:gd name="connsiteY1772" fmla="*/ 5577839 h 6858000"/>
              <a:gd name="connsiteX1773" fmla="*/ 5714630 w 6858000"/>
              <a:gd name="connsiteY1773" fmla="*/ 5578284 h 6858000"/>
              <a:gd name="connsiteX1774" fmla="*/ 5715074 w 6858000"/>
              <a:gd name="connsiteY1774" fmla="*/ 5578284 h 6858000"/>
              <a:gd name="connsiteX1775" fmla="*/ 5715074 w 6858000"/>
              <a:gd name="connsiteY1775" fmla="*/ 5577839 h 6858000"/>
              <a:gd name="connsiteX1776" fmla="*/ 5591573 w 6858000"/>
              <a:gd name="connsiteY1776" fmla="*/ 5577839 h 6858000"/>
              <a:gd name="connsiteX1777" fmla="*/ 5591573 w 6858000"/>
              <a:gd name="connsiteY1777" fmla="*/ 5578284 h 6858000"/>
              <a:gd name="connsiteX1778" fmla="*/ 5592018 w 6858000"/>
              <a:gd name="connsiteY1778" fmla="*/ 5578284 h 6858000"/>
              <a:gd name="connsiteX1779" fmla="*/ 5592018 w 6858000"/>
              <a:gd name="connsiteY1779" fmla="*/ 5577839 h 6858000"/>
              <a:gd name="connsiteX1780" fmla="*/ 5468515 w 6858000"/>
              <a:gd name="connsiteY1780" fmla="*/ 5577839 h 6858000"/>
              <a:gd name="connsiteX1781" fmla="*/ 5468515 w 6858000"/>
              <a:gd name="connsiteY1781" fmla="*/ 5578284 h 6858000"/>
              <a:gd name="connsiteX1782" fmla="*/ 5468959 w 6858000"/>
              <a:gd name="connsiteY1782" fmla="*/ 5578284 h 6858000"/>
              <a:gd name="connsiteX1783" fmla="*/ 5468959 w 6858000"/>
              <a:gd name="connsiteY1783" fmla="*/ 5577839 h 6858000"/>
              <a:gd name="connsiteX1784" fmla="*/ 4976249 w 6858000"/>
              <a:gd name="connsiteY1784" fmla="*/ 5577839 h 6858000"/>
              <a:gd name="connsiteX1785" fmla="*/ 4976249 w 6858000"/>
              <a:gd name="connsiteY1785" fmla="*/ 5578284 h 6858000"/>
              <a:gd name="connsiteX1786" fmla="*/ 4976693 w 6858000"/>
              <a:gd name="connsiteY1786" fmla="*/ 5578284 h 6858000"/>
              <a:gd name="connsiteX1787" fmla="*/ 4976693 w 6858000"/>
              <a:gd name="connsiteY1787" fmla="*/ 5577839 h 6858000"/>
              <a:gd name="connsiteX1788" fmla="*/ 3991790 w 6858000"/>
              <a:gd name="connsiteY1788" fmla="*/ 5577839 h 6858000"/>
              <a:gd name="connsiteX1789" fmla="*/ 3991790 w 6858000"/>
              <a:gd name="connsiteY1789" fmla="*/ 5578284 h 6858000"/>
              <a:gd name="connsiteX1790" fmla="*/ 3992235 w 6858000"/>
              <a:gd name="connsiteY1790" fmla="*/ 5578284 h 6858000"/>
              <a:gd name="connsiteX1791" fmla="*/ 3992235 w 6858000"/>
              <a:gd name="connsiteY1791" fmla="*/ 5577839 h 6858000"/>
              <a:gd name="connsiteX1792" fmla="*/ 3868733 w 6858000"/>
              <a:gd name="connsiteY1792" fmla="*/ 5577839 h 6858000"/>
              <a:gd name="connsiteX1793" fmla="*/ 3868733 w 6858000"/>
              <a:gd name="connsiteY1793" fmla="*/ 5578284 h 6858000"/>
              <a:gd name="connsiteX1794" fmla="*/ 3869177 w 6858000"/>
              <a:gd name="connsiteY1794" fmla="*/ 5578284 h 6858000"/>
              <a:gd name="connsiteX1795" fmla="*/ 3869177 w 6858000"/>
              <a:gd name="connsiteY1795" fmla="*/ 5577839 h 6858000"/>
              <a:gd name="connsiteX1796" fmla="*/ 3745676 w 6858000"/>
              <a:gd name="connsiteY1796" fmla="*/ 5577839 h 6858000"/>
              <a:gd name="connsiteX1797" fmla="*/ 3745676 w 6858000"/>
              <a:gd name="connsiteY1797" fmla="*/ 5578284 h 6858000"/>
              <a:gd name="connsiteX1798" fmla="*/ 3746120 w 6858000"/>
              <a:gd name="connsiteY1798" fmla="*/ 5578284 h 6858000"/>
              <a:gd name="connsiteX1799" fmla="*/ 3746120 w 6858000"/>
              <a:gd name="connsiteY1799" fmla="*/ 5577839 h 6858000"/>
              <a:gd name="connsiteX1800" fmla="*/ 3622618 w 6858000"/>
              <a:gd name="connsiteY1800" fmla="*/ 5577839 h 6858000"/>
              <a:gd name="connsiteX1801" fmla="*/ 3622618 w 6858000"/>
              <a:gd name="connsiteY1801" fmla="*/ 5578284 h 6858000"/>
              <a:gd name="connsiteX1802" fmla="*/ 3623062 w 6858000"/>
              <a:gd name="connsiteY1802" fmla="*/ 5578284 h 6858000"/>
              <a:gd name="connsiteX1803" fmla="*/ 3623062 w 6858000"/>
              <a:gd name="connsiteY1803" fmla="*/ 5577839 h 6858000"/>
              <a:gd name="connsiteX1804" fmla="*/ 3499524 w 6858000"/>
              <a:gd name="connsiteY1804" fmla="*/ 5577839 h 6858000"/>
              <a:gd name="connsiteX1805" fmla="*/ 3499524 w 6858000"/>
              <a:gd name="connsiteY1805" fmla="*/ 5578284 h 6858000"/>
              <a:gd name="connsiteX1806" fmla="*/ 3499968 w 6858000"/>
              <a:gd name="connsiteY1806" fmla="*/ 5578284 h 6858000"/>
              <a:gd name="connsiteX1807" fmla="*/ 3499968 w 6858000"/>
              <a:gd name="connsiteY1807" fmla="*/ 5577839 h 6858000"/>
              <a:gd name="connsiteX1808" fmla="*/ 3376467 w 6858000"/>
              <a:gd name="connsiteY1808" fmla="*/ 5577839 h 6858000"/>
              <a:gd name="connsiteX1809" fmla="*/ 3376467 w 6858000"/>
              <a:gd name="connsiteY1809" fmla="*/ 5578284 h 6858000"/>
              <a:gd name="connsiteX1810" fmla="*/ 3376911 w 6858000"/>
              <a:gd name="connsiteY1810" fmla="*/ 5578284 h 6858000"/>
              <a:gd name="connsiteX1811" fmla="*/ 3376911 w 6858000"/>
              <a:gd name="connsiteY1811" fmla="*/ 5577839 h 6858000"/>
              <a:gd name="connsiteX1812" fmla="*/ 3253187 w 6858000"/>
              <a:gd name="connsiteY1812" fmla="*/ 5577617 h 6858000"/>
              <a:gd name="connsiteX1813" fmla="*/ 3253187 w 6858000"/>
              <a:gd name="connsiteY1813" fmla="*/ 5578469 h 6858000"/>
              <a:gd name="connsiteX1814" fmla="*/ 3254039 w 6858000"/>
              <a:gd name="connsiteY1814" fmla="*/ 5578469 h 6858000"/>
              <a:gd name="connsiteX1815" fmla="*/ 3254039 w 6858000"/>
              <a:gd name="connsiteY1815" fmla="*/ 5577617 h 6858000"/>
              <a:gd name="connsiteX1816" fmla="*/ 3129945 w 6858000"/>
              <a:gd name="connsiteY1816" fmla="*/ 5577395 h 6858000"/>
              <a:gd name="connsiteX1817" fmla="*/ 3129945 w 6858000"/>
              <a:gd name="connsiteY1817" fmla="*/ 5578691 h 6858000"/>
              <a:gd name="connsiteX1818" fmla="*/ 3131241 w 6858000"/>
              <a:gd name="connsiteY1818" fmla="*/ 5578691 h 6858000"/>
              <a:gd name="connsiteX1819" fmla="*/ 3131241 w 6858000"/>
              <a:gd name="connsiteY1819" fmla="*/ 5577395 h 6858000"/>
              <a:gd name="connsiteX1820" fmla="*/ 3006443 w 6858000"/>
              <a:gd name="connsiteY1820" fmla="*/ 5576951 h 6858000"/>
              <a:gd name="connsiteX1821" fmla="*/ 3006443 w 6858000"/>
              <a:gd name="connsiteY1821" fmla="*/ 5579136 h 6858000"/>
              <a:gd name="connsiteX1822" fmla="*/ 3008628 w 6858000"/>
              <a:gd name="connsiteY1822" fmla="*/ 5579136 h 6858000"/>
              <a:gd name="connsiteX1823" fmla="*/ 3008628 w 6858000"/>
              <a:gd name="connsiteY1823" fmla="*/ 5576951 h 6858000"/>
              <a:gd name="connsiteX1824" fmla="*/ 2882941 w 6858000"/>
              <a:gd name="connsiteY1824" fmla="*/ 5576543 h 6858000"/>
              <a:gd name="connsiteX1825" fmla="*/ 2882941 w 6858000"/>
              <a:gd name="connsiteY1825" fmla="*/ 5579579 h 6858000"/>
              <a:gd name="connsiteX1826" fmla="*/ 2885978 w 6858000"/>
              <a:gd name="connsiteY1826" fmla="*/ 5579579 h 6858000"/>
              <a:gd name="connsiteX1827" fmla="*/ 2885978 w 6858000"/>
              <a:gd name="connsiteY1827" fmla="*/ 5576543 h 6858000"/>
              <a:gd name="connsiteX1828" fmla="*/ 2758995 w 6858000"/>
              <a:gd name="connsiteY1828" fmla="*/ 5575654 h 6858000"/>
              <a:gd name="connsiteX1829" fmla="*/ 2758995 w 6858000"/>
              <a:gd name="connsiteY1829" fmla="*/ 5580431 h 6858000"/>
              <a:gd name="connsiteX1830" fmla="*/ 2763772 w 6858000"/>
              <a:gd name="connsiteY1830" fmla="*/ 5580431 h 6858000"/>
              <a:gd name="connsiteX1831" fmla="*/ 2763772 w 6858000"/>
              <a:gd name="connsiteY1831" fmla="*/ 5575654 h 6858000"/>
              <a:gd name="connsiteX1832" fmla="*/ 2634420 w 6858000"/>
              <a:gd name="connsiteY1832" fmla="*/ 5574136 h 6858000"/>
              <a:gd name="connsiteX1833" fmla="*/ 2634420 w 6858000"/>
              <a:gd name="connsiteY1833" fmla="*/ 5581950 h 6858000"/>
              <a:gd name="connsiteX1834" fmla="*/ 2642234 w 6858000"/>
              <a:gd name="connsiteY1834" fmla="*/ 5581950 h 6858000"/>
              <a:gd name="connsiteX1835" fmla="*/ 2642234 w 6858000"/>
              <a:gd name="connsiteY1835" fmla="*/ 5574136 h 6858000"/>
              <a:gd name="connsiteX1836" fmla="*/ 2509400 w 6858000"/>
              <a:gd name="connsiteY1836" fmla="*/ 5572173 h 6858000"/>
              <a:gd name="connsiteX1837" fmla="*/ 2509400 w 6858000"/>
              <a:gd name="connsiteY1837" fmla="*/ 5583912 h 6858000"/>
              <a:gd name="connsiteX1838" fmla="*/ 2521139 w 6858000"/>
              <a:gd name="connsiteY1838" fmla="*/ 5583912 h 6858000"/>
              <a:gd name="connsiteX1839" fmla="*/ 2521139 w 6858000"/>
              <a:gd name="connsiteY1839" fmla="*/ 5572173 h 6858000"/>
              <a:gd name="connsiteX1840" fmla="*/ 2383750 w 6858000"/>
              <a:gd name="connsiteY1840" fmla="*/ 5569581 h 6858000"/>
              <a:gd name="connsiteX1841" fmla="*/ 2383750 w 6858000"/>
              <a:gd name="connsiteY1841" fmla="*/ 5586504 h 6858000"/>
              <a:gd name="connsiteX1842" fmla="*/ 2400674 w 6858000"/>
              <a:gd name="connsiteY1842" fmla="*/ 5586504 h 6858000"/>
              <a:gd name="connsiteX1843" fmla="*/ 2400674 w 6858000"/>
              <a:gd name="connsiteY1843" fmla="*/ 5569581 h 6858000"/>
              <a:gd name="connsiteX1844" fmla="*/ 2257656 w 6858000"/>
              <a:gd name="connsiteY1844" fmla="*/ 5566545 h 6858000"/>
              <a:gd name="connsiteX1845" fmla="*/ 2257656 w 6858000"/>
              <a:gd name="connsiteY1845" fmla="*/ 5589579 h 6858000"/>
              <a:gd name="connsiteX1846" fmla="*/ 2280690 w 6858000"/>
              <a:gd name="connsiteY1846" fmla="*/ 5589579 h 6858000"/>
              <a:gd name="connsiteX1847" fmla="*/ 2280690 w 6858000"/>
              <a:gd name="connsiteY1847" fmla="*/ 5566545 h 6858000"/>
              <a:gd name="connsiteX1848" fmla="*/ 2131118 w 6858000"/>
              <a:gd name="connsiteY1848" fmla="*/ 5563064 h 6858000"/>
              <a:gd name="connsiteX1849" fmla="*/ 2131118 w 6858000"/>
              <a:gd name="connsiteY1849" fmla="*/ 5593023 h 6858000"/>
              <a:gd name="connsiteX1850" fmla="*/ 2161077 w 6858000"/>
              <a:gd name="connsiteY1850" fmla="*/ 5593023 h 6858000"/>
              <a:gd name="connsiteX1851" fmla="*/ 2161077 w 6858000"/>
              <a:gd name="connsiteY1851" fmla="*/ 5563064 h 6858000"/>
              <a:gd name="connsiteX1852" fmla="*/ 2004579 w 6858000"/>
              <a:gd name="connsiteY1852" fmla="*/ 5559583 h 6858000"/>
              <a:gd name="connsiteX1853" fmla="*/ 2004579 w 6858000"/>
              <a:gd name="connsiteY1853" fmla="*/ 5596504 h 6858000"/>
              <a:gd name="connsiteX1854" fmla="*/ 2041500 w 6858000"/>
              <a:gd name="connsiteY1854" fmla="*/ 5596504 h 6858000"/>
              <a:gd name="connsiteX1855" fmla="*/ 2041500 w 6858000"/>
              <a:gd name="connsiteY1855" fmla="*/ 5559583 h 6858000"/>
              <a:gd name="connsiteX1856" fmla="*/ 1877597 w 6858000"/>
              <a:gd name="connsiteY1856" fmla="*/ 5555694 h 6858000"/>
              <a:gd name="connsiteX1857" fmla="*/ 1877597 w 6858000"/>
              <a:gd name="connsiteY1857" fmla="*/ 5600428 h 6858000"/>
              <a:gd name="connsiteX1858" fmla="*/ 1922332 w 6858000"/>
              <a:gd name="connsiteY1858" fmla="*/ 5600428 h 6858000"/>
              <a:gd name="connsiteX1859" fmla="*/ 1922332 w 6858000"/>
              <a:gd name="connsiteY1859" fmla="*/ 5555694 h 6858000"/>
              <a:gd name="connsiteX1860" fmla="*/ 1750873 w 6858000"/>
              <a:gd name="connsiteY1860" fmla="*/ 5551991 h 6858000"/>
              <a:gd name="connsiteX1861" fmla="*/ 1750873 w 6858000"/>
              <a:gd name="connsiteY1861" fmla="*/ 5604095 h 6858000"/>
              <a:gd name="connsiteX1862" fmla="*/ 1802977 w 6858000"/>
              <a:gd name="connsiteY1862" fmla="*/ 5604095 h 6858000"/>
              <a:gd name="connsiteX1863" fmla="*/ 1802977 w 6858000"/>
              <a:gd name="connsiteY1863" fmla="*/ 5551991 h 6858000"/>
              <a:gd name="connsiteX1864" fmla="*/ 1623891 w 6858000"/>
              <a:gd name="connsiteY1864" fmla="*/ 5548066 h 6858000"/>
              <a:gd name="connsiteX1865" fmla="*/ 1623891 w 6858000"/>
              <a:gd name="connsiteY1865" fmla="*/ 5608021 h 6858000"/>
              <a:gd name="connsiteX1866" fmla="*/ 1683846 w 6858000"/>
              <a:gd name="connsiteY1866" fmla="*/ 5608021 h 6858000"/>
              <a:gd name="connsiteX1867" fmla="*/ 1683846 w 6858000"/>
              <a:gd name="connsiteY1867" fmla="*/ 5548066 h 6858000"/>
              <a:gd name="connsiteX1868" fmla="*/ 1496908 w 6858000"/>
              <a:gd name="connsiteY1868" fmla="*/ 5544177 h 6858000"/>
              <a:gd name="connsiteX1869" fmla="*/ 1496908 w 6858000"/>
              <a:gd name="connsiteY1869" fmla="*/ 5611946 h 6858000"/>
              <a:gd name="connsiteX1870" fmla="*/ 1564677 w 6858000"/>
              <a:gd name="connsiteY1870" fmla="*/ 5611946 h 6858000"/>
              <a:gd name="connsiteX1871" fmla="*/ 1564677 w 6858000"/>
              <a:gd name="connsiteY1871" fmla="*/ 5544177 h 6858000"/>
              <a:gd name="connsiteX1872" fmla="*/ 1369962 w 6858000"/>
              <a:gd name="connsiteY1872" fmla="*/ 5540252 h 6858000"/>
              <a:gd name="connsiteX1873" fmla="*/ 1369962 w 6858000"/>
              <a:gd name="connsiteY1873" fmla="*/ 5615835 h 6858000"/>
              <a:gd name="connsiteX1874" fmla="*/ 1445544 w 6858000"/>
              <a:gd name="connsiteY1874" fmla="*/ 5615835 h 6858000"/>
              <a:gd name="connsiteX1875" fmla="*/ 1445544 w 6858000"/>
              <a:gd name="connsiteY1875" fmla="*/ 5540252 h 6858000"/>
              <a:gd name="connsiteX1876" fmla="*/ 1243202 w 6858000"/>
              <a:gd name="connsiteY1876" fmla="*/ 5536586 h 6858000"/>
              <a:gd name="connsiteX1877" fmla="*/ 1243202 w 6858000"/>
              <a:gd name="connsiteY1877" fmla="*/ 5619538 h 6858000"/>
              <a:gd name="connsiteX1878" fmla="*/ 1326154 w 6858000"/>
              <a:gd name="connsiteY1878" fmla="*/ 5619538 h 6858000"/>
              <a:gd name="connsiteX1879" fmla="*/ 1326154 w 6858000"/>
              <a:gd name="connsiteY1879" fmla="*/ 5536586 h 6858000"/>
              <a:gd name="connsiteX1880" fmla="*/ 1116663 w 6858000"/>
              <a:gd name="connsiteY1880" fmla="*/ 5533105 h 6858000"/>
              <a:gd name="connsiteX1881" fmla="*/ 1116663 w 6858000"/>
              <a:gd name="connsiteY1881" fmla="*/ 5623019 h 6858000"/>
              <a:gd name="connsiteX1882" fmla="*/ 1206577 w 6858000"/>
              <a:gd name="connsiteY1882" fmla="*/ 5623019 h 6858000"/>
              <a:gd name="connsiteX1883" fmla="*/ 1206577 w 6858000"/>
              <a:gd name="connsiteY1883" fmla="*/ 5533105 h 6858000"/>
              <a:gd name="connsiteX1884" fmla="*/ 990347 w 6858000"/>
              <a:gd name="connsiteY1884" fmla="*/ 5529846 h 6858000"/>
              <a:gd name="connsiteX1885" fmla="*/ 990347 w 6858000"/>
              <a:gd name="connsiteY1885" fmla="*/ 5626277 h 6858000"/>
              <a:gd name="connsiteX1886" fmla="*/ 1086778 w 6858000"/>
              <a:gd name="connsiteY1886" fmla="*/ 5626277 h 6858000"/>
              <a:gd name="connsiteX1887" fmla="*/ 1086778 w 6858000"/>
              <a:gd name="connsiteY1887" fmla="*/ 5529846 h 6858000"/>
              <a:gd name="connsiteX1888" fmla="*/ 864475 w 6858000"/>
              <a:gd name="connsiteY1888" fmla="*/ 5527031 h 6858000"/>
              <a:gd name="connsiteX1889" fmla="*/ 864475 w 6858000"/>
              <a:gd name="connsiteY1889" fmla="*/ 5629091 h 6858000"/>
              <a:gd name="connsiteX1890" fmla="*/ 966535 w 6858000"/>
              <a:gd name="connsiteY1890" fmla="*/ 5629091 h 6858000"/>
              <a:gd name="connsiteX1891" fmla="*/ 966535 w 6858000"/>
              <a:gd name="connsiteY1891" fmla="*/ 5527031 h 6858000"/>
              <a:gd name="connsiteX1892" fmla="*/ 739233 w 6858000"/>
              <a:gd name="connsiteY1892" fmla="*/ 5524847 h 6858000"/>
              <a:gd name="connsiteX1893" fmla="*/ 739233 w 6858000"/>
              <a:gd name="connsiteY1893" fmla="*/ 5631240 h 6858000"/>
              <a:gd name="connsiteX1894" fmla="*/ 845626 w 6858000"/>
              <a:gd name="connsiteY1894" fmla="*/ 5631240 h 6858000"/>
              <a:gd name="connsiteX1895" fmla="*/ 845626 w 6858000"/>
              <a:gd name="connsiteY1895" fmla="*/ 5524847 h 6858000"/>
              <a:gd name="connsiteX1896" fmla="*/ 1 w 6858000"/>
              <a:gd name="connsiteY1896" fmla="*/ 5523958 h 6858000"/>
              <a:gd name="connsiteX1897" fmla="*/ 1 w 6858000"/>
              <a:gd name="connsiteY1897" fmla="*/ 5632091 h 6858000"/>
              <a:gd name="connsiteX1898" fmla="*/ 108134 w 6858000"/>
              <a:gd name="connsiteY1898" fmla="*/ 5632091 h 6858000"/>
              <a:gd name="connsiteX1899" fmla="*/ 108134 w 6858000"/>
              <a:gd name="connsiteY1899" fmla="*/ 5523958 h 6858000"/>
              <a:gd name="connsiteX1900" fmla="*/ 614658 w 6858000"/>
              <a:gd name="connsiteY1900" fmla="*/ 5523328 h 6858000"/>
              <a:gd name="connsiteX1901" fmla="*/ 614658 w 6858000"/>
              <a:gd name="connsiteY1901" fmla="*/ 5632795 h 6858000"/>
              <a:gd name="connsiteX1902" fmla="*/ 724125 w 6858000"/>
              <a:gd name="connsiteY1902" fmla="*/ 5632795 h 6858000"/>
              <a:gd name="connsiteX1903" fmla="*/ 724125 w 6858000"/>
              <a:gd name="connsiteY1903" fmla="*/ 5523328 h 6858000"/>
              <a:gd name="connsiteX1904" fmla="*/ 490934 w 6858000"/>
              <a:gd name="connsiteY1904" fmla="*/ 5522662 h 6858000"/>
              <a:gd name="connsiteX1905" fmla="*/ 490934 w 6858000"/>
              <a:gd name="connsiteY1905" fmla="*/ 5633425 h 6858000"/>
              <a:gd name="connsiteX1906" fmla="*/ 601697 w 6858000"/>
              <a:gd name="connsiteY1906" fmla="*/ 5633425 h 6858000"/>
              <a:gd name="connsiteX1907" fmla="*/ 601697 w 6858000"/>
              <a:gd name="connsiteY1907" fmla="*/ 5522662 h 6858000"/>
              <a:gd name="connsiteX1908" fmla="*/ 367876 w 6858000"/>
              <a:gd name="connsiteY1908" fmla="*/ 5522662 h 6858000"/>
              <a:gd name="connsiteX1909" fmla="*/ 367876 w 6858000"/>
              <a:gd name="connsiteY1909" fmla="*/ 5633425 h 6858000"/>
              <a:gd name="connsiteX1910" fmla="*/ 478639 w 6858000"/>
              <a:gd name="connsiteY1910" fmla="*/ 5633425 h 6858000"/>
              <a:gd name="connsiteX1911" fmla="*/ 478639 w 6858000"/>
              <a:gd name="connsiteY1911" fmla="*/ 5522662 h 6858000"/>
              <a:gd name="connsiteX1912" fmla="*/ 244819 w 6858000"/>
              <a:gd name="connsiteY1912" fmla="*/ 5522662 h 6858000"/>
              <a:gd name="connsiteX1913" fmla="*/ 244819 w 6858000"/>
              <a:gd name="connsiteY1913" fmla="*/ 5633425 h 6858000"/>
              <a:gd name="connsiteX1914" fmla="*/ 355582 w 6858000"/>
              <a:gd name="connsiteY1914" fmla="*/ 5633425 h 6858000"/>
              <a:gd name="connsiteX1915" fmla="*/ 355582 w 6858000"/>
              <a:gd name="connsiteY1915" fmla="*/ 5522662 h 6858000"/>
              <a:gd name="connsiteX1916" fmla="*/ 121762 w 6858000"/>
              <a:gd name="connsiteY1916" fmla="*/ 5522662 h 6858000"/>
              <a:gd name="connsiteX1917" fmla="*/ 121762 w 6858000"/>
              <a:gd name="connsiteY1917" fmla="*/ 5633425 h 6858000"/>
              <a:gd name="connsiteX1918" fmla="*/ 232525 w 6858000"/>
              <a:gd name="connsiteY1918" fmla="*/ 5633425 h 6858000"/>
              <a:gd name="connsiteX1919" fmla="*/ 232525 w 6858000"/>
              <a:gd name="connsiteY1919" fmla="*/ 5522662 h 6858000"/>
              <a:gd name="connsiteX1920" fmla="*/ 5714630 w 6858000"/>
              <a:gd name="connsiteY1920" fmla="*/ 5454782 h 6858000"/>
              <a:gd name="connsiteX1921" fmla="*/ 5714630 w 6858000"/>
              <a:gd name="connsiteY1921" fmla="*/ 5455226 h 6858000"/>
              <a:gd name="connsiteX1922" fmla="*/ 5715074 w 6858000"/>
              <a:gd name="connsiteY1922" fmla="*/ 5455226 h 6858000"/>
              <a:gd name="connsiteX1923" fmla="*/ 5715074 w 6858000"/>
              <a:gd name="connsiteY1923" fmla="*/ 5454782 h 6858000"/>
              <a:gd name="connsiteX1924" fmla="*/ 5591573 w 6858000"/>
              <a:gd name="connsiteY1924" fmla="*/ 5454782 h 6858000"/>
              <a:gd name="connsiteX1925" fmla="*/ 5591573 w 6858000"/>
              <a:gd name="connsiteY1925" fmla="*/ 5455226 h 6858000"/>
              <a:gd name="connsiteX1926" fmla="*/ 5592018 w 6858000"/>
              <a:gd name="connsiteY1926" fmla="*/ 5455226 h 6858000"/>
              <a:gd name="connsiteX1927" fmla="*/ 5592018 w 6858000"/>
              <a:gd name="connsiteY1927" fmla="*/ 5454782 h 6858000"/>
              <a:gd name="connsiteX1928" fmla="*/ 3745676 w 6858000"/>
              <a:gd name="connsiteY1928" fmla="*/ 5454782 h 6858000"/>
              <a:gd name="connsiteX1929" fmla="*/ 3745676 w 6858000"/>
              <a:gd name="connsiteY1929" fmla="*/ 5455226 h 6858000"/>
              <a:gd name="connsiteX1930" fmla="*/ 3746120 w 6858000"/>
              <a:gd name="connsiteY1930" fmla="*/ 5455226 h 6858000"/>
              <a:gd name="connsiteX1931" fmla="*/ 3746120 w 6858000"/>
              <a:gd name="connsiteY1931" fmla="*/ 5454782 h 6858000"/>
              <a:gd name="connsiteX1932" fmla="*/ 3622618 w 6858000"/>
              <a:gd name="connsiteY1932" fmla="*/ 5454782 h 6858000"/>
              <a:gd name="connsiteX1933" fmla="*/ 3622618 w 6858000"/>
              <a:gd name="connsiteY1933" fmla="*/ 5455226 h 6858000"/>
              <a:gd name="connsiteX1934" fmla="*/ 3623062 w 6858000"/>
              <a:gd name="connsiteY1934" fmla="*/ 5455226 h 6858000"/>
              <a:gd name="connsiteX1935" fmla="*/ 3623062 w 6858000"/>
              <a:gd name="connsiteY1935" fmla="*/ 5454782 h 6858000"/>
              <a:gd name="connsiteX1936" fmla="*/ 3499524 w 6858000"/>
              <a:gd name="connsiteY1936" fmla="*/ 5454782 h 6858000"/>
              <a:gd name="connsiteX1937" fmla="*/ 3499524 w 6858000"/>
              <a:gd name="connsiteY1937" fmla="*/ 5455226 h 6858000"/>
              <a:gd name="connsiteX1938" fmla="*/ 3499968 w 6858000"/>
              <a:gd name="connsiteY1938" fmla="*/ 5455226 h 6858000"/>
              <a:gd name="connsiteX1939" fmla="*/ 3499968 w 6858000"/>
              <a:gd name="connsiteY1939" fmla="*/ 5454782 h 6858000"/>
              <a:gd name="connsiteX1940" fmla="*/ 3376467 w 6858000"/>
              <a:gd name="connsiteY1940" fmla="*/ 5454782 h 6858000"/>
              <a:gd name="connsiteX1941" fmla="*/ 3376467 w 6858000"/>
              <a:gd name="connsiteY1941" fmla="*/ 5455226 h 6858000"/>
              <a:gd name="connsiteX1942" fmla="*/ 3376911 w 6858000"/>
              <a:gd name="connsiteY1942" fmla="*/ 5455226 h 6858000"/>
              <a:gd name="connsiteX1943" fmla="*/ 3376911 w 6858000"/>
              <a:gd name="connsiteY1943" fmla="*/ 5454782 h 6858000"/>
              <a:gd name="connsiteX1944" fmla="*/ 3253409 w 6858000"/>
              <a:gd name="connsiteY1944" fmla="*/ 5454782 h 6858000"/>
              <a:gd name="connsiteX1945" fmla="*/ 3253409 w 6858000"/>
              <a:gd name="connsiteY1945" fmla="*/ 5455226 h 6858000"/>
              <a:gd name="connsiteX1946" fmla="*/ 3253853 w 6858000"/>
              <a:gd name="connsiteY1946" fmla="*/ 5455226 h 6858000"/>
              <a:gd name="connsiteX1947" fmla="*/ 3253853 w 6858000"/>
              <a:gd name="connsiteY1947" fmla="*/ 5454782 h 6858000"/>
              <a:gd name="connsiteX1948" fmla="*/ 3130352 w 6858000"/>
              <a:gd name="connsiteY1948" fmla="*/ 5454782 h 6858000"/>
              <a:gd name="connsiteX1949" fmla="*/ 3130352 w 6858000"/>
              <a:gd name="connsiteY1949" fmla="*/ 5455226 h 6858000"/>
              <a:gd name="connsiteX1950" fmla="*/ 3130796 w 6858000"/>
              <a:gd name="connsiteY1950" fmla="*/ 5455226 h 6858000"/>
              <a:gd name="connsiteX1951" fmla="*/ 3130796 w 6858000"/>
              <a:gd name="connsiteY1951" fmla="*/ 5454782 h 6858000"/>
              <a:gd name="connsiteX1952" fmla="*/ 3006850 w 6858000"/>
              <a:gd name="connsiteY1952" fmla="*/ 5454338 h 6858000"/>
              <a:gd name="connsiteX1953" fmla="*/ 3006850 w 6858000"/>
              <a:gd name="connsiteY1953" fmla="*/ 5455634 h 6858000"/>
              <a:gd name="connsiteX1954" fmla="*/ 3008146 w 6858000"/>
              <a:gd name="connsiteY1954" fmla="*/ 5455634 h 6858000"/>
              <a:gd name="connsiteX1955" fmla="*/ 3008146 w 6858000"/>
              <a:gd name="connsiteY1955" fmla="*/ 5454338 h 6858000"/>
              <a:gd name="connsiteX1956" fmla="*/ 2883386 w 6858000"/>
              <a:gd name="connsiteY1956" fmla="*/ 5453893 h 6858000"/>
              <a:gd name="connsiteX1957" fmla="*/ 2883386 w 6858000"/>
              <a:gd name="connsiteY1957" fmla="*/ 5456078 h 6858000"/>
              <a:gd name="connsiteX1958" fmla="*/ 2885571 w 6858000"/>
              <a:gd name="connsiteY1958" fmla="*/ 5456078 h 6858000"/>
              <a:gd name="connsiteX1959" fmla="*/ 2885571 w 6858000"/>
              <a:gd name="connsiteY1959" fmla="*/ 5453893 h 6858000"/>
              <a:gd name="connsiteX1960" fmla="*/ 2759884 w 6858000"/>
              <a:gd name="connsiteY1960" fmla="*/ 5453486 h 6858000"/>
              <a:gd name="connsiteX1961" fmla="*/ 2759884 w 6858000"/>
              <a:gd name="connsiteY1961" fmla="*/ 5456522 h 6858000"/>
              <a:gd name="connsiteX1962" fmla="*/ 2762921 w 6858000"/>
              <a:gd name="connsiteY1962" fmla="*/ 5456522 h 6858000"/>
              <a:gd name="connsiteX1963" fmla="*/ 2762921 w 6858000"/>
              <a:gd name="connsiteY1963" fmla="*/ 5453486 h 6858000"/>
              <a:gd name="connsiteX1964" fmla="*/ 2635531 w 6858000"/>
              <a:gd name="connsiteY1964" fmla="*/ 5452153 h 6858000"/>
              <a:gd name="connsiteX1965" fmla="*/ 2635531 w 6858000"/>
              <a:gd name="connsiteY1965" fmla="*/ 5457782 h 6858000"/>
              <a:gd name="connsiteX1966" fmla="*/ 2641160 w 6858000"/>
              <a:gd name="connsiteY1966" fmla="*/ 5457782 h 6858000"/>
              <a:gd name="connsiteX1967" fmla="*/ 2641160 w 6858000"/>
              <a:gd name="connsiteY1967" fmla="*/ 5452153 h 6858000"/>
              <a:gd name="connsiteX1968" fmla="*/ 2510288 w 6858000"/>
              <a:gd name="connsiteY1968" fmla="*/ 5450005 h 6858000"/>
              <a:gd name="connsiteX1969" fmla="*/ 2510288 w 6858000"/>
              <a:gd name="connsiteY1969" fmla="*/ 5460004 h 6858000"/>
              <a:gd name="connsiteX1970" fmla="*/ 2520287 w 6858000"/>
              <a:gd name="connsiteY1970" fmla="*/ 5460004 h 6858000"/>
              <a:gd name="connsiteX1971" fmla="*/ 2520287 w 6858000"/>
              <a:gd name="connsiteY1971" fmla="*/ 5450005 h 6858000"/>
              <a:gd name="connsiteX1972" fmla="*/ 2384602 w 6858000"/>
              <a:gd name="connsiteY1972" fmla="*/ 5447376 h 6858000"/>
              <a:gd name="connsiteX1973" fmla="*/ 2384602 w 6858000"/>
              <a:gd name="connsiteY1973" fmla="*/ 5462559 h 6858000"/>
              <a:gd name="connsiteX1974" fmla="*/ 2399785 w 6858000"/>
              <a:gd name="connsiteY1974" fmla="*/ 5462559 h 6858000"/>
              <a:gd name="connsiteX1975" fmla="*/ 2399785 w 6858000"/>
              <a:gd name="connsiteY1975" fmla="*/ 5447376 h 6858000"/>
              <a:gd name="connsiteX1976" fmla="*/ 2258508 w 6858000"/>
              <a:gd name="connsiteY1976" fmla="*/ 5444339 h 6858000"/>
              <a:gd name="connsiteX1977" fmla="*/ 2258508 w 6858000"/>
              <a:gd name="connsiteY1977" fmla="*/ 5465632 h 6858000"/>
              <a:gd name="connsiteX1978" fmla="*/ 2279801 w 6858000"/>
              <a:gd name="connsiteY1978" fmla="*/ 5465632 h 6858000"/>
              <a:gd name="connsiteX1979" fmla="*/ 2279801 w 6858000"/>
              <a:gd name="connsiteY1979" fmla="*/ 5444339 h 6858000"/>
              <a:gd name="connsiteX1980" fmla="*/ 2131970 w 6858000"/>
              <a:gd name="connsiteY1980" fmla="*/ 5440858 h 6858000"/>
              <a:gd name="connsiteX1981" fmla="*/ 2131970 w 6858000"/>
              <a:gd name="connsiteY1981" fmla="*/ 5469076 h 6858000"/>
              <a:gd name="connsiteX1982" fmla="*/ 2160188 w 6858000"/>
              <a:gd name="connsiteY1982" fmla="*/ 5469076 h 6858000"/>
              <a:gd name="connsiteX1983" fmla="*/ 2160188 w 6858000"/>
              <a:gd name="connsiteY1983" fmla="*/ 5440858 h 6858000"/>
              <a:gd name="connsiteX1984" fmla="*/ 2005246 w 6858000"/>
              <a:gd name="connsiteY1984" fmla="*/ 5437192 h 6858000"/>
              <a:gd name="connsiteX1985" fmla="*/ 2005246 w 6858000"/>
              <a:gd name="connsiteY1985" fmla="*/ 5472817 h 6858000"/>
              <a:gd name="connsiteX1986" fmla="*/ 2040871 w 6858000"/>
              <a:gd name="connsiteY1986" fmla="*/ 5472817 h 6858000"/>
              <a:gd name="connsiteX1987" fmla="*/ 2040871 w 6858000"/>
              <a:gd name="connsiteY1987" fmla="*/ 5437192 h 6858000"/>
              <a:gd name="connsiteX1988" fmla="*/ 1878263 w 6858000"/>
              <a:gd name="connsiteY1988" fmla="*/ 5433266 h 6858000"/>
              <a:gd name="connsiteX1989" fmla="*/ 1878263 w 6858000"/>
              <a:gd name="connsiteY1989" fmla="*/ 5476705 h 6858000"/>
              <a:gd name="connsiteX1990" fmla="*/ 1921702 w 6858000"/>
              <a:gd name="connsiteY1990" fmla="*/ 5476705 h 6858000"/>
              <a:gd name="connsiteX1991" fmla="*/ 1921702 w 6858000"/>
              <a:gd name="connsiteY1991" fmla="*/ 5433266 h 6858000"/>
              <a:gd name="connsiteX1992" fmla="*/ 1751281 w 6858000"/>
              <a:gd name="connsiteY1992" fmla="*/ 5429378 h 6858000"/>
              <a:gd name="connsiteX1993" fmla="*/ 1751281 w 6858000"/>
              <a:gd name="connsiteY1993" fmla="*/ 5480630 h 6858000"/>
              <a:gd name="connsiteX1994" fmla="*/ 1802533 w 6858000"/>
              <a:gd name="connsiteY1994" fmla="*/ 5480630 h 6858000"/>
              <a:gd name="connsiteX1995" fmla="*/ 1802533 w 6858000"/>
              <a:gd name="connsiteY1995" fmla="*/ 5429378 h 6858000"/>
              <a:gd name="connsiteX1996" fmla="*/ 1624335 w 6858000"/>
              <a:gd name="connsiteY1996" fmla="*/ 5425453 h 6858000"/>
              <a:gd name="connsiteX1997" fmla="*/ 1624335 w 6858000"/>
              <a:gd name="connsiteY1997" fmla="*/ 5484519 h 6858000"/>
              <a:gd name="connsiteX1998" fmla="*/ 1683401 w 6858000"/>
              <a:gd name="connsiteY1998" fmla="*/ 5484519 h 6858000"/>
              <a:gd name="connsiteX1999" fmla="*/ 1683401 w 6858000"/>
              <a:gd name="connsiteY1999" fmla="*/ 5425453 h 6858000"/>
              <a:gd name="connsiteX2000" fmla="*/ 1497352 w 6858000"/>
              <a:gd name="connsiteY2000" fmla="*/ 5421527 h 6858000"/>
              <a:gd name="connsiteX2001" fmla="*/ 1497352 w 6858000"/>
              <a:gd name="connsiteY2001" fmla="*/ 5488407 h 6858000"/>
              <a:gd name="connsiteX2002" fmla="*/ 1564232 w 6858000"/>
              <a:gd name="connsiteY2002" fmla="*/ 5488407 h 6858000"/>
              <a:gd name="connsiteX2003" fmla="*/ 1564232 w 6858000"/>
              <a:gd name="connsiteY2003" fmla="*/ 5421527 h 6858000"/>
              <a:gd name="connsiteX2004" fmla="*/ 1370370 w 6858000"/>
              <a:gd name="connsiteY2004" fmla="*/ 5417639 h 6858000"/>
              <a:gd name="connsiteX2005" fmla="*/ 1370370 w 6858000"/>
              <a:gd name="connsiteY2005" fmla="*/ 5492333 h 6858000"/>
              <a:gd name="connsiteX2006" fmla="*/ 1445064 w 6858000"/>
              <a:gd name="connsiteY2006" fmla="*/ 5492333 h 6858000"/>
              <a:gd name="connsiteX2007" fmla="*/ 1445064 w 6858000"/>
              <a:gd name="connsiteY2007" fmla="*/ 5417639 h 6858000"/>
              <a:gd name="connsiteX2008" fmla="*/ 1243646 w 6858000"/>
              <a:gd name="connsiteY2008" fmla="*/ 5413936 h 6858000"/>
              <a:gd name="connsiteX2009" fmla="*/ 1243646 w 6858000"/>
              <a:gd name="connsiteY2009" fmla="*/ 5496036 h 6858000"/>
              <a:gd name="connsiteX2010" fmla="*/ 1325746 w 6858000"/>
              <a:gd name="connsiteY2010" fmla="*/ 5496036 h 6858000"/>
              <a:gd name="connsiteX2011" fmla="*/ 1325746 w 6858000"/>
              <a:gd name="connsiteY2011" fmla="*/ 5413936 h 6858000"/>
              <a:gd name="connsiteX2012" fmla="*/ 1117108 w 6858000"/>
              <a:gd name="connsiteY2012" fmla="*/ 5410455 h 6858000"/>
              <a:gd name="connsiteX2013" fmla="*/ 1117108 w 6858000"/>
              <a:gd name="connsiteY2013" fmla="*/ 5499480 h 6858000"/>
              <a:gd name="connsiteX2014" fmla="*/ 1206133 w 6858000"/>
              <a:gd name="connsiteY2014" fmla="*/ 5499480 h 6858000"/>
              <a:gd name="connsiteX2015" fmla="*/ 1206133 w 6858000"/>
              <a:gd name="connsiteY2015" fmla="*/ 5410455 h 6858000"/>
              <a:gd name="connsiteX2016" fmla="*/ 990792 w 6858000"/>
              <a:gd name="connsiteY2016" fmla="*/ 5407196 h 6858000"/>
              <a:gd name="connsiteX2017" fmla="*/ 990792 w 6858000"/>
              <a:gd name="connsiteY2017" fmla="*/ 5502739 h 6858000"/>
              <a:gd name="connsiteX2018" fmla="*/ 1086334 w 6858000"/>
              <a:gd name="connsiteY2018" fmla="*/ 5502739 h 6858000"/>
              <a:gd name="connsiteX2019" fmla="*/ 1086334 w 6858000"/>
              <a:gd name="connsiteY2019" fmla="*/ 5407196 h 6858000"/>
              <a:gd name="connsiteX2020" fmla="*/ 864883 w 6858000"/>
              <a:gd name="connsiteY2020" fmla="*/ 5404382 h 6858000"/>
              <a:gd name="connsiteX2021" fmla="*/ 864883 w 6858000"/>
              <a:gd name="connsiteY2021" fmla="*/ 5505590 h 6858000"/>
              <a:gd name="connsiteX2022" fmla="*/ 966091 w 6858000"/>
              <a:gd name="connsiteY2022" fmla="*/ 5505590 h 6858000"/>
              <a:gd name="connsiteX2023" fmla="*/ 966091 w 6858000"/>
              <a:gd name="connsiteY2023" fmla="*/ 5404382 h 6858000"/>
              <a:gd name="connsiteX2024" fmla="*/ 739233 w 6858000"/>
              <a:gd name="connsiteY2024" fmla="*/ 5401789 h 6858000"/>
              <a:gd name="connsiteX2025" fmla="*/ 739233 w 6858000"/>
              <a:gd name="connsiteY2025" fmla="*/ 5508182 h 6858000"/>
              <a:gd name="connsiteX2026" fmla="*/ 845626 w 6858000"/>
              <a:gd name="connsiteY2026" fmla="*/ 5508182 h 6858000"/>
              <a:gd name="connsiteX2027" fmla="*/ 845626 w 6858000"/>
              <a:gd name="connsiteY2027" fmla="*/ 5401789 h 6858000"/>
              <a:gd name="connsiteX2028" fmla="*/ 223 w 6858000"/>
              <a:gd name="connsiteY2028" fmla="*/ 5401123 h 6858000"/>
              <a:gd name="connsiteX2029" fmla="*/ 223 w 6858000"/>
              <a:gd name="connsiteY2029" fmla="*/ 5508849 h 6858000"/>
              <a:gd name="connsiteX2030" fmla="*/ 107949 w 6858000"/>
              <a:gd name="connsiteY2030" fmla="*/ 5508849 h 6858000"/>
              <a:gd name="connsiteX2031" fmla="*/ 107949 w 6858000"/>
              <a:gd name="connsiteY2031" fmla="*/ 5401123 h 6858000"/>
              <a:gd name="connsiteX2032" fmla="*/ 614213 w 6858000"/>
              <a:gd name="connsiteY2032" fmla="*/ 5399827 h 6858000"/>
              <a:gd name="connsiteX2033" fmla="*/ 614213 w 6858000"/>
              <a:gd name="connsiteY2033" fmla="*/ 5510145 h 6858000"/>
              <a:gd name="connsiteX2034" fmla="*/ 724531 w 6858000"/>
              <a:gd name="connsiteY2034" fmla="*/ 5510145 h 6858000"/>
              <a:gd name="connsiteX2035" fmla="*/ 724531 w 6858000"/>
              <a:gd name="connsiteY2035" fmla="*/ 5399827 h 6858000"/>
              <a:gd name="connsiteX2036" fmla="*/ 121984 w 6858000"/>
              <a:gd name="connsiteY2036" fmla="*/ 5399827 h 6858000"/>
              <a:gd name="connsiteX2037" fmla="*/ 121984 w 6858000"/>
              <a:gd name="connsiteY2037" fmla="*/ 5510145 h 6858000"/>
              <a:gd name="connsiteX2038" fmla="*/ 232302 w 6858000"/>
              <a:gd name="connsiteY2038" fmla="*/ 5510145 h 6858000"/>
              <a:gd name="connsiteX2039" fmla="*/ 232302 w 6858000"/>
              <a:gd name="connsiteY2039" fmla="*/ 5399827 h 6858000"/>
              <a:gd name="connsiteX2040" fmla="*/ 490934 w 6858000"/>
              <a:gd name="connsiteY2040" fmla="*/ 5399604 h 6858000"/>
              <a:gd name="connsiteX2041" fmla="*/ 490934 w 6858000"/>
              <a:gd name="connsiteY2041" fmla="*/ 5510367 h 6858000"/>
              <a:gd name="connsiteX2042" fmla="*/ 601697 w 6858000"/>
              <a:gd name="connsiteY2042" fmla="*/ 5510367 h 6858000"/>
              <a:gd name="connsiteX2043" fmla="*/ 601697 w 6858000"/>
              <a:gd name="connsiteY2043" fmla="*/ 5399604 h 6858000"/>
              <a:gd name="connsiteX2044" fmla="*/ 367876 w 6858000"/>
              <a:gd name="connsiteY2044" fmla="*/ 5399604 h 6858000"/>
              <a:gd name="connsiteX2045" fmla="*/ 367876 w 6858000"/>
              <a:gd name="connsiteY2045" fmla="*/ 5510367 h 6858000"/>
              <a:gd name="connsiteX2046" fmla="*/ 478639 w 6858000"/>
              <a:gd name="connsiteY2046" fmla="*/ 5510367 h 6858000"/>
              <a:gd name="connsiteX2047" fmla="*/ 478639 w 6858000"/>
              <a:gd name="connsiteY2047" fmla="*/ 5399604 h 6858000"/>
              <a:gd name="connsiteX2048" fmla="*/ 244819 w 6858000"/>
              <a:gd name="connsiteY2048" fmla="*/ 5399604 h 6858000"/>
              <a:gd name="connsiteX2049" fmla="*/ 244819 w 6858000"/>
              <a:gd name="connsiteY2049" fmla="*/ 5510367 h 6858000"/>
              <a:gd name="connsiteX2050" fmla="*/ 355582 w 6858000"/>
              <a:gd name="connsiteY2050" fmla="*/ 5510367 h 6858000"/>
              <a:gd name="connsiteX2051" fmla="*/ 355582 w 6858000"/>
              <a:gd name="connsiteY2051" fmla="*/ 5399604 h 6858000"/>
              <a:gd name="connsiteX2052" fmla="*/ 3622618 w 6858000"/>
              <a:gd name="connsiteY2052" fmla="*/ 5331725 h 6858000"/>
              <a:gd name="connsiteX2053" fmla="*/ 3622618 w 6858000"/>
              <a:gd name="connsiteY2053" fmla="*/ 5332169 h 6858000"/>
              <a:gd name="connsiteX2054" fmla="*/ 3623062 w 6858000"/>
              <a:gd name="connsiteY2054" fmla="*/ 5332169 h 6858000"/>
              <a:gd name="connsiteX2055" fmla="*/ 3623062 w 6858000"/>
              <a:gd name="connsiteY2055" fmla="*/ 5331725 h 6858000"/>
              <a:gd name="connsiteX2056" fmla="*/ 3499524 w 6858000"/>
              <a:gd name="connsiteY2056" fmla="*/ 5331725 h 6858000"/>
              <a:gd name="connsiteX2057" fmla="*/ 3499524 w 6858000"/>
              <a:gd name="connsiteY2057" fmla="*/ 5332169 h 6858000"/>
              <a:gd name="connsiteX2058" fmla="*/ 3499968 w 6858000"/>
              <a:gd name="connsiteY2058" fmla="*/ 5332169 h 6858000"/>
              <a:gd name="connsiteX2059" fmla="*/ 3499968 w 6858000"/>
              <a:gd name="connsiteY2059" fmla="*/ 5331725 h 6858000"/>
              <a:gd name="connsiteX2060" fmla="*/ 3376467 w 6858000"/>
              <a:gd name="connsiteY2060" fmla="*/ 5331725 h 6858000"/>
              <a:gd name="connsiteX2061" fmla="*/ 3376467 w 6858000"/>
              <a:gd name="connsiteY2061" fmla="*/ 5332169 h 6858000"/>
              <a:gd name="connsiteX2062" fmla="*/ 3376911 w 6858000"/>
              <a:gd name="connsiteY2062" fmla="*/ 5332169 h 6858000"/>
              <a:gd name="connsiteX2063" fmla="*/ 3376911 w 6858000"/>
              <a:gd name="connsiteY2063" fmla="*/ 5331725 h 6858000"/>
              <a:gd name="connsiteX2064" fmla="*/ 3253409 w 6858000"/>
              <a:gd name="connsiteY2064" fmla="*/ 5331725 h 6858000"/>
              <a:gd name="connsiteX2065" fmla="*/ 3253409 w 6858000"/>
              <a:gd name="connsiteY2065" fmla="*/ 5332169 h 6858000"/>
              <a:gd name="connsiteX2066" fmla="*/ 3253853 w 6858000"/>
              <a:gd name="connsiteY2066" fmla="*/ 5332169 h 6858000"/>
              <a:gd name="connsiteX2067" fmla="*/ 3253853 w 6858000"/>
              <a:gd name="connsiteY2067" fmla="*/ 5331725 h 6858000"/>
              <a:gd name="connsiteX2068" fmla="*/ 3130352 w 6858000"/>
              <a:gd name="connsiteY2068" fmla="*/ 5331725 h 6858000"/>
              <a:gd name="connsiteX2069" fmla="*/ 3130352 w 6858000"/>
              <a:gd name="connsiteY2069" fmla="*/ 5332169 h 6858000"/>
              <a:gd name="connsiteX2070" fmla="*/ 3130796 w 6858000"/>
              <a:gd name="connsiteY2070" fmla="*/ 5332169 h 6858000"/>
              <a:gd name="connsiteX2071" fmla="*/ 3130796 w 6858000"/>
              <a:gd name="connsiteY2071" fmla="*/ 5331725 h 6858000"/>
              <a:gd name="connsiteX2072" fmla="*/ 3007295 w 6858000"/>
              <a:gd name="connsiteY2072" fmla="*/ 5331725 h 6858000"/>
              <a:gd name="connsiteX2073" fmla="*/ 3007295 w 6858000"/>
              <a:gd name="connsiteY2073" fmla="*/ 5332169 h 6858000"/>
              <a:gd name="connsiteX2074" fmla="*/ 3007739 w 6858000"/>
              <a:gd name="connsiteY2074" fmla="*/ 5332169 h 6858000"/>
              <a:gd name="connsiteX2075" fmla="*/ 3007739 w 6858000"/>
              <a:gd name="connsiteY2075" fmla="*/ 5331725 h 6858000"/>
              <a:gd name="connsiteX2076" fmla="*/ 2883793 w 6858000"/>
              <a:gd name="connsiteY2076" fmla="*/ 5331280 h 6858000"/>
              <a:gd name="connsiteX2077" fmla="*/ 2883793 w 6858000"/>
              <a:gd name="connsiteY2077" fmla="*/ 5332576 h 6858000"/>
              <a:gd name="connsiteX2078" fmla="*/ 2885089 w 6858000"/>
              <a:gd name="connsiteY2078" fmla="*/ 5332576 h 6858000"/>
              <a:gd name="connsiteX2079" fmla="*/ 2885089 w 6858000"/>
              <a:gd name="connsiteY2079" fmla="*/ 5331280 h 6858000"/>
              <a:gd name="connsiteX2080" fmla="*/ 2760736 w 6858000"/>
              <a:gd name="connsiteY2080" fmla="*/ 5331280 h 6858000"/>
              <a:gd name="connsiteX2081" fmla="*/ 2760736 w 6858000"/>
              <a:gd name="connsiteY2081" fmla="*/ 5332576 h 6858000"/>
              <a:gd name="connsiteX2082" fmla="*/ 2762032 w 6858000"/>
              <a:gd name="connsiteY2082" fmla="*/ 5332576 h 6858000"/>
              <a:gd name="connsiteX2083" fmla="*/ 2762032 w 6858000"/>
              <a:gd name="connsiteY2083" fmla="*/ 5331280 h 6858000"/>
              <a:gd name="connsiteX2084" fmla="*/ 2636382 w 6858000"/>
              <a:gd name="connsiteY2084" fmla="*/ 5329984 h 6858000"/>
              <a:gd name="connsiteX2085" fmla="*/ 2636382 w 6858000"/>
              <a:gd name="connsiteY2085" fmla="*/ 5333910 h 6858000"/>
              <a:gd name="connsiteX2086" fmla="*/ 2640307 w 6858000"/>
              <a:gd name="connsiteY2086" fmla="*/ 5333910 h 6858000"/>
              <a:gd name="connsiteX2087" fmla="*/ 2640307 w 6858000"/>
              <a:gd name="connsiteY2087" fmla="*/ 5329984 h 6858000"/>
              <a:gd name="connsiteX2088" fmla="*/ 2511140 w 6858000"/>
              <a:gd name="connsiteY2088" fmla="*/ 5327799 h 6858000"/>
              <a:gd name="connsiteX2089" fmla="*/ 2511140 w 6858000"/>
              <a:gd name="connsiteY2089" fmla="*/ 5336057 h 6858000"/>
              <a:gd name="connsiteX2090" fmla="*/ 2519398 w 6858000"/>
              <a:gd name="connsiteY2090" fmla="*/ 5336057 h 6858000"/>
              <a:gd name="connsiteX2091" fmla="*/ 2519398 w 6858000"/>
              <a:gd name="connsiteY2091" fmla="*/ 5327799 h 6858000"/>
              <a:gd name="connsiteX2092" fmla="*/ 2385046 w 6858000"/>
              <a:gd name="connsiteY2092" fmla="*/ 5324763 h 6858000"/>
              <a:gd name="connsiteX2093" fmla="*/ 2385046 w 6858000"/>
              <a:gd name="connsiteY2093" fmla="*/ 5339094 h 6858000"/>
              <a:gd name="connsiteX2094" fmla="*/ 2399377 w 6858000"/>
              <a:gd name="connsiteY2094" fmla="*/ 5339094 h 6858000"/>
              <a:gd name="connsiteX2095" fmla="*/ 2399377 w 6858000"/>
              <a:gd name="connsiteY2095" fmla="*/ 5324763 h 6858000"/>
              <a:gd name="connsiteX2096" fmla="*/ 2258952 w 6858000"/>
              <a:gd name="connsiteY2096" fmla="*/ 5321726 h 6858000"/>
              <a:gd name="connsiteX2097" fmla="*/ 2258952 w 6858000"/>
              <a:gd name="connsiteY2097" fmla="*/ 5342131 h 6858000"/>
              <a:gd name="connsiteX2098" fmla="*/ 2279357 w 6858000"/>
              <a:gd name="connsiteY2098" fmla="*/ 5342131 h 6858000"/>
              <a:gd name="connsiteX2099" fmla="*/ 2279357 w 6858000"/>
              <a:gd name="connsiteY2099" fmla="*/ 5321726 h 6858000"/>
              <a:gd name="connsiteX2100" fmla="*/ 2132414 w 6858000"/>
              <a:gd name="connsiteY2100" fmla="*/ 5318245 h 6858000"/>
              <a:gd name="connsiteX2101" fmla="*/ 2132414 w 6858000"/>
              <a:gd name="connsiteY2101" fmla="*/ 5345612 h 6858000"/>
              <a:gd name="connsiteX2102" fmla="*/ 2159781 w 6858000"/>
              <a:gd name="connsiteY2102" fmla="*/ 5345612 h 6858000"/>
              <a:gd name="connsiteX2103" fmla="*/ 2159781 w 6858000"/>
              <a:gd name="connsiteY2103" fmla="*/ 5318245 h 6858000"/>
              <a:gd name="connsiteX2104" fmla="*/ 2005876 w 6858000"/>
              <a:gd name="connsiteY2104" fmla="*/ 5314764 h 6858000"/>
              <a:gd name="connsiteX2105" fmla="*/ 2005876 w 6858000"/>
              <a:gd name="connsiteY2105" fmla="*/ 5349093 h 6858000"/>
              <a:gd name="connsiteX2106" fmla="*/ 2040205 w 6858000"/>
              <a:gd name="connsiteY2106" fmla="*/ 5349093 h 6858000"/>
              <a:gd name="connsiteX2107" fmla="*/ 2040205 w 6858000"/>
              <a:gd name="connsiteY2107" fmla="*/ 5314764 h 6858000"/>
              <a:gd name="connsiteX2108" fmla="*/ 1878930 w 6858000"/>
              <a:gd name="connsiteY2108" fmla="*/ 5310876 h 6858000"/>
              <a:gd name="connsiteX2109" fmla="*/ 1878930 w 6858000"/>
              <a:gd name="connsiteY2109" fmla="*/ 5353018 h 6858000"/>
              <a:gd name="connsiteX2110" fmla="*/ 1921072 w 6858000"/>
              <a:gd name="connsiteY2110" fmla="*/ 5353018 h 6858000"/>
              <a:gd name="connsiteX2111" fmla="*/ 1921072 w 6858000"/>
              <a:gd name="connsiteY2111" fmla="*/ 5310876 h 6858000"/>
              <a:gd name="connsiteX2112" fmla="*/ 1751947 w 6858000"/>
              <a:gd name="connsiteY2112" fmla="*/ 5306950 h 6858000"/>
              <a:gd name="connsiteX2113" fmla="*/ 1751947 w 6858000"/>
              <a:gd name="connsiteY2113" fmla="*/ 5356906 h 6858000"/>
              <a:gd name="connsiteX2114" fmla="*/ 1801903 w 6858000"/>
              <a:gd name="connsiteY2114" fmla="*/ 5356906 h 6858000"/>
              <a:gd name="connsiteX2115" fmla="*/ 1801903 w 6858000"/>
              <a:gd name="connsiteY2115" fmla="*/ 5306950 h 6858000"/>
              <a:gd name="connsiteX2116" fmla="*/ 1624964 w 6858000"/>
              <a:gd name="connsiteY2116" fmla="*/ 5303062 h 6858000"/>
              <a:gd name="connsiteX2117" fmla="*/ 1624964 w 6858000"/>
              <a:gd name="connsiteY2117" fmla="*/ 5360832 h 6858000"/>
              <a:gd name="connsiteX2118" fmla="*/ 1682734 w 6858000"/>
              <a:gd name="connsiteY2118" fmla="*/ 5360832 h 6858000"/>
              <a:gd name="connsiteX2119" fmla="*/ 1682734 w 6858000"/>
              <a:gd name="connsiteY2119" fmla="*/ 5303062 h 6858000"/>
              <a:gd name="connsiteX2120" fmla="*/ 1498019 w 6858000"/>
              <a:gd name="connsiteY2120" fmla="*/ 5299137 h 6858000"/>
              <a:gd name="connsiteX2121" fmla="*/ 1498019 w 6858000"/>
              <a:gd name="connsiteY2121" fmla="*/ 5364721 h 6858000"/>
              <a:gd name="connsiteX2122" fmla="*/ 1563603 w 6858000"/>
              <a:gd name="connsiteY2122" fmla="*/ 5364721 h 6858000"/>
              <a:gd name="connsiteX2123" fmla="*/ 1563603 w 6858000"/>
              <a:gd name="connsiteY2123" fmla="*/ 5299137 h 6858000"/>
              <a:gd name="connsiteX2124" fmla="*/ 1371036 w 6858000"/>
              <a:gd name="connsiteY2124" fmla="*/ 5295211 h 6858000"/>
              <a:gd name="connsiteX2125" fmla="*/ 1371036 w 6858000"/>
              <a:gd name="connsiteY2125" fmla="*/ 5368608 h 6858000"/>
              <a:gd name="connsiteX2126" fmla="*/ 1444433 w 6858000"/>
              <a:gd name="connsiteY2126" fmla="*/ 5368608 h 6858000"/>
              <a:gd name="connsiteX2127" fmla="*/ 1444433 w 6858000"/>
              <a:gd name="connsiteY2127" fmla="*/ 5295211 h 6858000"/>
              <a:gd name="connsiteX2128" fmla="*/ 1244276 w 6858000"/>
              <a:gd name="connsiteY2128" fmla="*/ 5291545 h 6858000"/>
              <a:gd name="connsiteX2129" fmla="*/ 1244276 w 6858000"/>
              <a:gd name="connsiteY2129" fmla="*/ 5372349 h 6858000"/>
              <a:gd name="connsiteX2130" fmla="*/ 1325080 w 6858000"/>
              <a:gd name="connsiteY2130" fmla="*/ 5372349 h 6858000"/>
              <a:gd name="connsiteX2131" fmla="*/ 1325080 w 6858000"/>
              <a:gd name="connsiteY2131" fmla="*/ 5291545 h 6858000"/>
              <a:gd name="connsiteX2132" fmla="*/ 1117737 w 6858000"/>
              <a:gd name="connsiteY2132" fmla="*/ 5288064 h 6858000"/>
              <a:gd name="connsiteX2133" fmla="*/ 1117737 w 6858000"/>
              <a:gd name="connsiteY2133" fmla="*/ 5375793 h 6858000"/>
              <a:gd name="connsiteX2134" fmla="*/ 1205466 w 6858000"/>
              <a:gd name="connsiteY2134" fmla="*/ 5375793 h 6858000"/>
              <a:gd name="connsiteX2135" fmla="*/ 1205466 w 6858000"/>
              <a:gd name="connsiteY2135" fmla="*/ 5288064 h 6858000"/>
              <a:gd name="connsiteX2136" fmla="*/ 991421 w 6858000"/>
              <a:gd name="connsiteY2136" fmla="*/ 5284805 h 6858000"/>
              <a:gd name="connsiteX2137" fmla="*/ 991421 w 6858000"/>
              <a:gd name="connsiteY2137" fmla="*/ 5379051 h 6858000"/>
              <a:gd name="connsiteX2138" fmla="*/ 1085667 w 6858000"/>
              <a:gd name="connsiteY2138" fmla="*/ 5379051 h 6858000"/>
              <a:gd name="connsiteX2139" fmla="*/ 1085667 w 6858000"/>
              <a:gd name="connsiteY2139" fmla="*/ 5284805 h 6858000"/>
              <a:gd name="connsiteX2140" fmla="*/ 865327 w 6858000"/>
              <a:gd name="connsiteY2140" fmla="*/ 5281769 h 6858000"/>
              <a:gd name="connsiteX2141" fmla="*/ 865327 w 6858000"/>
              <a:gd name="connsiteY2141" fmla="*/ 5382089 h 6858000"/>
              <a:gd name="connsiteX2142" fmla="*/ 965647 w 6858000"/>
              <a:gd name="connsiteY2142" fmla="*/ 5382089 h 6858000"/>
              <a:gd name="connsiteX2143" fmla="*/ 965647 w 6858000"/>
              <a:gd name="connsiteY2143" fmla="*/ 5281769 h 6858000"/>
              <a:gd name="connsiteX2144" fmla="*/ 739900 w 6858000"/>
              <a:gd name="connsiteY2144" fmla="*/ 5279361 h 6858000"/>
              <a:gd name="connsiteX2145" fmla="*/ 739900 w 6858000"/>
              <a:gd name="connsiteY2145" fmla="*/ 5384458 h 6858000"/>
              <a:gd name="connsiteX2146" fmla="*/ 844997 w 6858000"/>
              <a:gd name="connsiteY2146" fmla="*/ 5384458 h 6858000"/>
              <a:gd name="connsiteX2147" fmla="*/ 844997 w 6858000"/>
              <a:gd name="connsiteY2147" fmla="*/ 5279361 h 6858000"/>
              <a:gd name="connsiteX2148" fmla="*/ 445 w 6858000"/>
              <a:gd name="connsiteY2148" fmla="*/ 5278288 h 6858000"/>
              <a:gd name="connsiteX2149" fmla="*/ 445 w 6858000"/>
              <a:gd name="connsiteY2149" fmla="*/ 5385570 h 6858000"/>
              <a:gd name="connsiteX2150" fmla="*/ 107727 w 6858000"/>
              <a:gd name="connsiteY2150" fmla="*/ 5385570 h 6858000"/>
              <a:gd name="connsiteX2151" fmla="*/ 107727 w 6858000"/>
              <a:gd name="connsiteY2151" fmla="*/ 5278288 h 6858000"/>
              <a:gd name="connsiteX2152" fmla="*/ 615102 w 6858000"/>
              <a:gd name="connsiteY2152" fmla="*/ 5277621 h 6858000"/>
              <a:gd name="connsiteX2153" fmla="*/ 615102 w 6858000"/>
              <a:gd name="connsiteY2153" fmla="*/ 5386199 h 6858000"/>
              <a:gd name="connsiteX2154" fmla="*/ 723680 w 6858000"/>
              <a:gd name="connsiteY2154" fmla="*/ 5386199 h 6858000"/>
              <a:gd name="connsiteX2155" fmla="*/ 723680 w 6858000"/>
              <a:gd name="connsiteY2155" fmla="*/ 5277621 h 6858000"/>
              <a:gd name="connsiteX2156" fmla="*/ 491378 w 6858000"/>
              <a:gd name="connsiteY2156" fmla="*/ 5276991 h 6858000"/>
              <a:gd name="connsiteX2157" fmla="*/ 491378 w 6858000"/>
              <a:gd name="connsiteY2157" fmla="*/ 5386865 h 6858000"/>
              <a:gd name="connsiteX2158" fmla="*/ 601252 w 6858000"/>
              <a:gd name="connsiteY2158" fmla="*/ 5386865 h 6858000"/>
              <a:gd name="connsiteX2159" fmla="*/ 601252 w 6858000"/>
              <a:gd name="connsiteY2159" fmla="*/ 5276991 h 6858000"/>
              <a:gd name="connsiteX2160" fmla="*/ 368321 w 6858000"/>
              <a:gd name="connsiteY2160" fmla="*/ 5276991 h 6858000"/>
              <a:gd name="connsiteX2161" fmla="*/ 368321 w 6858000"/>
              <a:gd name="connsiteY2161" fmla="*/ 5386865 h 6858000"/>
              <a:gd name="connsiteX2162" fmla="*/ 478195 w 6858000"/>
              <a:gd name="connsiteY2162" fmla="*/ 5386865 h 6858000"/>
              <a:gd name="connsiteX2163" fmla="*/ 478195 w 6858000"/>
              <a:gd name="connsiteY2163" fmla="*/ 5276991 h 6858000"/>
              <a:gd name="connsiteX2164" fmla="*/ 245263 w 6858000"/>
              <a:gd name="connsiteY2164" fmla="*/ 5276991 h 6858000"/>
              <a:gd name="connsiteX2165" fmla="*/ 245263 w 6858000"/>
              <a:gd name="connsiteY2165" fmla="*/ 5386865 h 6858000"/>
              <a:gd name="connsiteX2166" fmla="*/ 355137 w 6858000"/>
              <a:gd name="connsiteY2166" fmla="*/ 5386865 h 6858000"/>
              <a:gd name="connsiteX2167" fmla="*/ 355137 w 6858000"/>
              <a:gd name="connsiteY2167" fmla="*/ 5276991 h 6858000"/>
              <a:gd name="connsiteX2168" fmla="*/ 122206 w 6858000"/>
              <a:gd name="connsiteY2168" fmla="*/ 5276991 h 6858000"/>
              <a:gd name="connsiteX2169" fmla="*/ 122206 w 6858000"/>
              <a:gd name="connsiteY2169" fmla="*/ 5386865 h 6858000"/>
              <a:gd name="connsiteX2170" fmla="*/ 232080 w 6858000"/>
              <a:gd name="connsiteY2170" fmla="*/ 5386865 h 6858000"/>
              <a:gd name="connsiteX2171" fmla="*/ 232080 w 6858000"/>
              <a:gd name="connsiteY2171" fmla="*/ 5276991 h 6858000"/>
              <a:gd name="connsiteX2172" fmla="*/ 3130352 w 6858000"/>
              <a:gd name="connsiteY2172" fmla="*/ 5208667 h 6858000"/>
              <a:gd name="connsiteX2173" fmla="*/ 3130352 w 6858000"/>
              <a:gd name="connsiteY2173" fmla="*/ 5209111 h 6858000"/>
              <a:gd name="connsiteX2174" fmla="*/ 3130796 w 6858000"/>
              <a:gd name="connsiteY2174" fmla="*/ 5209111 h 6858000"/>
              <a:gd name="connsiteX2175" fmla="*/ 3130796 w 6858000"/>
              <a:gd name="connsiteY2175" fmla="*/ 5208667 h 6858000"/>
              <a:gd name="connsiteX2176" fmla="*/ 3007295 w 6858000"/>
              <a:gd name="connsiteY2176" fmla="*/ 5208667 h 6858000"/>
              <a:gd name="connsiteX2177" fmla="*/ 3007295 w 6858000"/>
              <a:gd name="connsiteY2177" fmla="*/ 5209111 h 6858000"/>
              <a:gd name="connsiteX2178" fmla="*/ 3007739 w 6858000"/>
              <a:gd name="connsiteY2178" fmla="*/ 5209111 h 6858000"/>
              <a:gd name="connsiteX2179" fmla="*/ 3007739 w 6858000"/>
              <a:gd name="connsiteY2179" fmla="*/ 5208667 h 6858000"/>
              <a:gd name="connsiteX2180" fmla="*/ 2884238 w 6858000"/>
              <a:gd name="connsiteY2180" fmla="*/ 5208667 h 6858000"/>
              <a:gd name="connsiteX2181" fmla="*/ 2884238 w 6858000"/>
              <a:gd name="connsiteY2181" fmla="*/ 5209111 h 6858000"/>
              <a:gd name="connsiteX2182" fmla="*/ 2884682 w 6858000"/>
              <a:gd name="connsiteY2182" fmla="*/ 5209111 h 6858000"/>
              <a:gd name="connsiteX2183" fmla="*/ 2884682 w 6858000"/>
              <a:gd name="connsiteY2183" fmla="*/ 5208667 h 6858000"/>
              <a:gd name="connsiteX2184" fmla="*/ 2761180 w 6858000"/>
              <a:gd name="connsiteY2184" fmla="*/ 5208667 h 6858000"/>
              <a:gd name="connsiteX2185" fmla="*/ 2761180 w 6858000"/>
              <a:gd name="connsiteY2185" fmla="*/ 5209111 h 6858000"/>
              <a:gd name="connsiteX2186" fmla="*/ 2761624 w 6858000"/>
              <a:gd name="connsiteY2186" fmla="*/ 5209111 h 6858000"/>
              <a:gd name="connsiteX2187" fmla="*/ 2761624 w 6858000"/>
              <a:gd name="connsiteY2187" fmla="*/ 5208667 h 6858000"/>
              <a:gd name="connsiteX2188" fmla="*/ 2636827 w 6858000"/>
              <a:gd name="connsiteY2188" fmla="*/ 5207334 h 6858000"/>
              <a:gd name="connsiteX2189" fmla="*/ 2636827 w 6858000"/>
              <a:gd name="connsiteY2189" fmla="*/ 5210370 h 6858000"/>
              <a:gd name="connsiteX2190" fmla="*/ 2639864 w 6858000"/>
              <a:gd name="connsiteY2190" fmla="*/ 5210370 h 6858000"/>
              <a:gd name="connsiteX2191" fmla="*/ 2639864 w 6858000"/>
              <a:gd name="connsiteY2191" fmla="*/ 5207334 h 6858000"/>
              <a:gd name="connsiteX2192" fmla="*/ 2511585 w 6858000"/>
              <a:gd name="connsiteY2192" fmla="*/ 5205186 h 6858000"/>
              <a:gd name="connsiteX2193" fmla="*/ 2511585 w 6858000"/>
              <a:gd name="connsiteY2193" fmla="*/ 5212556 h 6858000"/>
              <a:gd name="connsiteX2194" fmla="*/ 2518954 w 6858000"/>
              <a:gd name="connsiteY2194" fmla="*/ 5212556 h 6858000"/>
              <a:gd name="connsiteX2195" fmla="*/ 2518954 w 6858000"/>
              <a:gd name="connsiteY2195" fmla="*/ 5205186 h 6858000"/>
              <a:gd name="connsiteX2196" fmla="*/ 2385491 w 6858000"/>
              <a:gd name="connsiteY2196" fmla="*/ 5202150 h 6858000"/>
              <a:gd name="connsiteX2197" fmla="*/ 2385491 w 6858000"/>
              <a:gd name="connsiteY2197" fmla="*/ 5215630 h 6858000"/>
              <a:gd name="connsiteX2198" fmla="*/ 2398971 w 6858000"/>
              <a:gd name="connsiteY2198" fmla="*/ 5215630 h 6858000"/>
              <a:gd name="connsiteX2199" fmla="*/ 2398971 w 6858000"/>
              <a:gd name="connsiteY2199" fmla="*/ 5202150 h 6858000"/>
              <a:gd name="connsiteX2200" fmla="*/ 2259174 w 6858000"/>
              <a:gd name="connsiteY2200" fmla="*/ 5198891 h 6858000"/>
              <a:gd name="connsiteX2201" fmla="*/ 2259174 w 6858000"/>
              <a:gd name="connsiteY2201" fmla="*/ 5218888 h 6858000"/>
              <a:gd name="connsiteX2202" fmla="*/ 2279171 w 6858000"/>
              <a:gd name="connsiteY2202" fmla="*/ 5218888 h 6858000"/>
              <a:gd name="connsiteX2203" fmla="*/ 2279171 w 6858000"/>
              <a:gd name="connsiteY2203" fmla="*/ 5198891 h 6858000"/>
              <a:gd name="connsiteX2204" fmla="*/ 2133081 w 6858000"/>
              <a:gd name="connsiteY2204" fmla="*/ 5195854 h 6858000"/>
              <a:gd name="connsiteX2205" fmla="*/ 2133081 w 6858000"/>
              <a:gd name="connsiteY2205" fmla="*/ 5221925 h 6858000"/>
              <a:gd name="connsiteX2206" fmla="*/ 2159151 w 6858000"/>
              <a:gd name="connsiteY2206" fmla="*/ 5221925 h 6858000"/>
              <a:gd name="connsiteX2207" fmla="*/ 2159151 w 6858000"/>
              <a:gd name="connsiteY2207" fmla="*/ 5195854 h 6858000"/>
              <a:gd name="connsiteX2208" fmla="*/ 2006320 w 6858000"/>
              <a:gd name="connsiteY2208" fmla="*/ 5192151 h 6858000"/>
              <a:gd name="connsiteX2209" fmla="*/ 2006320 w 6858000"/>
              <a:gd name="connsiteY2209" fmla="*/ 5225591 h 6858000"/>
              <a:gd name="connsiteX2210" fmla="*/ 2039760 w 6858000"/>
              <a:gd name="connsiteY2210" fmla="*/ 5225591 h 6858000"/>
              <a:gd name="connsiteX2211" fmla="*/ 2039760 w 6858000"/>
              <a:gd name="connsiteY2211" fmla="*/ 5192151 h 6858000"/>
              <a:gd name="connsiteX2212" fmla="*/ 1879559 w 6858000"/>
              <a:gd name="connsiteY2212" fmla="*/ 5188448 h 6858000"/>
              <a:gd name="connsiteX2213" fmla="*/ 1879559 w 6858000"/>
              <a:gd name="connsiteY2213" fmla="*/ 5229257 h 6858000"/>
              <a:gd name="connsiteX2214" fmla="*/ 1920368 w 6858000"/>
              <a:gd name="connsiteY2214" fmla="*/ 5229257 h 6858000"/>
              <a:gd name="connsiteX2215" fmla="*/ 1920368 w 6858000"/>
              <a:gd name="connsiteY2215" fmla="*/ 5188448 h 6858000"/>
              <a:gd name="connsiteX2216" fmla="*/ 1752577 w 6858000"/>
              <a:gd name="connsiteY2216" fmla="*/ 5184560 h 6858000"/>
              <a:gd name="connsiteX2217" fmla="*/ 1752577 w 6858000"/>
              <a:gd name="connsiteY2217" fmla="*/ 5233220 h 6858000"/>
              <a:gd name="connsiteX2218" fmla="*/ 1801237 w 6858000"/>
              <a:gd name="connsiteY2218" fmla="*/ 5233220 h 6858000"/>
              <a:gd name="connsiteX2219" fmla="*/ 1801237 w 6858000"/>
              <a:gd name="connsiteY2219" fmla="*/ 5184560 h 6858000"/>
              <a:gd name="connsiteX2220" fmla="*/ 1625631 w 6858000"/>
              <a:gd name="connsiteY2220" fmla="*/ 5180634 h 6858000"/>
              <a:gd name="connsiteX2221" fmla="*/ 1625631 w 6858000"/>
              <a:gd name="connsiteY2221" fmla="*/ 5237108 h 6858000"/>
              <a:gd name="connsiteX2222" fmla="*/ 1682105 w 6858000"/>
              <a:gd name="connsiteY2222" fmla="*/ 5237108 h 6858000"/>
              <a:gd name="connsiteX2223" fmla="*/ 1682105 w 6858000"/>
              <a:gd name="connsiteY2223" fmla="*/ 5180634 h 6858000"/>
              <a:gd name="connsiteX2224" fmla="*/ 1498871 w 6858000"/>
              <a:gd name="connsiteY2224" fmla="*/ 5176931 h 6858000"/>
              <a:gd name="connsiteX2225" fmla="*/ 1498871 w 6858000"/>
              <a:gd name="connsiteY2225" fmla="*/ 5240774 h 6858000"/>
              <a:gd name="connsiteX2226" fmla="*/ 1562714 w 6858000"/>
              <a:gd name="connsiteY2226" fmla="*/ 5240774 h 6858000"/>
              <a:gd name="connsiteX2227" fmla="*/ 1562714 w 6858000"/>
              <a:gd name="connsiteY2227" fmla="*/ 5176931 h 6858000"/>
              <a:gd name="connsiteX2228" fmla="*/ 1371888 w 6858000"/>
              <a:gd name="connsiteY2228" fmla="*/ 5173043 h 6858000"/>
              <a:gd name="connsiteX2229" fmla="*/ 1371888 w 6858000"/>
              <a:gd name="connsiteY2229" fmla="*/ 5244700 h 6858000"/>
              <a:gd name="connsiteX2230" fmla="*/ 1443545 w 6858000"/>
              <a:gd name="connsiteY2230" fmla="*/ 5244700 h 6858000"/>
              <a:gd name="connsiteX2231" fmla="*/ 1443545 w 6858000"/>
              <a:gd name="connsiteY2231" fmla="*/ 5173043 h 6858000"/>
              <a:gd name="connsiteX2232" fmla="*/ 1245387 w 6858000"/>
              <a:gd name="connsiteY2232" fmla="*/ 5169562 h 6858000"/>
              <a:gd name="connsiteX2233" fmla="*/ 1245387 w 6858000"/>
              <a:gd name="connsiteY2233" fmla="*/ 5248181 h 6858000"/>
              <a:gd name="connsiteX2234" fmla="*/ 1324006 w 6858000"/>
              <a:gd name="connsiteY2234" fmla="*/ 5248181 h 6858000"/>
              <a:gd name="connsiteX2235" fmla="*/ 1324006 w 6858000"/>
              <a:gd name="connsiteY2235" fmla="*/ 5169562 h 6858000"/>
              <a:gd name="connsiteX2236" fmla="*/ 1118848 w 6858000"/>
              <a:gd name="connsiteY2236" fmla="*/ 5166081 h 6858000"/>
              <a:gd name="connsiteX2237" fmla="*/ 1118848 w 6858000"/>
              <a:gd name="connsiteY2237" fmla="*/ 5251662 h 6858000"/>
              <a:gd name="connsiteX2238" fmla="*/ 1204429 w 6858000"/>
              <a:gd name="connsiteY2238" fmla="*/ 5251662 h 6858000"/>
              <a:gd name="connsiteX2239" fmla="*/ 1204429 w 6858000"/>
              <a:gd name="connsiteY2239" fmla="*/ 5166081 h 6858000"/>
              <a:gd name="connsiteX2240" fmla="*/ 992532 w 6858000"/>
              <a:gd name="connsiteY2240" fmla="*/ 5162822 h 6858000"/>
              <a:gd name="connsiteX2241" fmla="*/ 992532 w 6858000"/>
              <a:gd name="connsiteY2241" fmla="*/ 5254883 h 6858000"/>
              <a:gd name="connsiteX2242" fmla="*/ 1084593 w 6858000"/>
              <a:gd name="connsiteY2242" fmla="*/ 5254883 h 6858000"/>
              <a:gd name="connsiteX2243" fmla="*/ 1084593 w 6858000"/>
              <a:gd name="connsiteY2243" fmla="*/ 5162822 h 6858000"/>
              <a:gd name="connsiteX2244" fmla="*/ 866401 w 6858000"/>
              <a:gd name="connsiteY2244" fmla="*/ 5159785 h 6858000"/>
              <a:gd name="connsiteX2245" fmla="*/ 866401 w 6858000"/>
              <a:gd name="connsiteY2245" fmla="*/ 5257957 h 6858000"/>
              <a:gd name="connsiteX2246" fmla="*/ 964573 w 6858000"/>
              <a:gd name="connsiteY2246" fmla="*/ 5257957 h 6858000"/>
              <a:gd name="connsiteX2247" fmla="*/ 964573 w 6858000"/>
              <a:gd name="connsiteY2247" fmla="*/ 5159785 h 6858000"/>
              <a:gd name="connsiteX2248" fmla="*/ 740974 w 6858000"/>
              <a:gd name="connsiteY2248" fmla="*/ 5157415 h 6858000"/>
              <a:gd name="connsiteX2249" fmla="*/ 740974 w 6858000"/>
              <a:gd name="connsiteY2249" fmla="*/ 5260364 h 6858000"/>
              <a:gd name="connsiteX2250" fmla="*/ 843923 w 6858000"/>
              <a:gd name="connsiteY2250" fmla="*/ 5260364 h 6858000"/>
              <a:gd name="connsiteX2251" fmla="*/ 843923 w 6858000"/>
              <a:gd name="connsiteY2251" fmla="*/ 5157415 h 6858000"/>
              <a:gd name="connsiteX2252" fmla="*/ 616620 w 6858000"/>
              <a:gd name="connsiteY2252" fmla="*/ 5156082 h 6858000"/>
              <a:gd name="connsiteX2253" fmla="*/ 616620 w 6858000"/>
              <a:gd name="connsiteY2253" fmla="*/ 5261623 h 6858000"/>
              <a:gd name="connsiteX2254" fmla="*/ 722161 w 6858000"/>
              <a:gd name="connsiteY2254" fmla="*/ 5261623 h 6858000"/>
              <a:gd name="connsiteX2255" fmla="*/ 722161 w 6858000"/>
              <a:gd name="connsiteY2255" fmla="*/ 5156082 h 6858000"/>
              <a:gd name="connsiteX2256" fmla="*/ 1074 w 6858000"/>
              <a:gd name="connsiteY2256" fmla="*/ 5155897 h 6858000"/>
              <a:gd name="connsiteX2257" fmla="*/ 1074 w 6858000"/>
              <a:gd name="connsiteY2257" fmla="*/ 5261883 h 6858000"/>
              <a:gd name="connsiteX2258" fmla="*/ 107060 w 6858000"/>
              <a:gd name="connsiteY2258" fmla="*/ 5261883 h 6858000"/>
              <a:gd name="connsiteX2259" fmla="*/ 107060 w 6858000"/>
              <a:gd name="connsiteY2259" fmla="*/ 5155897 h 6858000"/>
              <a:gd name="connsiteX2260" fmla="*/ 492896 w 6858000"/>
              <a:gd name="connsiteY2260" fmla="*/ 5155452 h 6858000"/>
              <a:gd name="connsiteX2261" fmla="*/ 492896 w 6858000"/>
              <a:gd name="connsiteY2261" fmla="*/ 5262289 h 6858000"/>
              <a:gd name="connsiteX2262" fmla="*/ 599733 w 6858000"/>
              <a:gd name="connsiteY2262" fmla="*/ 5262289 h 6858000"/>
              <a:gd name="connsiteX2263" fmla="*/ 599733 w 6858000"/>
              <a:gd name="connsiteY2263" fmla="*/ 5155452 h 6858000"/>
              <a:gd name="connsiteX2264" fmla="*/ 369172 w 6858000"/>
              <a:gd name="connsiteY2264" fmla="*/ 5154786 h 6858000"/>
              <a:gd name="connsiteX2265" fmla="*/ 369172 w 6858000"/>
              <a:gd name="connsiteY2265" fmla="*/ 5262919 h 6858000"/>
              <a:gd name="connsiteX2266" fmla="*/ 477305 w 6858000"/>
              <a:gd name="connsiteY2266" fmla="*/ 5262919 h 6858000"/>
              <a:gd name="connsiteX2267" fmla="*/ 477305 w 6858000"/>
              <a:gd name="connsiteY2267" fmla="*/ 5154786 h 6858000"/>
              <a:gd name="connsiteX2268" fmla="*/ 245893 w 6858000"/>
              <a:gd name="connsiteY2268" fmla="*/ 5154564 h 6858000"/>
              <a:gd name="connsiteX2269" fmla="*/ 245893 w 6858000"/>
              <a:gd name="connsiteY2269" fmla="*/ 5263142 h 6858000"/>
              <a:gd name="connsiteX2270" fmla="*/ 354471 w 6858000"/>
              <a:gd name="connsiteY2270" fmla="*/ 5263142 h 6858000"/>
              <a:gd name="connsiteX2271" fmla="*/ 354471 w 6858000"/>
              <a:gd name="connsiteY2271" fmla="*/ 5154564 h 6858000"/>
              <a:gd name="connsiteX2272" fmla="*/ 122836 w 6858000"/>
              <a:gd name="connsiteY2272" fmla="*/ 5154564 h 6858000"/>
              <a:gd name="connsiteX2273" fmla="*/ 122836 w 6858000"/>
              <a:gd name="connsiteY2273" fmla="*/ 5263142 h 6858000"/>
              <a:gd name="connsiteX2274" fmla="*/ 231414 w 6858000"/>
              <a:gd name="connsiteY2274" fmla="*/ 5263142 h 6858000"/>
              <a:gd name="connsiteX2275" fmla="*/ 231414 w 6858000"/>
              <a:gd name="connsiteY2275" fmla="*/ 5154564 h 6858000"/>
              <a:gd name="connsiteX2276" fmla="*/ 3253409 w 6858000"/>
              <a:gd name="connsiteY2276" fmla="*/ 5085573 h 6858000"/>
              <a:gd name="connsiteX2277" fmla="*/ 3253409 w 6858000"/>
              <a:gd name="connsiteY2277" fmla="*/ 5086017 h 6858000"/>
              <a:gd name="connsiteX2278" fmla="*/ 3253853 w 6858000"/>
              <a:gd name="connsiteY2278" fmla="*/ 5086017 h 6858000"/>
              <a:gd name="connsiteX2279" fmla="*/ 3253853 w 6858000"/>
              <a:gd name="connsiteY2279" fmla="*/ 5085573 h 6858000"/>
              <a:gd name="connsiteX2280" fmla="*/ 3130352 w 6858000"/>
              <a:gd name="connsiteY2280" fmla="*/ 5085573 h 6858000"/>
              <a:gd name="connsiteX2281" fmla="*/ 3130352 w 6858000"/>
              <a:gd name="connsiteY2281" fmla="*/ 5086017 h 6858000"/>
              <a:gd name="connsiteX2282" fmla="*/ 3130796 w 6858000"/>
              <a:gd name="connsiteY2282" fmla="*/ 5086017 h 6858000"/>
              <a:gd name="connsiteX2283" fmla="*/ 3130796 w 6858000"/>
              <a:gd name="connsiteY2283" fmla="*/ 5085573 h 6858000"/>
              <a:gd name="connsiteX2284" fmla="*/ 3007295 w 6858000"/>
              <a:gd name="connsiteY2284" fmla="*/ 5085573 h 6858000"/>
              <a:gd name="connsiteX2285" fmla="*/ 3007295 w 6858000"/>
              <a:gd name="connsiteY2285" fmla="*/ 5086017 h 6858000"/>
              <a:gd name="connsiteX2286" fmla="*/ 3007739 w 6858000"/>
              <a:gd name="connsiteY2286" fmla="*/ 5086017 h 6858000"/>
              <a:gd name="connsiteX2287" fmla="*/ 3007739 w 6858000"/>
              <a:gd name="connsiteY2287" fmla="*/ 5085573 h 6858000"/>
              <a:gd name="connsiteX2288" fmla="*/ 2884238 w 6858000"/>
              <a:gd name="connsiteY2288" fmla="*/ 5085573 h 6858000"/>
              <a:gd name="connsiteX2289" fmla="*/ 2884238 w 6858000"/>
              <a:gd name="connsiteY2289" fmla="*/ 5086017 h 6858000"/>
              <a:gd name="connsiteX2290" fmla="*/ 2884682 w 6858000"/>
              <a:gd name="connsiteY2290" fmla="*/ 5086017 h 6858000"/>
              <a:gd name="connsiteX2291" fmla="*/ 2884682 w 6858000"/>
              <a:gd name="connsiteY2291" fmla="*/ 5085573 h 6858000"/>
              <a:gd name="connsiteX2292" fmla="*/ 2760736 w 6858000"/>
              <a:gd name="connsiteY2292" fmla="*/ 5085166 h 6858000"/>
              <a:gd name="connsiteX2293" fmla="*/ 2760736 w 6858000"/>
              <a:gd name="connsiteY2293" fmla="*/ 5086462 h 6858000"/>
              <a:gd name="connsiteX2294" fmla="*/ 2762032 w 6858000"/>
              <a:gd name="connsiteY2294" fmla="*/ 5086462 h 6858000"/>
              <a:gd name="connsiteX2295" fmla="*/ 2762032 w 6858000"/>
              <a:gd name="connsiteY2295" fmla="*/ 5085166 h 6858000"/>
              <a:gd name="connsiteX2296" fmla="*/ 2636382 w 6858000"/>
              <a:gd name="connsiteY2296" fmla="*/ 5083870 h 6858000"/>
              <a:gd name="connsiteX2297" fmla="*/ 2636382 w 6858000"/>
              <a:gd name="connsiteY2297" fmla="*/ 5087796 h 6858000"/>
              <a:gd name="connsiteX2298" fmla="*/ 2640307 w 6858000"/>
              <a:gd name="connsiteY2298" fmla="*/ 5087796 h 6858000"/>
              <a:gd name="connsiteX2299" fmla="*/ 2640307 w 6858000"/>
              <a:gd name="connsiteY2299" fmla="*/ 5083870 h 6858000"/>
              <a:gd name="connsiteX2300" fmla="*/ 2511585 w 6858000"/>
              <a:gd name="connsiteY2300" fmla="*/ 5082129 h 6858000"/>
              <a:gd name="connsiteX2301" fmla="*/ 2511585 w 6858000"/>
              <a:gd name="connsiteY2301" fmla="*/ 5089498 h 6858000"/>
              <a:gd name="connsiteX2302" fmla="*/ 2518954 w 6858000"/>
              <a:gd name="connsiteY2302" fmla="*/ 5089498 h 6858000"/>
              <a:gd name="connsiteX2303" fmla="*/ 2518954 w 6858000"/>
              <a:gd name="connsiteY2303" fmla="*/ 5082129 h 6858000"/>
              <a:gd name="connsiteX2304" fmla="*/ 2385713 w 6858000"/>
              <a:gd name="connsiteY2304" fmla="*/ 5079278 h 6858000"/>
              <a:gd name="connsiteX2305" fmla="*/ 2385713 w 6858000"/>
              <a:gd name="connsiteY2305" fmla="*/ 5092314 h 6858000"/>
              <a:gd name="connsiteX2306" fmla="*/ 2398748 w 6858000"/>
              <a:gd name="connsiteY2306" fmla="*/ 5092314 h 6858000"/>
              <a:gd name="connsiteX2307" fmla="*/ 2398748 w 6858000"/>
              <a:gd name="connsiteY2307" fmla="*/ 5079278 h 6858000"/>
              <a:gd name="connsiteX2308" fmla="*/ 2259619 w 6858000"/>
              <a:gd name="connsiteY2308" fmla="*/ 5076241 h 6858000"/>
              <a:gd name="connsiteX2309" fmla="*/ 2259619 w 6858000"/>
              <a:gd name="connsiteY2309" fmla="*/ 5095350 h 6858000"/>
              <a:gd name="connsiteX2310" fmla="*/ 2278727 w 6858000"/>
              <a:gd name="connsiteY2310" fmla="*/ 5095350 h 6858000"/>
              <a:gd name="connsiteX2311" fmla="*/ 2278727 w 6858000"/>
              <a:gd name="connsiteY2311" fmla="*/ 5076241 h 6858000"/>
              <a:gd name="connsiteX2312" fmla="*/ 2133303 w 6858000"/>
              <a:gd name="connsiteY2312" fmla="*/ 5072982 h 6858000"/>
              <a:gd name="connsiteX2313" fmla="*/ 2133303 w 6858000"/>
              <a:gd name="connsiteY2313" fmla="*/ 5098608 h 6858000"/>
              <a:gd name="connsiteX2314" fmla="*/ 2158929 w 6858000"/>
              <a:gd name="connsiteY2314" fmla="*/ 5098608 h 6858000"/>
              <a:gd name="connsiteX2315" fmla="*/ 2158929 w 6858000"/>
              <a:gd name="connsiteY2315" fmla="*/ 5072982 h 6858000"/>
              <a:gd name="connsiteX2316" fmla="*/ 2006764 w 6858000"/>
              <a:gd name="connsiteY2316" fmla="*/ 5069538 h 6858000"/>
              <a:gd name="connsiteX2317" fmla="*/ 2006764 w 6858000"/>
              <a:gd name="connsiteY2317" fmla="*/ 5102127 h 6858000"/>
              <a:gd name="connsiteX2318" fmla="*/ 2039352 w 6858000"/>
              <a:gd name="connsiteY2318" fmla="*/ 5102127 h 6858000"/>
              <a:gd name="connsiteX2319" fmla="*/ 2039352 w 6858000"/>
              <a:gd name="connsiteY2319" fmla="*/ 5069538 h 6858000"/>
              <a:gd name="connsiteX2320" fmla="*/ 1880226 w 6858000"/>
              <a:gd name="connsiteY2320" fmla="*/ 5066057 h 6858000"/>
              <a:gd name="connsiteX2321" fmla="*/ 1880226 w 6858000"/>
              <a:gd name="connsiteY2321" fmla="*/ 5105570 h 6858000"/>
              <a:gd name="connsiteX2322" fmla="*/ 1919739 w 6858000"/>
              <a:gd name="connsiteY2322" fmla="*/ 5105570 h 6858000"/>
              <a:gd name="connsiteX2323" fmla="*/ 1919739 w 6858000"/>
              <a:gd name="connsiteY2323" fmla="*/ 5066057 h 6858000"/>
              <a:gd name="connsiteX2324" fmla="*/ 1753243 w 6858000"/>
              <a:gd name="connsiteY2324" fmla="*/ 5062132 h 6858000"/>
              <a:gd name="connsiteX2325" fmla="*/ 1753243 w 6858000"/>
              <a:gd name="connsiteY2325" fmla="*/ 5109459 h 6858000"/>
              <a:gd name="connsiteX2326" fmla="*/ 1800570 w 6858000"/>
              <a:gd name="connsiteY2326" fmla="*/ 5109459 h 6858000"/>
              <a:gd name="connsiteX2327" fmla="*/ 1800570 w 6858000"/>
              <a:gd name="connsiteY2327" fmla="*/ 5062132 h 6858000"/>
              <a:gd name="connsiteX2328" fmla="*/ 1626483 w 6858000"/>
              <a:gd name="connsiteY2328" fmla="*/ 5058429 h 6858000"/>
              <a:gd name="connsiteX2329" fmla="*/ 1626483 w 6858000"/>
              <a:gd name="connsiteY2329" fmla="*/ 5113163 h 6858000"/>
              <a:gd name="connsiteX2330" fmla="*/ 1681216 w 6858000"/>
              <a:gd name="connsiteY2330" fmla="*/ 5113163 h 6858000"/>
              <a:gd name="connsiteX2331" fmla="*/ 1681216 w 6858000"/>
              <a:gd name="connsiteY2331" fmla="*/ 5058429 h 6858000"/>
              <a:gd name="connsiteX2332" fmla="*/ 1499759 w 6858000"/>
              <a:gd name="connsiteY2332" fmla="*/ 5054762 h 6858000"/>
              <a:gd name="connsiteX2333" fmla="*/ 1499759 w 6858000"/>
              <a:gd name="connsiteY2333" fmla="*/ 5116865 h 6858000"/>
              <a:gd name="connsiteX2334" fmla="*/ 1561862 w 6858000"/>
              <a:gd name="connsiteY2334" fmla="*/ 5116865 h 6858000"/>
              <a:gd name="connsiteX2335" fmla="*/ 1561862 w 6858000"/>
              <a:gd name="connsiteY2335" fmla="*/ 5054762 h 6858000"/>
              <a:gd name="connsiteX2336" fmla="*/ 1372999 w 6858000"/>
              <a:gd name="connsiteY2336" fmla="*/ 5051059 h 6858000"/>
              <a:gd name="connsiteX2337" fmla="*/ 1372999 w 6858000"/>
              <a:gd name="connsiteY2337" fmla="*/ 5120568 h 6858000"/>
              <a:gd name="connsiteX2338" fmla="*/ 1442508 w 6858000"/>
              <a:gd name="connsiteY2338" fmla="*/ 5120568 h 6858000"/>
              <a:gd name="connsiteX2339" fmla="*/ 1442508 w 6858000"/>
              <a:gd name="connsiteY2339" fmla="*/ 5051059 h 6858000"/>
              <a:gd name="connsiteX2340" fmla="*/ 1246460 w 6858000"/>
              <a:gd name="connsiteY2340" fmla="*/ 5047578 h 6858000"/>
              <a:gd name="connsiteX2341" fmla="*/ 1246460 w 6858000"/>
              <a:gd name="connsiteY2341" fmla="*/ 5124012 h 6858000"/>
              <a:gd name="connsiteX2342" fmla="*/ 1322894 w 6858000"/>
              <a:gd name="connsiteY2342" fmla="*/ 5124012 h 6858000"/>
              <a:gd name="connsiteX2343" fmla="*/ 1322894 w 6858000"/>
              <a:gd name="connsiteY2343" fmla="*/ 5047578 h 6858000"/>
              <a:gd name="connsiteX2344" fmla="*/ 1119922 w 6858000"/>
              <a:gd name="connsiteY2344" fmla="*/ 5044097 h 6858000"/>
              <a:gd name="connsiteX2345" fmla="*/ 1119922 w 6858000"/>
              <a:gd name="connsiteY2345" fmla="*/ 5127493 h 6858000"/>
              <a:gd name="connsiteX2346" fmla="*/ 1203318 w 6858000"/>
              <a:gd name="connsiteY2346" fmla="*/ 5127493 h 6858000"/>
              <a:gd name="connsiteX2347" fmla="*/ 1203318 w 6858000"/>
              <a:gd name="connsiteY2347" fmla="*/ 5044097 h 6858000"/>
              <a:gd name="connsiteX2348" fmla="*/ 993828 w 6858000"/>
              <a:gd name="connsiteY2348" fmla="*/ 5041061 h 6858000"/>
              <a:gd name="connsiteX2349" fmla="*/ 993828 w 6858000"/>
              <a:gd name="connsiteY2349" fmla="*/ 5130530 h 6858000"/>
              <a:gd name="connsiteX2350" fmla="*/ 1083297 w 6858000"/>
              <a:gd name="connsiteY2350" fmla="*/ 5130530 h 6858000"/>
              <a:gd name="connsiteX2351" fmla="*/ 1083297 w 6858000"/>
              <a:gd name="connsiteY2351" fmla="*/ 5041061 h 6858000"/>
              <a:gd name="connsiteX2352" fmla="*/ 867919 w 6858000"/>
              <a:gd name="connsiteY2352" fmla="*/ 5038246 h 6858000"/>
              <a:gd name="connsiteX2353" fmla="*/ 867919 w 6858000"/>
              <a:gd name="connsiteY2353" fmla="*/ 5133381 h 6858000"/>
              <a:gd name="connsiteX2354" fmla="*/ 963054 w 6858000"/>
              <a:gd name="connsiteY2354" fmla="*/ 5133381 h 6858000"/>
              <a:gd name="connsiteX2355" fmla="*/ 963054 w 6858000"/>
              <a:gd name="connsiteY2355" fmla="*/ 5038246 h 6858000"/>
              <a:gd name="connsiteX2356" fmla="*/ 742714 w 6858000"/>
              <a:gd name="connsiteY2356" fmla="*/ 5036061 h 6858000"/>
              <a:gd name="connsiteX2357" fmla="*/ 742714 w 6858000"/>
              <a:gd name="connsiteY2357" fmla="*/ 5135529 h 6858000"/>
              <a:gd name="connsiteX2358" fmla="*/ 842182 w 6858000"/>
              <a:gd name="connsiteY2358" fmla="*/ 5135529 h 6858000"/>
              <a:gd name="connsiteX2359" fmla="*/ 842182 w 6858000"/>
              <a:gd name="connsiteY2359" fmla="*/ 5036061 h 6858000"/>
              <a:gd name="connsiteX2360" fmla="*/ 618139 w 6858000"/>
              <a:gd name="connsiteY2360" fmla="*/ 5034543 h 6858000"/>
              <a:gd name="connsiteX2361" fmla="*/ 618139 w 6858000"/>
              <a:gd name="connsiteY2361" fmla="*/ 5137048 h 6858000"/>
              <a:gd name="connsiteX2362" fmla="*/ 720644 w 6858000"/>
              <a:gd name="connsiteY2362" fmla="*/ 5137048 h 6858000"/>
              <a:gd name="connsiteX2363" fmla="*/ 720644 w 6858000"/>
              <a:gd name="connsiteY2363" fmla="*/ 5034543 h 6858000"/>
              <a:gd name="connsiteX2364" fmla="*/ 494192 w 6858000"/>
              <a:gd name="connsiteY2364" fmla="*/ 5033691 h 6858000"/>
              <a:gd name="connsiteX2365" fmla="*/ 494192 w 6858000"/>
              <a:gd name="connsiteY2365" fmla="*/ 5137936 h 6858000"/>
              <a:gd name="connsiteX2366" fmla="*/ 598437 w 6858000"/>
              <a:gd name="connsiteY2366" fmla="*/ 5137936 h 6858000"/>
              <a:gd name="connsiteX2367" fmla="*/ 598437 w 6858000"/>
              <a:gd name="connsiteY2367" fmla="*/ 5033691 h 6858000"/>
              <a:gd name="connsiteX2368" fmla="*/ 1963 w 6858000"/>
              <a:gd name="connsiteY2368" fmla="*/ 5033691 h 6858000"/>
              <a:gd name="connsiteX2369" fmla="*/ 1963 w 6858000"/>
              <a:gd name="connsiteY2369" fmla="*/ 5137936 h 6858000"/>
              <a:gd name="connsiteX2370" fmla="*/ 106208 w 6858000"/>
              <a:gd name="connsiteY2370" fmla="*/ 5137936 h 6858000"/>
              <a:gd name="connsiteX2371" fmla="*/ 106208 w 6858000"/>
              <a:gd name="connsiteY2371" fmla="*/ 5033691 h 6858000"/>
              <a:gd name="connsiteX2372" fmla="*/ 370469 w 6858000"/>
              <a:gd name="connsiteY2372" fmla="*/ 5033025 h 6858000"/>
              <a:gd name="connsiteX2373" fmla="*/ 370469 w 6858000"/>
              <a:gd name="connsiteY2373" fmla="*/ 5138566 h 6858000"/>
              <a:gd name="connsiteX2374" fmla="*/ 476010 w 6858000"/>
              <a:gd name="connsiteY2374" fmla="*/ 5138566 h 6858000"/>
              <a:gd name="connsiteX2375" fmla="*/ 476010 w 6858000"/>
              <a:gd name="connsiteY2375" fmla="*/ 5033025 h 6858000"/>
              <a:gd name="connsiteX2376" fmla="*/ 247004 w 6858000"/>
              <a:gd name="connsiteY2376" fmla="*/ 5032617 h 6858000"/>
              <a:gd name="connsiteX2377" fmla="*/ 247004 w 6858000"/>
              <a:gd name="connsiteY2377" fmla="*/ 5139010 h 6858000"/>
              <a:gd name="connsiteX2378" fmla="*/ 353397 w 6858000"/>
              <a:gd name="connsiteY2378" fmla="*/ 5139010 h 6858000"/>
              <a:gd name="connsiteX2379" fmla="*/ 353397 w 6858000"/>
              <a:gd name="connsiteY2379" fmla="*/ 5032617 h 6858000"/>
              <a:gd name="connsiteX2380" fmla="*/ 123724 w 6858000"/>
              <a:gd name="connsiteY2380" fmla="*/ 5032395 h 6858000"/>
              <a:gd name="connsiteX2381" fmla="*/ 123724 w 6858000"/>
              <a:gd name="connsiteY2381" fmla="*/ 5139232 h 6858000"/>
              <a:gd name="connsiteX2382" fmla="*/ 230561 w 6858000"/>
              <a:gd name="connsiteY2382" fmla="*/ 5139232 h 6858000"/>
              <a:gd name="connsiteX2383" fmla="*/ 230561 w 6858000"/>
              <a:gd name="connsiteY2383" fmla="*/ 5032395 h 6858000"/>
              <a:gd name="connsiteX2384" fmla="*/ 3499524 w 6858000"/>
              <a:gd name="connsiteY2384" fmla="*/ 4962516 h 6858000"/>
              <a:gd name="connsiteX2385" fmla="*/ 3499524 w 6858000"/>
              <a:gd name="connsiteY2385" fmla="*/ 4962960 h 6858000"/>
              <a:gd name="connsiteX2386" fmla="*/ 3499968 w 6858000"/>
              <a:gd name="connsiteY2386" fmla="*/ 4962960 h 6858000"/>
              <a:gd name="connsiteX2387" fmla="*/ 3499968 w 6858000"/>
              <a:gd name="connsiteY2387" fmla="*/ 4962516 h 6858000"/>
              <a:gd name="connsiteX2388" fmla="*/ 3376467 w 6858000"/>
              <a:gd name="connsiteY2388" fmla="*/ 4962516 h 6858000"/>
              <a:gd name="connsiteX2389" fmla="*/ 3376467 w 6858000"/>
              <a:gd name="connsiteY2389" fmla="*/ 4962960 h 6858000"/>
              <a:gd name="connsiteX2390" fmla="*/ 3376911 w 6858000"/>
              <a:gd name="connsiteY2390" fmla="*/ 4962960 h 6858000"/>
              <a:gd name="connsiteX2391" fmla="*/ 3376911 w 6858000"/>
              <a:gd name="connsiteY2391" fmla="*/ 4962516 h 6858000"/>
              <a:gd name="connsiteX2392" fmla="*/ 3253409 w 6858000"/>
              <a:gd name="connsiteY2392" fmla="*/ 4962516 h 6858000"/>
              <a:gd name="connsiteX2393" fmla="*/ 3253409 w 6858000"/>
              <a:gd name="connsiteY2393" fmla="*/ 4962960 h 6858000"/>
              <a:gd name="connsiteX2394" fmla="*/ 3253853 w 6858000"/>
              <a:gd name="connsiteY2394" fmla="*/ 4962960 h 6858000"/>
              <a:gd name="connsiteX2395" fmla="*/ 3253853 w 6858000"/>
              <a:gd name="connsiteY2395" fmla="*/ 4962516 h 6858000"/>
              <a:gd name="connsiteX2396" fmla="*/ 3130352 w 6858000"/>
              <a:gd name="connsiteY2396" fmla="*/ 4962516 h 6858000"/>
              <a:gd name="connsiteX2397" fmla="*/ 3130352 w 6858000"/>
              <a:gd name="connsiteY2397" fmla="*/ 4962960 h 6858000"/>
              <a:gd name="connsiteX2398" fmla="*/ 3130796 w 6858000"/>
              <a:gd name="connsiteY2398" fmla="*/ 4962960 h 6858000"/>
              <a:gd name="connsiteX2399" fmla="*/ 3130796 w 6858000"/>
              <a:gd name="connsiteY2399" fmla="*/ 4962516 h 6858000"/>
              <a:gd name="connsiteX2400" fmla="*/ 3007295 w 6858000"/>
              <a:gd name="connsiteY2400" fmla="*/ 4962516 h 6858000"/>
              <a:gd name="connsiteX2401" fmla="*/ 3007295 w 6858000"/>
              <a:gd name="connsiteY2401" fmla="*/ 4962960 h 6858000"/>
              <a:gd name="connsiteX2402" fmla="*/ 3007739 w 6858000"/>
              <a:gd name="connsiteY2402" fmla="*/ 4962960 h 6858000"/>
              <a:gd name="connsiteX2403" fmla="*/ 3007739 w 6858000"/>
              <a:gd name="connsiteY2403" fmla="*/ 4962516 h 6858000"/>
              <a:gd name="connsiteX2404" fmla="*/ 2883793 w 6858000"/>
              <a:gd name="connsiteY2404" fmla="*/ 4962108 h 6858000"/>
              <a:gd name="connsiteX2405" fmla="*/ 2883793 w 6858000"/>
              <a:gd name="connsiteY2405" fmla="*/ 4963404 h 6858000"/>
              <a:gd name="connsiteX2406" fmla="*/ 2885089 w 6858000"/>
              <a:gd name="connsiteY2406" fmla="*/ 4963404 h 6858000"/>
              <a:gd name="connsiteX2407" fmla="*/ 2885089 w 6858000"/>
              <a:gd name="connsiteY2407" fmla="*/ 4962108 h 6858000"/>
              <a:gd name="connsiteX2408" fmla="*/ 2760106 w 6858000"/>
              <a:gd name="connsiteY2408" fmla="*/ 4961442 h 6858000"/>
              <a:gd name="connsiteX2409" fmla="*/ 2760106 w 6858000"/>
              <a:gd name="connsiteY2409" fmla="*/ 4964034 h 6858000"/>
              <a:gd name="connsiteX2410" fmla="*/ 2762698 w 6858000"/>
              <a:gd name="connsiteY2410" fmla="*/ 4964034 h 6858000"/>
              <a:gd name="connsiteX2411" fmla="*/ 2762698 w 6858000"/>
              <a:gd name="connsiteY2411" fmla="*/ 4961442 h 6858000"/>
              <a:gd name="connsiteX2412" fmla="*/ 2635938 w 6858000"/>
              <a:gd name="connsiteY2412" fmla="*/ 4960368 h 6858000"/>
              <a:gd name="connsiteX2413" fmla="*/ 2635938 w 6858000"/>
              <a:gd name="connsiteY2413" fmla="*/ 4965145 h 6858000"/>
              <a:gd name="connsiteX2414" fmla="*/ 2640715 w 6858000"/>
              <a:gd name="connsiteY2414" fmla="*/ 4965145 h 6858000"/>
              <a:gd name="connsiteX2415" fmla="*/ 2640715 w 6858000"/>
              <a:gd name="connsiteY2415" fmla="*/ 4960368 h 6858000"/>
              <a:gd name="connsiteX2416" fmla="*/ 2511140 w 6858000"/>
              <a:gd name="connsiteY2416" fmla="*/ 4958627 h 6858000"/>
              <a:gd name="connsiteX2417" fmla="*/ 2511140 w 6858000"/>
              <a:gd name="connsiteY2417" fmla="*/ 4966885 h 6858000"/>
              <a:gd name="connsiteX2418" fmla="*/ 2519398 w 6858000"/>
              <a:gd name="connsiteY2418" fmla="*/ 4966885 h 6858000"/>
              <a:gd name="connsiteX2419" fmla="*/ 2519398 w 6858000"/>
              <a:gd name="connsiteY2419" fmla="*/ 4958627 h 6858000"/>
              <a:gd name="connsiteX2420" fmla="*/ 2385713 w 6858000"/>
              <a:gd name="connsiteY2420" fmla="*/ 4956220 h 6858000"/>
              <a:gd name="connsiteX2421" fmla="*/ 2385713 w 6858000"/>
              <a:gd name="connsiteY2421" fmla="*/ 4969255 h 6858000"/>
              <a:gd name="connsiteX2422" fmla="*/ 2398748 w 6858000"/>
              <a:gd name="connsiteY2422" fmla="*/ 4969255 h 6858000"/>
              <a:gd name="connsiteX2423" fmla="*/ 2398748 w 6858000"/>
              <a:gd name="connsiteY2423" fmla="*/ 4956220 h 6858000"/>
              <a:gd name="connsiteX2424" fmla="*/ 2259804 w 6858000"/>
              <a:gd name="connsiteY2424" fmla="*/ 4953406 h 6858000"/>
              <a:gd name="connsiteX2425" fmla="*/ 2259804 w 6858000"/>
              <a:gd name="connsiteY2425" fmla="*/ 4972070 h 6858000"/>
              <a:gd name="connsiteX2426" fmla="*/ 2278468 w 6858000"/>
              <a:gd name="connsiteY2426" fmla="*/ 4972070 h 6858000"/>
              <a:gd name="connsiteX2427" fmla="*/ 2278468 w 6858000"/>
              <a:gd name="connsiteY2427" fmla="*/ 4953406 h 6858000"/>
              <a:gd name="connsiteX2428" fmla="*/ 2133488 w 6858000"/>
              <a:gd name="connsiteY2428" fmla="*/ 4950147 h 6858000"/>
              <a:gd name="connsiteX2429" fmla="*/ 2133488 w 6858000"/>
              <a:gd name="connsiteY2429" fmla="*/ 4975329 h 6858000"/>
              <a:gd name="connsiteX2430" fmla="*/ 2158670 w 6858000"/>
              <a:gd name="connsiteY2430" fmla="*/ 4975329 h 6858000"/>
              <a:gd name="connsiteX2431" fmla="*/ 2158670 w 6858000"/>
              <a:gd name="connsiteY2431" fmla="*/ 4950147 h 6858000"/>
              <a:gd name="connsiteX2432" fmla="*/ 2007172 w 6858000"/>
              <a:gd name="connsiteY2432" fmla="*/ 4946888 h 6858000"/>
              <a:gd name="connsiteX2433" fmla="*/ 2007172 w 6858000"/>
              <a:gd name="connsiteY2433" fmla="*/ 4978588 h 6858000"/>
              <a:gd name="connsiteX2434" fmla="*/ 2038871 w 6858000"/>
              <a:gd name="connsiteY2434" fmla="*/ 4978588 h 6858000"/>
              <a:gd name="connsiteX2435" fmla="*/ 2038871 w 6858000"/>
              <a:gd name="connsiteY2435" fmla="*/ 4946888 h 6858000"/>
              <a:gd name="connsiteX2436" fmla="*/ 1880633 w 6858000"/>
              <a:gd name="connsiteY2436" fmla="*/ 4943407 h 6858000"/>
              <a:gd name="connsiteX2437" fmla="*/ 1880633 w 6858000"/>
              <a:gd name="connsiteY2437" fmla="*/ 4982068 h 6858000"/>
              <a:gd name="connsiteX2438" fmla="*/ 1919294 w 6858000"/>
              <a:gd name="connsiteY2438" fmla="*/ 4982068 h 6858000"/>
              <a:gd name="connsiteX2439" fmla="*/ 1919294 w 6858000"/>
              <a:gd name="connsiteY2439" fmla="*/ 4943407 h 6858000"/>
              <a:gd name="connsiteX2440" fmla="*/ 1754132 w 6858000"/>
              <a:gd name="connsiteY2440" fmla="*/ 4939963 h 6858000"/>
              <a:gd name="connsiteX2441" fmla="*/ 1754132 w 6858000"/>
              <a:gd name="connsiteY2441" fmla="*/ 4985550 h 6858000"/>
              <a:gd name="connsiteX2442" fmla="*/ 1799718 w 6858000"/>
              <a:gd name="connsiteY2442" fmla="*/ 4985550 h 6858000"/>
              <a:gd name="connsiteX2443" fmla="*/ 1799718 w 6858000"/>
              <a:gd name="connsiteY2443" fmla="*/ 4939963 h 6858000"/>
              <a:gd name="connsiteX2444" fmla="*/ 1627372 w 6858000"/>
              <a:gd name="connsiteY2444" fmla="*/ 4936260 h 6858000"/>
              <a:gd name="connsiteX2445" fmla="*/ 1627372 w 6858000"/>
              <a:gd name="connsiteY2445" fmla="*/ 4989253 h 6858000"/>
              <a:gd name="connsiteX2446" fmla="*/ 1680365 w 6858000"/>
              <a:gd name="connsiteY2446" fmla="*/ 4989253 h 6858000"/>
              <a:gd name="connsiteX2447" fmla="*/ 1680365 w 6858000"/>
              <a:gd name="connsiteY2447" fmla="*/ 4936260 h 6858000"/>
              <a:gd name="connsiteX2448" fmla="*/ 1500611 w 6858000"/>
              <a:gd name="connsiteY2448" fmla="*/ 4932557 h 6858000"/>
              <a:gd name="connsiteX2449" fmla="*/ 1500611 w 6858000"/>
              <a:gd name="connsiteY2449" fmla="*/ 4992919 h 6858000"/>
              <a:gd name="connsiteX2450" fmla="*/ 1560973 w 6858000"/>
              <a:gd name="connsiteY2450" fmla="*/ 4992919 h 6858000"/>
              <a:gd name="connsiteX2451" fmla="*/ 1560973 w 6858000"/>
              <a:gd name="connsiteY2451" fmla="*/ 4932557 h 6858000"/>
              <a:gd name="connsiteX2452" fmla="*/ 1374073 w 6858000"/>
              <a:gd name="connsiteY2452" fmla="*/ 4929076 h 6858000"/>
              <a:gd name="connsiteX2453" fmla="*/ 1374073 w 6858000"/>
              <a:gd name="connsiteY2453" fmla="*/ 4996400 h 6858000"/>
              <a:gd name="connsiteX2454" fmla="*/ 1441397 w 6858000"/>
              <a:gd name="connsiteY2454" fmla="*/ 4996400 h 6858000"/>
              <a:gd name="connsiteX2455" fmla="*/ 1441397 w 6858000"/>
              <a:gd name="connsiteY2455" fmla="*/ 4929076 h 6858000"/>
              <a:gd name="connsiteX2456" fmla="*/ 1247757 w 6858000"/>
              <a:gd name="connsiteY2456" fmla="*/ 4925817 h 6858000"/>
              <a:gd name="connsiteX2457" fmla="*/ 1247757 w 6858000"/>
              <a:gd name="connsiteY2457" fmla="*/ 4999659 h 6858000"/>
              <a:gd name="connsiteX2458" fmla="*/ 1321599 w 6858000"/>
              <a:gd name="connsiteY2458" fmla="*/ 4999659 h 6858000"/>
              <a:gd name="connsiteX2459" fmla="*/ 1321599 w 6858000"/>
              <a:gd name="connsiteY2459" fmla="*/ 4925817 h 6858000"/>
              <a:gd name="connsiteX2460" fmla="*/ 1121440 w 6858000"/>
              <a:gd name="connsiteY2460" fmla="*/ 4922558 h 6858000"/>
              <a:gd name="connsiteX2461" fmla="*/ 1121440 w 6858000"/>
              <a:gd name="connsiteY2461" fmla="*/ 5002917 h 6858000"/>
              <a:gd name="connsiteX2462" fmla="*/ 1201799 w 6858000"/>
              <a:gd name="connsiteY2462" fmla="*/ 5002917 h 6858000"/>
              <a:gd name="connsiteX2463" fmla="*/ 1201799 w 6858000"/>
              <a:gd name="connsiteY2463" fmla="*/ 4922558 h 6858000"/>
              <a:gd name="connsiteX2464" fmla="*/ 995569 w 6858000"/>
              <a:gd name="connsiteY2464" fmla="*/ 4919744 h 6858000"/>
              <a:gd name="connsiteX2465" fmla="*/ 995569 w 6858000"/>
              <a:gd name="connsiteY2465" fmla="*/ 5005732 h 6858000"/>
              <a:gd name="connsiteX2466" fmla="*/ 1081557 w 6858000"/>
              <a:gd name="connsiteY2466" fmla="*/ 5005732 h 6858000"/>
              <a:gd name="connsiteX2467" fmla="*/ 1081557 w 6858000"/>
              <a:gd name="connsiteY2467" fmla="*/ 4919744 h 6858000"/>
              <a:gd name="connsiteX2468" fmla="*/ 869882 w 6858000"/>
              <a:gd name="connsiteY2468" fmla="*/ 4917152 h 6858000"/>
              <a:gd name="connsiteX2469" fmla="*/ 869882 w 6858000"/>
              <a:gd name="connsiteY2469" fmla="*/ 5008362 h 6858000"/>
              <a:gd name="connsiteX2470" fmla="*/ 961092 w 6858000"/>
              <a:gd name="connsiteY2470" fmla="*/ 5008362 h 6858000"/>
              <a:gd name="connsiteX2471" fmla="*/ 961092 w 6858000"/>
              <a:gd name="connsiteY2471" fmla="*/ 4917152 h 6858000"/>
              <a:gd name="connsiteX2472" fmla="*/ 744677 w 6858000"/>
              <a:gd name="connsiteY2472" fmla="*/ 4914967 h 6858000"/>
              <a:gd name="connsiteX2473" fmla="*/ 744677 w 6858000"/>
              <a:gd name="connsiteY2473" fmla="*/ 5010510 h 6858000"/>
              <a:gd name="connsiteX2474" fmla="*/ 840220 w 6858000"/>
              <a:gd name="connsiteY2474" fmla="*/ 5010510 h 6858000"/>
              <a:gd name="connsiteX2475" fmla="*/ 840220 w 6858000"/>
              <a:gd name="connsiteY2475" fmla="*/ 4914967 h 6858000"/>
              <a:gd name="connsiteX2476" fmla="*/ 619879 w 6858000"/>
              <a:gd name="connsiteY2476" fmla="*/ 4913226 h 6858000"/>
              <a:gd name="connsiteX2477" fmla="*/ 619879 w 6858000"/>
              <a:gd name="connsiteY2477" fmla="*/ 5012250 h 6858000"/>
              <a:gd name="connsiteX2478" fmla="*/ 718903 w 6858000"/>
              <a:gd name="connsiteY2478" fmla="*/ 5012250 h 6858000"/>
              <a:gd name="connsiteX2479" fmla="*/ 718903 w 6858000"/>
              <a:gd name="connsiteY2479" fmla="*/ 4913226 h 6858000"/>
              <a:gd name="connsiteX2480" fmla="*/ 495933 w 6858000"/>
              <a:gd name="connsiteY2480" fmla="*/ 4912374 h 6858000"/>
              <a:gd name="connsiteX2481" fmla="*/ 495933 w 6858000"/>
              <a:gd name="connsiteY2481" fmla="*/ 5013138 h 6858000"/>
              <a:gd name="connsiteX2482" fmla="*/ 596697 w 6858000"/>
              <a:gd name="connsiteY2482" fmla="*/ 5013138 h 6858000"/>
              <a:gd name="connsiteX2483" fmla="*/ 596697 w 6858000"/>
              <a:gd name="connsiteY2483" fmla="*/ 4912374 h 6858000"/>
              <a:gd name="connsiteX2484" fmla="*/ 3259 w 6858000"/>
              <a:gd name="connsiteY2484" fmla="*/ 4911930 h 6858000"/>
              <a:gd name="connsiteX2485" fmla="*/ 3259 w 6858000"/>
              <a:gd name="connsiteY2485" fmla="*/ 5013546 h 6858000"/>
              <a:gd name="connsiteX2486" fmla="*/ 104875 w 6858000"/>
              <a:gd name="connsiteY2486" fmla="*/ 5013546 h 6858000"/>
              <a:gd name="connsiteX2487" fmla="*/ 104875 w 6858000"/>
              <a:gd name="connsiteY2487" fmla="*/ 4911930 h 6858000"/>
              <a:gd name="connsiteX2488" fmla="*/ 371987 w 6858000"/>
              <a:gd name="connsiteY2488" fmla="*/ 4911486 h 6858000"/>
              <a:gd name="connsiteX2489" fmla="*/ 371987 w 6858000"/>
              <a:gd name="connsiteY2489" fmla="*/ 5013991 h 6858000"/>
              <a:gd name="connsiteX2490" fmla="*/ 474492 w 6858000"/>
              <a:gd name="connsiteY2490" fmla="*/ 5013991 h 6858000"/>
              <a:gd name="connsiteX2491" fmla="*/ 474492 w 6858000"/>
              <a:gd name="connsiteY2491" fmla="*/ 4911486 h 6858000"/>
              <a:gd name="connsiteX2492" fmla="*/ 248522 w 6858000"/>
              <a:gd name="connsiteY2492" fmla="*/ 4911078 h 6858000"/>
              <a:gd name="connsiteX2493" fmla="*/ 248522 w 6858000"/>
              <a:gd name="connsiteY2493" fmla="*/ 5014434 h 6858000"/>
              <a:gd name="connsiteX2494" fmla="*/ 351878 w 6858000"/>
              <a:gd name="connsiteY2494" fmla="*/ 5014434 h 6858000"/>
              <a:gd name="connsiteX2495" fmla="*/ 351878 w 6858000"/>
              <a:gd name="connsiteY2495" fmla="*/ 4911078 h 6858000"/>
              <a:gd name="connsiteX2496" fmla="*/ 125243 w 6858000"/>
              <a:gd name="connsiteY2496" fmla="*/ 4910856 h 6858000"/>
              <a:gd name="connsiteX2497" fmla="*/ 125243 w 6858000"/>
              <a:gd name="connsiteY2497" fmla="*/ 5014657 h 6858000"/>
              <a:gd name="connsiteX2498" fmla="*/ 229044 w 6858000"/>
              <a:gd name="connsiteY2498" fmla="*/ 5014657 h 6858000"/>
              <a:gd name="connsiteX2499" fmla="*/ 229044 w 6858000"/>
              <a:gd name="connsiteY2499" fmla="*/ 4910856 h 6858000"/>
              <a:gd name="connsiteX2500" fmla="*/ 3376467 w 6858000"/>
              <a:gd name="connsiteY2500" fmla="*/ 4839458 h 6858000"/>
              <a:gd name="connsiteX2501" fmla="*/ 3376467 w 6858000"/>
              <a:gd name="connsiteY2501" fmla="*/ 4839902 h 6858000"/>
              <a:gd name="connsiteX2502" fmla="*/ 3376911 w 6858000"/>
              <a:gd name="connsiteY2502" fmla="*/ 4839902 h 6858000"/>
              <a:gd name="connsiteX2503" fmla="*/ 3376911 w 6858000"/>
              <a:gd name="connsiteY2503" fmla="*/ 4839458 h 6858000"/>
              <a:gd name="connsiteX2504" fmla="*/ 3253409 w 6858000"/>
              <a:gd name="connsiteY2504" fmla="*/ 4839458 h 6858000"/>
              <a:gd name="connsiteX2505" fmla="*/ 3253409 w 6858000"/>
              <a:gd name="connsiteY2505" fmla="*/ 4839902 h 6858000"/>
              <a:gd name="connsiteX2506" fmla="*/ 3253853 w 6858000"/>
              <a:gd name="connsiteY2506" fmla="*/ 4839902 h 6858000"/>
              <a:gd name="connsiteX2507" fmla="*/ 3253853 w 6858000"/>
              <a:gd name="connsiteY2507" fmla="*/ 4839458 h 6858000"/>
              <a:gd name="connsiteX2508" fmla="*/ 3130352 w 6858000"/>
              <a:gd name="connsiteY2508" fmla="*/ 4839458 h 6858000"/>
              <a:gd name="connsiteX2509" fmla="*/ 3130352 w 6858000"/>
              <a:gd name="connsiteY2509" fmla="*/ 4839902 h 6858000"/>
              <a:gd name="connsiteX2510" fmla="*/ 3130796 w 6858000"/>
              <a:gd name="connsiteY2510" fmla="*/ 4839902 h 6858000"/>
              <a:gd name="connsiteX2511" fmla="*/ 3130796 w 6858000"/>
              <a:gd name="connsiteY2511" fmla="*/ 4839458 h 6858000"/>
              <a:gd name="connsiteX2512" fmla="*/ 3007073 w 6858000"/>
              <a:gd name="connsiteY2512" fmla="*/ 4839236 h 6858000"/>
              <a:gd name="connsiteX2513" fmla="*/ 3007073 w 6858000"/>
              <a:gd name="connsiteY2513" fmla="*/ 4840088 h 6858000"/>
              <a:gd name="connsiteX2514" fmla="*/ 3007925 w 6858000"/>
              <a:gd name="connsiteY2514" fmla="*/ 4840088 h 6858000"/>
              <a:gd name="connsiteX2515" fmla="*/ 3007925 w 6858000"/>
              <a:gd name="connsiteY2515" fmla="*/ 4839236 h 6858000"/>
              <a:gd name="connsiteX2516" fmla="*/ 2883386 w 6858000"/>
              <a:gd name="connsiteY2516" fmla="*/ 4838607 h 6858000"/>
              <a:gd name="connsiteX2517" fmla="*/ 2883386 w 6858000"/>
              <a:gd name="connsiteY2517" fmla="*/ 4840792 h 6858000"/>
              <a:gd name="connsiteX2518" fmla="*/ 2885571 w 6858000"/>
              <a:gd name="connsiteY2518" fmla="*/ 4840792 h 6858000"/>
              <a:gd name="connsiteX2519" fmla="*/ 2885571 w 6858000"/>
              <a:gd name="connsiteY2519" fmla="*/ 4838607 h 6858000"/>
              <a:gd name="connsiteX2520" fmla="*/ 2759662 w 6858000"/>
              <a:gd name="connsiteY2520" fmla="*/ 4837940 h 6858000"/>
              <a:gd name="connsiteX2521" fmla="*/ 2759662 w 6858000"/>
              <a:gd name="connsiteY2521" fmla="*/ 4841421 h 6858000"/>
              <a:gd name="connsiteX2522" fmla="*/ 2763143 w 6858000"/>
              <a:gd name="connsiteY2522" fmla="*/ 4841421 h 6858000"/>
              <a:gd name="connsiteX2523" fmla="*/ 2763143 w 6858000"/>
              <a:gd name="connsiteY2523" fmla="*/ 4837940 h 6858000"/>
              <a:gd name="connsiteX2524" fmla="*/ 2635531 w 6858000"/>
              <a:gd name="connsiteY2524" fmla="*/ 4836866 h 6858000"/>
              <a:gd name="connsiteX2525" fmla="*/ 2635531 w 6858000"/>
              <a:gd name="connsiteY2525" fmla="*/ 4842495 h 6858000"/>
              <a:gd name="connsiteX2526" fmla="*/ 2641160 w 6858000"/>
              <a:gd name="connsiteY2526" fmla="*/ 4842495 h 6858000"/>
              <a:gd name="connsiteX2527" fmla="*/ 2641160 w 6858000"/>
              <a:gd name="connsiteY2527" fmla="*/ 4836866 h 6858000"/>
              <a:gd name="connsiteX2528" fmla="*/ 2510733 w 6858000"/>
              <a:gd name="connsiteY2528" fmla="*/ 4835126 h 6858000"/>
              <a:gd name="connsiteX2529" fmla="*/ 2510733 w 6858000"/>
              <a:gd name="connsiteY2529" fmla="*/ 4844236 h 6858000"/>
              <a:gd name="connsiteX2530" fmla="*/ 2519843 w 6858000"/>
              <a:gd name="connsiteY2530" fmla="*/ 4844236 h 6858000"/>
              <a:gd name="connsiteX2531" fmla="*/ 2519843 w 6858000"/>
              <a:gd name="connsiteY2531" fmla="*/ 4835126 h 6858000"/>
              <a:gd name="connsiteX2532" fmla="*/ 2385491 w 6858000"/>
              <a:gd name="connsiteY2532" fmla="*/ 4832941 h 6858000"/>
              <a:gd name="connsiteX2533" fmla="*/ 2385491 w 6858000"/>
              <a:gd name="connsiteY2533" fmla="*/ 4846421 h 6858000"/>
              <a:gd name="connsiteX2534" fmla="*/ 2398971 w 6858000"/>
              <a:gd name="connsiteY2534" fmla="*/ 4846421 h 6858000"/>
              <a:gd name="connsiteX2535" fmla="*/ 2398971 w 6858000"/>
              <a:gd name="connsiteY2535" fmla="*/ 4832941 h 6858000"/>
              <a:gd name="connsiteX2536" fmla="*/ 2259804 w 6858000"/>
              <a:gd name="connsiteY2536" fmla="*/ 4830349 h 6858000"/>
              <a:gd name="connsiteX2537" fmla="*/ 2259804 w 6858000"/>
              <a:gd name="connsiteY2537" fmla="*/ 4849013 h 6858000"/>
              <a:gd name="connsiteX2538" fmla="*/ 2278468 w 6858000"/>
              <a:gd name="connsiteY2538" fmla="*/ 4849013 h 6858000"/>
              <a:gd name="connsiteX2539" fmla="*/ 2278468 w 6858000"/>
              <a:gd name="connsiteY2539" fmla="*/ 4830349 h 6858000"/>
              <a:gd name="connsiteX2540" fmla="*/ 2133710 w 6858000"/>
              <a:gd name="connsiteY2540" fmla="*/ 4827312 h 6858000"/>
              <a:gd name="connsiteX2541" fmla="*/ 2133710 w 6858000"/>
              <a:gd name="connsiteY2541" fmla="*/ 4852086 h 6858000"/>
              <a:gd name="connsiteX2542" fmla="*/ 2158484 w 6858000"/>
              <a:gd name="connsiteY2542" fmla="*/ 4852086 h 6858000"/>
              <a:gd name="connsiteX2543" fmla="*/ 2158484 w 6858000"/>
              <a:gd name="connsiteY2543" fmla="*/ 4827312 h 6858000"/>
              <a:gd name="connsiteX2544" fmla="*/ 2007616 w 6858000"/>
              <a:gd name="connsiteY2544" fmla="*/ 4824275 h 6858000"/>
              <a:gd name="connsiteX2545" fmla="*/ 2007616 w 6858000"/>
              <a:gd name="connsiteY2545" fmla="*/ 4855123 h 6858000"/>
              <a:gd name="connsiteX2546" fmla="*/ 2038464 w 6858000"/>
              <a:gd name="connsiteY2546" fmla="*/ 4855123 h 6858000"/>
              <a:gd name="connsiteX2547" fmla="*/ 2038464 w 6858000"/>
              <a:gd name="connsiteY2547" fmla="*/ 4824275 h 6858000"/>
              <a:gd name="connsiteX2548" fmla="*/ 1881300 w 6858000"/>
              <a:gd name="connsiteY2548" fmla="*/ 4821016 h 6858000"/>
              <a:gd name="connsiteX2549" fmla="*/ 1881300 w 6858000"/>
              <a:gd name="connsiteY2549" fmla="*/ 4858381 h 6858000"/>
              <a:gd name="connsiteX2550" fmla="*/ 1918665 w 6858000"/>
              <a:gd name="connsiteY2550" fmla="*/ 4858381 h 6858000"/>
              <a:gd name="connsiteX2551" fmla="*/ 1918665 w 6858000"/>
              <a:gd name="connsiteY2551" fmla="*/ 4821016 h 6858000"/>
              <a:gd name="connsiteX2552" fmla="*/ 1754762 w 6858000"/>
              <a:gd name="connsiteY2552" fmla="*/ 4817535 h 6858000"/>
              <a:gd name="connsiteX2553" fmla="*/ 1754762 w 6858000"/>
              <a:gd name="connsiteY2553" fmla="*/ 4861825 h 6858000"/>
              <a:gd name="connsiteX2554" fmla="*/ 1799052 w 6858000"/>
              <a:gd name="connsiteY2554" fmla="*/ 4861825 h 6858000"/>
              <a:gd name="connsiteX2555" fmla="*/ 1799052 w 6858000"/>
              <a:gd name="connsiteY2555" fmla="*/ 4817535 h 6858000"/>
              <a:gd name="connsiteX2556" fmla="*/ 1628223 w 6858000"/>
              <a:gd name="connsiteY2556" fmla="*/ 4814054 h 6858000"/>
              <a:gd name="connsiteX2557" fmla="*/ 1628223 w 6858000"/>
              <a:gd name="connsiteY2557" fmla="*/ 4865306 h 6858000"/>
              <a:gd name="connsiteX2558" fmla="*/ 1679475 w 6858000"/>
              <a:gd name="connsiteY2558" fmla="*/ 4865306 h 6858000"/>
              <a:gd name="connsiteX2559" fmla="*/ 1679475 w 6858000"/>
              <a:gd name="connsiteY2559" fmla="*/ 4814054 h 6858000"/>
              <a:gd name="connsiteX2560" fmla="*/ 1501685 w 6858000"/>
              <a:gd name="connsiteY2560" fmla="*/ 4810573 h 6858000"/>
              <a:gd name="connsiteX2561" fmla="*/ 1501685 w 6858000"/>
              <a:gd name="connsiteY2561" fmla="*/ 4868787 h 6858000"/>
              <a:gd name="connsiteX2562" fmla="*/ 1559899 w 6858000"/>
              <a:gd name="connsiteY2562" fmla="*/ 4868787 h 6858000"/>
              <a:gd name="connsiteX2563" fmla="*/ 1559899 w 6858000"/>
              <a:gd name="connsiteY2563" fmla="*/ 4810573 h 6858000"/>
              <a:gd name="connsiteX2564" fmla="*/ 1375369 w 6858000"/>
              <a:gd name="connsiteY2564" fmla="*/ 4807315 h 6858000"/>
              <a:gd name="connsiteX2565" fmla="*/ 1375369 w 6858000"/>
              <a:gd name="connsiteY2565" fmla="*/ 4872047 h 6858000"/>
              <a:gd name="connsiteX2566" fmla="*/ 1440101 w 6858000"/>
              <a:gd name="connsiteY2566" fmla="*/ 4872047 h 6858000"/>
              <a:gd name="connsiteX2567" fmla="*/ 1440101 w 6858000"/>
              <a:gd name="connsiteY2567" fmla="*/ 4807315 h 6858000"/>
              <a:gd name="connsiteX2568" fmla="*/ 1249275 w 6858000"/>
              <a:gd name="connsiteY2568" fmla="*/ 4804278 h 6858000"/>
              <a:gd name="connsiteX2569" fmla="*/ 1249275 w 6858000"/>
              <a:gd name="connsiteY2569" fmla="*/ 4875083 h 6858000"/>
              <a:gd name="connsiteX2570" fmla="*/ 1320080 w 6858000"/>
              <a:gd name="connsiteY2570" fmla="*/ 4875083 h 6858000"/>
              <a:gd name="connsiteX2571" fmla="*/ 1320080 w 6858000"/>
              <a:gd name="connsiteY2571" fmla="*/ 4804278 h 6858000"/>
              <a:gd name="connsiteX2572" fmla="*/ 1123181 w 6858000"/>
              <a:gd name="connsiteY2572" fmla="*/ 4801241 h 6858000"/>
              <a:gd name="connsiteX2573" fmla="*/ 1123181 w 6858000"/>
              <a:gd name="connsiteY2573" fmla="*/ 4878119 h 6858000"/>
              <a:gd name="connsiteX2574" fmla="*/ 1200059 w 6858000"/>
              <a:gd name="connsiteY2574" fmla="*/ 4878119 h 6858000"/>
              <a:gd name="connsiteX2575" fmla="*/ 1200059 w 6858000"/>
              <a:gd name="connsiteY2575" fmla="*/ 4801241 h 6858000"/>
              <a:gd name="connsiteX2576" fmla="*/ 997309 w 6858000"/>
              <a:gd name="connsiteY2576" fmla="*/ 4798427 h 6858000"/>
              <a:gd name="connsiteX2577" fmla="*/ 997309 w 6858000"/>
              <a:gd name="connsiteY2577" fmla="*/ 4880935 h 6858000"/>
              <a:gd name="connsiteX2578" fmla="*/ 1079816 w 6858000"/>
              <a:gd name="connsiteY2578" fmla="*/ 4880935 h 6858000"/>
              <a:gd name="connsiteX2579" fmla="*/ 1079816 w 6858000"/>
              <a:gd name="connsiteY2579" fmla="*/ 4798427 h 6858000"/>
              <a:gd name="connsiteX2580" fmla="*/ 871845 w 6858000"/>
              <a:gd name="connsiteY2580" fmla="*/ 4796020 h 6858000"/>
              <a:gd name="connsiteX2581" fmla="*/ 871845 w 6858000"/>
              <a:gd name="connsiteY2581" fmla="*/ 4883304 h 6858000"/>
              <a:gd name="connsiteX2582" fmla="*/ 959129 w 6858000"/>
              <a:gd name="connsiteY2582" fmla="*/ 4883304 h 6858000"/>
              <a:gd name="connsiteX2583" fmla="*/ 959129 w 6858000"/>
              <a:gd name="connsiteY2583" fmla="*/ 4796020 h 6858000"/>
              <a:gd name="connsiteX2584" fmla="*/ 746603 w 6858000"/>
              <a:gd name="connsiteY2584" fmla="*/ 4793872 h 6858000"/>
              <a:gd name="connsiteX2585" fmla="*/ 746603 w 6858000"/>
              <a:gd name="connsiteY2585" fmla="*/ 4885526 h 6858000"/>
              <a:gd name="connsiteX2586" fmla="*/ 838257 w 6858000"/>
              <a:gd name="connsiteY2586" fmla="*/ 4885526 h 6858000"/>
              <a:gd name="connsiteX2587" fmla="*/ 838257 w 6858000"/>
              <a:gd name="connsiteY2587" fmla="*/ 4793872 h 6858000"/>
              <a:gd name="connsiteX2588" fmla="*/ 622027 w 6858000"/>
              <a:gd name="connsiteY2588" fmla="*/ 4792354 h 6858000"/>
              <a:gd name="connsiteX2589" fmla="*/ 622027 w 6858000"/>
              <a:gd name="connsiteY2589" fmla="*/ 4887045 h 6858000"/>
              <a:gd name="connsiteX2590" fmla="*/ 716718 w 6858000"/>
              <a:gd name="connsiteY2590" fmla="*/ 4887045 h 6858000"/>
              <a:gd name="connsiteX2591" fmla="*/ 716718 w 6858000"/>
              <a:gd name="connsiteY2591" fmla="*/ 4792354 h 6858000"/>
              <a:gd name="connsiteX2592" fmla="*/ 497673 w 6858000"/>
              <a:gd name="connsiteY2592" fmla="*/ 4791058 h 6858000"/>
              <a:gd name="connsiteX2593" fmla="*/ 497673 w 6858000"/>
              <a:gd name="connsiteY2593" fmla="*/ 4888341 h 6858000"/>
              <a:gd name="connsiteX2594" fmla="*/ 594956 w 6858000"/>
              <a:gd name="connsiteY2594" fmla="*/ 4888341 h 6858000"/>
              <a:gd name="connsiteX2595" fmla="*/ 594956 w 6858000"/>
              <a:gd name="connsiteY2595" fmla="*/ 4791058 h 6858000"/>
              <a:gd name="connsiteX2596" fmla="*/ 373950 w 6858000"/>
              <a:gd name="connsiteY2596" fmla="*/ 4790391 h 6858000"/>
              <a:gd name="connsiteX2597" fmla="*/ 373950 w 6858000"/>
              <a:gd name="connsiteY2597" fmla="*/ 4888970 h 6858000"/>
              <a:gd name="connsiteX2598" fmla="*/ 472529 w 6858000"/>
              <a:gd name="connsiteY2598" fmla="*/ 4888970 h 6858000"/>
              <a:gd name="connsiteX2599" fmla="*/ 472529 w 6858000"/>
              <a:gd name="connsiteY2599" fmla="*/ 4790391 h 6858000"/>
              <a:gd name="connsiteX2600" fmla="*/ 4778 w 6858000"/>
              <a:gd name="connsiteY2600" fmla="*/ 4790391 h 6858000"/>
              <a:gd name="connsiteX2601" fmla="*/ 4778 w 6858000"/>
              <a:gd name="connsiteY2601" fmla="*/ 4888970 h 6858000"/>
              <a:gd name="connsiteX2602" fmla="*/ 103357 w 6858000"/>
              <a:gd name="connsiteY2602" fmla="*/ 4888970 h 6858000"/>
              <a:gd name="connsiteX2603" fmla="*/ 103357 w 6858000"/>
              <a:gd name="connsiteY2603" fmla="*/ 4790391 h 6858000"/>
              <a:gd name="connsiteX2604" fmla="*/ 250263 w 6858000"/>
              <a:gd name="connsiteY2604" fmla="*/ 4789724 h 6858000"/>
              <a:gd name="connsiteX2605" fmla="*/ 250263 w 6858000"/>
              <a:gd name="connsiteY2605" fmla="*/ 4889636 h 6858000"/>
              <a:gd name="connsiteX2606" fmla="*/ 350175 w 6858000"/>
              <a:gd name="connsiteY2606" fmla="*/ 4889636 h 6858000"/>
              <a:gd name="connsiteX2607" fmla="*/ 350175 w 6858000"/>
              <a:gd name="connsiteY2607" fmla="*/ 4789724 h 6858000"/>
              <a:gd name="connsiteX2608" fmla="*/ 126761 w 6858000"/>
              <a:gd name="connsiteY2608" fmla="*/ 4789317 h 6858000"/>
              <a:gd name="connsiteX2609" fmla="*/ 126761 w 6858000"/>
              <a:gd name="connsiteY2609" fmla="*/ 4890081 h 6858000"/>
              <a:gd name="connsiteX2610" fmla="*/ 227525 w 6858000"/>
              <a:gd name="connsiteY2610" fmla="*/ 4890081 h 6858000"/>
              <a:gd name="connsiteX2611" fmla="*/ 227525 w 6858000"/>
              <a:gd name="connsiteY2611" fmla="*/ 4789317 h 6858000"/>
              <a:gd name="connsiteX2612" fmla="*/ 3499524 w 6858000"/>
              <a:gd name="connsiteY2612" fmla="*/ 4716401 h 6858000"/>
              <a:gd name="connsiteX2613" fmla="*/ 3499524 w 6858000"/>
              <a:gd name="connsiteY2613" fmla="*/ 4716845 h 6858000"/>
              <a:gd name="connsiteX2614" fmla="*/ 3499968 w 6858000"/>
              <a:gd name="connsiteY2614" fmla="*/ 4716845 h 6858000"/>
              <a:gd name="connsiteX2615" fmla="*/ 3499968 w 6858000"/>
              <a:gd name="connsiteY2615" fmla="*/ 4716401 h 6858000"/>
              <a:gd name="connsiteX2616" fmla="*/ 3376467 w 6858000"/>
              <a:gd name="connsiteY2616" fmla="*/ 4716401 h 6858000"/>
              <a:gd name="connsiteX2617" fmla="*/ 3376467 w 6858000"/>
              <a:gd name="connsiteY2617" fmla="*/ 4716845 h 6858000"/>
              <a:gd name="connsiteX2618" fmla="*/ 3376911 w 6858000"/>
              <a:gd name="connsiteY2618" fmla="*/ 4716845 h 6858000"/>
              <a:gd name="connsiteX2619" fmla="*/ 3376911 w 6858000"/>
              <a:gd name="connsiteY2619" fmla="*/ 4716401 h 6858000"/>
              <a:gd name="connsiteX2620" fmla="*/ 3253409 w 6858000"/>
              <a:gd name="connsiteY2620" fmla="*/ 4716401 h 6858000"/>
              <a:gd name="connsiteX2621" fmla="*/ 3253409 w 6858000"/>
              <a:gd name="connsiteY2621" fmla="*/ 4716845 h 6858000"/>
              <a:gd name="connsiteX2622" fmla="*/ 3253853 w 6858000"/>
              <a:gd name="connsiteY2622" fmla="*/ 4716845 h 6858000"/>
              <a:gd name="connsiteX2623" fmla="*/ 3253853 w 6858000"/>
              <a:gd name="connsiteY2623" fmla="*/ 4716401 h 6858000"/>
              <a:gd name="connsiteX2624" fmla="*/ 3130130 w 6858000"/>
              <a:gd name="connsiteY2624" fmla="*/ 4716179 h 6858000"/>
              <a:gd name="connsiteX2625" fmla="*/ 3130130 w 6858000"/>
              <a:gd name="connsiteY2625" fmla="*/ 4717031 h 6858000"/>
              <a:gd name="connsiteX2626" fmla="*/ 3130982 w 6858000"/>
              <a:gd name="connsiteY2626" fmla="*/ 4717031 h 6858000"/>
              <a:gd name="connsiteX2627" fmla="*/ 3130982 w 6858000"/>
              <a:gd name="connsiteY2627" fmla="*/ 4716179 h 6858000"/>
              <a:gd name="connsiteX2628" fmla="*/ 3006665 w 6858000"/>
              <a:gd name="connsiteY2628" fmla="*/ 4715772 h 6858000"/>
              <a:gd name="connsiteX2629" fmla="*/ 3006665 w 6858000"/>
              <a:gd name="connsiteY2629" fmla="*/ 4717512 h 6858000"/>
              <a:gd name="connsiteX2630" fmla="*/ 3008405 w 6858000"/>
              <a:gd name="connsiteY2630" fmla="*/ 4717512 h 6858000"/>
              <a:gd name="connsiteX2631" fmla="*/ 3008405 w 6858000"/>
              <a:gd name="connsiteY2631" fmla="*/ 4715772 h 6858000"/>
              <a:gd name="connsiteX2632" fmla="*/ 2883164 w 6858000"/>
              <a:gd name="connsiteY2632" fmla="*/ 4715327 h 6858000"/>
              <a:gd name="connsiteX2633" fmla="*/ 2883164 w 6858000"/>
              <a:gd name="connsiteY2633" fmla="*/ 4717919 h 6858000"/>
              <a:gd name="connsiteX2634" fmla="*/ 2885756 w 6858000"/>
              <a:gd name="connsiteY2634" fmla="*/ 4717919 h 6858000"/>
              <a:gd name="connsiteX2635" fmla="*/ 2885756 w 6858000"/>
              <a:gd name="connsiteY2635" fmla="*/ 4715327 h 6858000"/>
              <a:gd name="connsiteX2636" fmla="*/ 2759217 w 6858000"/>
              <a:gd name="connsiteY2636" fmla="*/ 4714438 h 6858000"/>
              <a:gd name="connsiteX2637" fmla="*/ 2759217 w 6858000"/>
              <a:gd name="connsiteY2637" fmla="*/ 4718771 h 6858000"/>
              <a:gd name="connsiteX2638" fmla="*/ 2763550 w 6858000"/>
              <a:gd name="connsiteY2638" fmla="*/ 4718771 h 6858000"/>
              <a:gd name="connsiteX2639" fmla="*/ 2763550 w 6858000"/>
              <a:gd name="connsiteY2639" fmla="*/ 4714438 h 6858000"/>
              <a:gd name="connsiteX2640" fmla="*/ 2634864 w 6858000"/>
              <a:gd name="connsiteY2640" fmla="*/ 4713142 h 6858000"/>
              <a:gd name="connsiteX2641" fmla="*/ 2634864 w 6858000"/>
              <a:gd name="connsiteY2641" fmla="*/ 4720104 h 6858000"/>
              <a:gd name="connsiteX2642" fmla="*/ 2641826 w 6858000"/>
              <a:gd name="connsiteY2642" fmla="*/ 4720104 h 6858000"/>
              <a:gd name="connsiteX2643" fmla="*/ 2641826 w 6858000"/>
              <a:gd name="connsiteY2643" fmla="*/ 4713142 h 6858000"/>
              <a:gd name="connsiteX2644" fmla="*/ 2510288 w 6858000"/>
              <a:gd name="connsiteY2644" fmla="*/ 4711624 h 6858000"/>
              <a:gd name="connsiteX2645" fmla="*/ 2510288 w 6858000"/>
              <a:gd name="connsiteY2645" fmla="*/ 4721623 h 6858000"/>
              <a:gd name="connsiteX2646" fmla="*/ 2520287 w 6858000"/>
              <a:gd name="connsiteY2646" fmla="*/ 4721623 h 6858000"/>
              <a:gd name="connsiteX2647" fmla="*/ 2520287 w 6858000"/>
              <a:gd name="connsiteY2647" fmla="*/ 4711624 h 6858000"/>
              <a:gd name="connsiteX2648" fmla="*/ 2385268 w 6858000"/>
              <a:gd name="connsiteY2648" fmla="*/ 4709661 h 6858000"/>
              <a:gd name="connsiteX2649" fmla="*/ 2385268 w 6858000"/>
              <a:gd name="connsiteY2649" fmla="*/ 4723548 h 6858000"/>
              <a:gd name="connsiteX2650" fmla="*/ 2399155 w 6858000"/>
              <a:gd name="connsiteY2650" fmla="*/ 4723548 h 6858000"/>
              <a:gd name="connsiteX2651" fmla="*/ 2399155 w 6858000"/>
              <a:gd name="connsiteY2651" fmla="*/ 4709661 h 6858000"/>
              <a:gd name="connsiteX2652" fmla="*/ 2259619 w 6858000"/>
              <a:gd name="connsiteY2652" fmla="*/ 4707069 h 6858000"/>
              <a:gd name="connsiteX2653" fmla="*/ 2259619 w 6858000"/>
              <a:gd name="connsiteY2653" fmla="*/ 4726177 h 6858000"/>
              <a:gd name="connsiteX2654" fmla="*/ 2278727 w 6858000"/>
              <a:gd name="connsiteY2654" fmla="*/ 4726177 h 6858000"/>
              <a:gd name="connsiteX2655" fmla="*/ 2278727 w 6858000"/>
              <a:gd name="connsiteY2655" fmla="*/ 4707069 h 6858000"/>
              <a:gd name="connsiteX2656" fmla="*/ 2133932 w 6858000"/>
              <a:gd name="connsiteY2656" fmla="*/ 4704477 h 6858000"/>
              <a:gd name="connsiteX2657" fmla="*/ 2133932 w 6858000"/>
              <a:gd name="connsiteY2657" fmla="*/ 4728807 h 6858000"/>
              <a:gd name="connsiteX2658" fmla="*/ 2158262 w 6858000"/>
              <a:gd name="connsiteY2658" fmla="*/ 4728807 h 6858000"/>
              <a:gd name="connsiteX2659" fmla="*/ 2158262 w 6858000"/>
              <a:gd name="connsiteY2659" fmla="*/ 4704477 h 6858000"/>
              <a:gd name="connsiteX2660" fmla="*/ 2008060 w 6858000"/>
              <a:gd name="connsiteY2660" fmla="*/ 4701625 h 6858000"/>
              <a:gd name="connsiteX2661" fmla="*/ 2008060 w 6858000"/>
              <a:gd name="connsiteY2661" fmla="*/ 4731584 h 6858000"/>
              <a:gd name="connsiteX2662" fmla="*/ 2038019 w 6858000"/>
              <a:gd name="connsiteY2662" fmla="*/ 4731584 h 6858000"/>
              <a:gd name="connsiteX2663" fmla="*/ 2038019 w 6858000"/>
              <a:gd name="connsiteY2663" fmla="*/ 4701625 h 6858000"/>
              <a:gd name="connsiteX2664" fmla="*/ 1881744 w 6858000"/>
              <a:gd name="connsiteY2664" fmla="*/ 4698366 h 6858000"/>
              <a:gd name="connsiteX2665" fmla="*/ 1881744 w 6858000"/>
              <a:gd name="connsiteY2665" fmla="*/ 4734842 h 6858000"/>
              <a:gd name="connsiteX2666" fmla="*/ 1918220 w 6858000"/>
              <a:gd name="connsiteY2666" fmla="*/ 4734842 h 6858000"/>
              <a:gd name="connsiteX2667" fmla="*/ 1918220 w 6858000"/>
              <a:gd name="connsiteY2667" fmla="*/ 4698366 h 6858000"/>
              <a:gd name="connsiteX2668" fmla="*/ 1755650 w 6858000"/>
              <a:gd name="connsiteY2668" fmla="*/ 4695330 h 6858000"/>
              <a:gd name="connsiteX2669" fmla="*/ 1755650 w 6858000"/>
              <a:gd name="connsiteY2669" fmla="*/ 4737880 h 6858000"/>
              <a:gd name="connsiteX2670" fmla="*/ 1798200 w 6858000"/>
              <a:gd name="connsiteY2670" fmla="*/ 4737880 h 6858000"/>
              <a:gd name="connsiteX2671" fmla="*/ 1798200 w 6858000"/>
              <a:gd name="connsiteY2671" fmla="*/ 4695330 h 6858000"/>
              <a:gd name="connsiteX2672" fmla="*/ 1629334 w 6858000"/>
              <a:gd name="connsiteY2672" fmla="*/ 4692071 h 6858000"/>
              <a:gd name="connsiteX2673" fmla="*/ 1629334 w 6858000"/>
              <a:gd name="connsiteY2673" fmla="*/ 4741138 h 6858000"/>
              <a:gd name="connsiteX2674" fmla="*/ 1678401 w 6858000"/>
              <a:gd name="connsiteY2674" fmla="*/ 4741138 h 6858000"/>
              <a:gd name="connsiteX2675" fmla="*/ 1678401 w 6858000"/>
              <a:gd name="connsiteY2675" fmla="*/ 4692071 h 6858000"/>
              <a:gd name="connsiteX2676" fmla="*/ 1502981 w 6858000"/>
              <a:gd name="connsiteY2676" fmla="*/ 4688812 h 6858000"/>
              <a:gd name="connsiteX2677" fmla="*/ 1502981 w 6858000"/>
              <a:gd name="connsiteY2677" fmla="*/ 4744397 h 6858000"/>
              <a:gd name="connsiteX2678" fmla="*/ 1558566 w 6858000"/>
              <a:gd name="connsiteY2678" fmla="*/ 4744397 h 6858000"/>
              <a:gd name="connsiteX2679" fmla="*/ 1558566 w 6858000"/>
              <a:gd name="connsiteY2679" fmla="*/ 4688812 h 6858000"/>
              <a:gd name="connsiteX2680" fmla="*/ 1376665 w 6858000"/>
              <a:gd name="connsiteY2680" fmla="*/ 4685590 h 6858000"/>
              <a:gd name="connsiteX2681" fmla="*/ 1376665 w 6858000"/>
              <a:gd name="connsiteY2681" fmla="*/ 4747693 h 6858000"/>
              <a:gd name="connsiteX2682" fmla="*/ 1438768 w 6858000"/>
              <a:gd name="connsiteY2682" fmla="*/ 4747693 h 6858000"/>
              <a:gd name="connsiteX2683" fmla="*/ 1438768 w 6858000"/>
              <a:gd name="connsiteY2683" fmla="*/ 4685590 h 6858000"/>
              <a:gd name="connsiteX2684" fmla="*/ 1250571 w 6858000"/>
              <a:gd name="connsiteY2684" fmla="*/ 4682517 h 6858000"/>
              <a:gd name="connsiteX2685" fmla="*/ 1250571 w 6858000"/>
              <a:gd name="connsiteY2685" fmla="*/ 4750693 h 6858000"/>
              <a:gd name="connsiteX2686" fmla="*/ 1318747 w 6858000"/>
              <a:gd name="connsiteY2686" fmla="*/ 4750693 h 6858000"/>
              <a:gd name="connsiteX2687" fmla="*/ 1318747 w 6858000"/>
              <a:gd name="connsiteY2687" fmla="*/ 4682517 h 6858000"/>
              <a:gd name="connsiteX2688" fmla="*/ 1124921 w 6858000"/>
              <a:gd name="connsiteY2688" fmla="*/ 4679925 h 6858000"/>
              <a:gd name="connsiteX2689" fmla="*/ 1124921 w 6858000"/>
              <a:gd name="connsiteY2689" fmla="*/ 4753323 h 6858000"/>
              <a:gd name="connsiteX2690" fmla="*/ 1198318 w 6858000"/>
              <a:gd name="connsiteY2690" fmla="*/ 4753323 h 6858000"/>
              <a:gd name="connsiteX2691" fmla="*/ 1198318 w 6858000"/>
              <a:gd name="connsiteY2691" fmla="*/ 4679925 h 6858000"/>
              <a:gd name="connsiteX2692" fmla="*/ 999050 w 6858000"/>
              <a:gd name="connsiteY2692" fmla="*/ 4677110 h 6858000"/>
              <a:gd name="connsiteX2693" fmla="*/ 999050 w 6858000"/>
              <a:gd name="connsiteY2693" fmla="*/ 4756173 h 6858000"/>
              <a:gd name="connsiteX2694" fmla="*/ 1078113 w 6858000"/>
              <a:gd name="connsiteY2694" fmla="*/ 4756173 h 6858000"/>
              <a:gd name="connsiteX2695" fmla="*/ 1078113 w 6858000"/>
              <a:gd name="connsiteY2695" fmla="*/ 4677110 h 6858000"/>
              <a:gd name="connsiteX2696" fmla="*/ 873807 w 6858000"/>
              <a:gd name="connsiteY2696" fmla="*/ 4674925 h 6858000"/>
              <a:gd name="connsiteX2697" fmla="*/ 873807 w 6858000"/>
              <a:gd name="connsiteY2697" fmla="*/ 4758321 h 6858000"/>
              <a:gd name="connsiteX2698" fmla="*/ 957203 w 6858000"/>
              <a:gd name="connsiteY2698" fmla="*/ 4758321 h 6858000"/>
              <a:gd name="connsiteX2699" fmla="*/ 957203 w 6858000"/>
              <a:gd name="connsiteY2699" fmla="*/ 4674925 h 6858000"/>
              <a:gd name="connsiteX2700" fmla="*/ 748787 w 6858000"/>
              <a:gd name="connsiteY2700" fmla="*/ 4672963 h 6858000"/>
              <a:gd name="connsiteX2701" fmla="*/ 748787 w 6858000"/>
              <a:gd name="connsiteY2701" fmla="*/ 4760248 h 6858000"/>
              <a:gd name="connsiteX2702" fmla="*/ 836071 w 6858000"/>
              <a:gd name="connsiteY2702" fmla="*/ 4760248 h 6858000"/>
              <a:gd name="connsiteX2703" fmla="*/ 836071 w 6858000"/>
              <a:gd name="connsiteY2703" fmla="*/ 4672963 h 6858000"/>
              <a:gd name="connsiteX2704" fmla="*/ 624212 w 6858000"/>
              <a:gd name="connsiteY2704" fmla="*/ 4671444 h 6858000"/>
              <a:gd name="connsiteX2705" fmla="*/ 624212 w 6858000"/>
              <a:gd name="connsiteY2705" fmla="*/ 4761802 h 6858000"/>
              <a:gd name="connsiteX2706" fmla="*/ 714570 w 6858000"/>
              <a:gd name="connsiteY2706" fmla="*/ 4761802 h 6858000"/>
              <a:gd name="connsiteX2707" fmla="*/ 714570 w 6858000"/>
              <a:gd name="connsiteY2707" fmla="*/ 4671444 h 6858000"/>
              <a:gd name="connsiteX2708" fmla="*/ 499858 w 6858000"/>
              <a:gd name="connsiteY2708" fmla="*/ 4670148 h 6858000"/>
              <a:gd name="connsiteX2709" fmla="*/ 499858 w 6858000"/>
              <a:gd name="connsiteY2709" fmla="*/ 4763098 h 6858000"/>
              <a:gd name="connsiteX2710" fmla="*/ 592808 w 6858000"/>
              <a:gd name="connsiteY2710" fmla="*/ 4763098 h 6858000"/>
              <a:gd name="connsiteX2711" fmla="*/ 592808 w 6858000"/>
              <a:gd name="connsiteY2711" fmla="*/ 4670148 h 6858000"/>
              <a:gd name="connsiteX2712" fmla="*/ 375912 w 6858000"/>
              <a:gd name="connsiteY2712" fmla="*/ 4669296 h 6858000"/>
              <a:gd name="connsiteX2713" fmla="*/ 375912 w 6858000"/>
              <a:gd name="connsiteY2713" fmla="*/ 4763987 h 6858000"/>
              <a:gd name="connsiteX2714" fmla="*/ 470603 w 6858000"/>
              <a:gd name="connsiteY2714" fmla="*/ 4763987 h 6858000"/>
              <a:gd name="connsiteX2715" fmla="*/ 470603 w 6858000"/>
              <a:gd name="connsiteY2715" fmla="*/ 4669296 h 6858000"/>
              <a:gd name="connsiteX2716" fmla="*/ 6518 w 6858000"/>
              <a:gd name="connsiteY2716" fmla="*/ 4669074 h 6858000"/>
              <a:gd name="connsiteX2717" fmla="*/ 6518 w 6858000"/>
              <a:gd name="connsiteY2717" fmla="*/ 4764209 h 6858000"/>
              <a:gd name="connsiteX2718" fmla="*/ 101653 w 6858000"/>
              <a:gd name="connsiteY2718" fmla="*/ 4764209 h 6858000"/>
              <a:gd name="connsiteX2719" fmla="*/ 101653 w 6858000"/>
              <a:gd name="connsiteY2719" fmla="*/ 4669074 h 6858000"/>
              <a:gd name="connsiteX2720" fmla="*/ 252188 w 6858000"/>
              <a:gd name="connsiteY2720" fmla="*/ 4668630 h 6858000"/>
              <a:gd name="connsiteX2721" fmla="*/ 252188 w 6858000"/>
              <a:gd name="connsiteY2721" fmla="*/ 4764617 h 6858000"/>
              <a:gd name="connsiteX2722" fmla="*/ 348175 w 6858000"/>
              <a:gd name="connsiteY2722" fmla="*/ 4764617 h 6858000"/>
              <a:gd name="connsiteX2723" fmla="*/ 348175 w 6858000"/>
              <a:gd name="connsiteY2723" fmla="*/ 4668630 h 6858000"/>
              <a:gd name="connsiteX2724" fmla="*/ 128724 w 6858000"/>
              <a:gd name="connsiteY2724" fmla="*/ 4668185 h 6858000"/>
              <a:gd name="connsiteX2725" fmla="*/ 128724 w 6858000"/>
              <a:gd name="connsiteY2725" fmla="*/ 4765024 h 6858000"/>
              <a:gd name="connsiteX2726" fmla="*/ 225563 w 6858000"/>
              <a:gd name="connsiteY2726" fmla="*/ 4765024 h 6858000"/>
              <a:gd name="connsiteX2727" fmla="*/ 225563 w 6858000"/>
              <a:gd name="connsiteY2727" fmla="*/ 4668185 h 6858000"/>
              <a:gd name="connsiteX2728" fmla="*/ 3868733 w 6858000"/>
              <a:gd name="connsiteY2728" fmla="*/ 4593344 h 6858000"/>
              <a:gd name="connsiteX2729" fmla="*/ 3868733 w 6858000"/>
              <a:gd name="connsiteY2729" fmla="*/ 4593788 h 6858000"/>
              <a:gd name="connsiteX2730" fmla="*/ 3869177 w 6858000"/>
              <a:gd name="connsiteY2730" fmla="*/ 4593788 h 6858000"/>
              <a:gd name="connsiteX2731" fmla="*/ 3869177 w 6858000"/>
              <a:gd name="connsiteY2731" fmla="*/ 4593344 h 6858000"/>
              <a:gd name="connsiteX2732" fmla="*/ 3745676 w 6858000"/>
              <a:gd name="connsiteY2732" fmla="*/ 4593344 h 6858000"/>
              <a:gd name="connsiteX2733" fmla="*/ 3745676 w 6858000"/>
              <a:gd name="connsiteY2733" fmla="*/ 4593788 h 6858000"/>
              <a:gd name="connsiteX2734" fmla="*/ 3746120 w 6858000"/>
              <a:gd name="connsiteY2734" fmla="*/ 4593788 h 6858000"/>
              <a:gd name="connsiteX2735" fmla="*/ 3746120 w 6858000"/>
              <a:gd name="connsiteY2735" fmla="*/ 4593344 h 6858000"/>
              <a:gd name="connsiteX2736" fmla="*/ 3622618 w 6858000"/>
              <a:gd name="connsiteY2736" fmla="*/ 4593344 h 6858000"/>
              <a:gd name="connsiteX2737" fmla="*/ 3622618 w 6858000"/>
              <a:gd name="connsiteY2737" fmla="*/ 4593788 h 6858000"/>
              <a:gd name="connsiteX2738" fmla="*/ 3623062 w 6858000"/>
              <a:gd name="connsiteY2738" fmla="*/ 4593788 h 6858000"/>
              <a:gd name="connsiteX2739" fmla="*/ 3623062 w 6858000"/>
              <a:gd name="connsiteY2739" fmla="*/ 4593344 h 6858000"/>
              <a:gd name="connsiteX2740" fmla="*/ 3499524 w 6858000"/>
              <a:gd name="connsiteY2740" fmla="*/ 4593344 h 6858000"/>
              <a:gd name="connsiteX2741" fmla="*/ 3499524 w 6858000"/>
              <a:gd name="connsiteY2741" fmla="*/ 4593788 h 6858000"/>
              <a:gd name="connsiteX2742" fmla="*/ 3499968 w 6858000"/>
              <a:gd name="connsiteY2742" fmla="*/ 4593788 h 6858000"/>
              <a:gd name="connsiteX2743" fmla="*/ 3499968 w 6858000"/>
              <a:gd name="connsiteY2743" fmla="*/ 4593344 h 6858000"/>
              <a:gd name="connsiteX2744" fmla="*/ 3376467 w 6858000"/>
              <a:gd name="connsiteY2744" fmla="*/ 4593344 h 6858000"/>
              <a:gd name="connsiteX2745" fmla="*/ 3376467 w 6858000"/>
              <a:gd name="connsiteY2745" fmla="*/ 4593788 h 6858000"/>
              <a:gd name="connsiteX2746" fmla="*/ 3376911 w 6858000"/>
              <a:gd name="connsiteY2746" fmla="*/ 4593788 h 6858000"/>
              <a:gd name="connsiteX2747" fmla="*/ 3376911 w 6858000"/>
              <a:gd name="connsiteY2747" fmla="*/ 4593344 h 6858000"/>
              <a:gd name="connsiteX2748" fmla="*/ 3253187 w 6858000"/>
              <a:gd name="connsiteY2748" fmla="*/ 4593122 h 6858000"/>
              <a:gd name="connsiteX2749" fmla="*/ 3253187 w 6858000"/>
              <a:gd name="connsiteY2749" fmla="*/ 4593974 h 6858000"/>
              <a:gd name="connsiteX2750" fmla="*/ 3254039 w 6858000"/>
              <a:gd name="connsiteY2750" fmla="*/ 4593974 h 6858000"/>
              <a:gd name="connsiteX2751" fmla="*/ 3254039 w 6858000"/>
              <a:gd name="connsiteY2751" fmla="*/ 4593122 h 6858000"/>
              <a:gd name="connsiteX2752" fmla="*/ 3129945 w 6858000"/>
              <a:gd name="connsiteY2752" fmla="*/ 4592899 h 6858000"/>
              <a:gd name="connsiteX2753" fmla="*/ 3129945 w 6858000"/>
              <a:gd name="connsiteY2753" fmla="*/ 4594195 h 6858000"/>
              <a:gd name="connsiteX2754" fmla="*/ 3131241 w 6858000"/>
              <a:gd name="connsiteY2754" fmla="*/ 4594195 h 6858000"/>
              <a:gd name="connsiteX2755" fmla="*/ 3131241 w 6858000"/>
              <a:gd name="connsiteY2755" fmla="*/ 4592899 h 6858000"/>
              <a:gd name="connsiteX2756" fmla="*/ 3006443 w 6858000"/>
              <a:gd name="connsiteY2756" fmla="*/ 4592492 h 6858000"/>
              <a:gd name="connsiteX2757" fmla="*/ 3006443 w 6858000"/>
              <a:gd name="connsiteY2757" fmla="*/ 4594677 h 6858000"/>
              <a:gd name="connsiteX2758" fmla="*/ 3008628 w 6858000"/>
              <a:gd name="connsiteY2758" fmla="*/ 4594677 h 6858000"/>
              <a:gd name="connsiteX2759" fmla="*/ 3008628 w 6858000"/>
              <a:gd name="connsiteY2759" fmla="*/ 4592492 h 6858000"/>
              <a:gd name="connsiteX2760" fmla="*/ 2882719 w 6858000"/>
              <a:gd name="connsiteY2760" fmla="*/ 4591825 h 6858000"/>
              <a:gd name="connsiteX2761" fmla="*/ 2882719 w 6858000"/>
              <a:gd name="connsiteY2761" fmla="*/ 4595306 h 6858000"/>
              <a:gd name="connsiteX2762" fmla="*/ 2886200 w 6858000"/>
              <a:gd name="connsiteY2762" fmla="*/ 4595306 h 6858000"/>
              <a:gd name="connsiteX2763" fmla="*/ 2886200 w 6858000"/>
              <a:gd name="connsiteY2763" fmla="*/ 4591825 h 6858000"/>
              <a:gd name="connsiteX2764" fmla="*/ 2758810 w 6858000"/>
              <a:gd name="connsiteY2764" fmla="*/ 4590974 h 6858000"/>
              <a:gd name="connsiteX2765" fmla="*/ 2758810 w 6858000"/>
              <a:gd name="connsiteY2765" fmla="*/ 4596195 h 6858000"/>
              <a:gd name="connsiteX2766" fmla="*/ 2764031 w 6858000"/>
              <a:gd name="connsiteY2766" fmla="*/ 4596195 h 6858000"/>
              <a:gd name="connsiteX2767" fmla="*/ 2764031 w 6858000"/>
              <a:gd name="connsiteY2767" fmla="*/ 4590974 h 6858000"/>
              <a:gd name="connsiteX2768" fmla="*/ 2634642 w 6858000"/>
              <a:gd name="connsiteY2768" fmla="*/ 4589863 h 6858000"/>
              <a:gd name="connsiteX2769" fmla="*/ 2634642 w 6858000"/>
              <a:gd name="connsiteY2769" fmla="*/ 4597232 h 6858000"/>
              <a:gd name="connsiteX2770" fmla="*/ 2642011 w 6858000"/>
              <a:gd name="connsiteY2770" fmla="*/ 4597232 h 6858000"/>
              <a:gd name="connsiteX2771" fmla="*/ 2642011 w 6858000"/>
              <a:gd name="connsiteY2771" fmla="*/ 4589863 h 6858000"/>
              <a:gd name="connsiteX2772" fmla="*/ 2509844 w 6858000"/>
              <a:gd name="connsiteY2772" fmla="*/ 4588122 h 6858000"/>
              <a:gd name="connsiteX2773" fmla="*/ 2509844 w 6858000"/>
              <a:gd name="connsiteY2773" fmla="*/ 4598972 h 6858000"/>
              <a:gd name="connsiteX2774" fmla="*/ 2520694 w 6858000"/>
              <a:gd name="connsiteY2774" fmla="*/ 4598972 h 6858000"/>
              <a:gd name="connsiteX2775" fmla="*/ 2520694 w 6858000"/>
              <a:gd name="connsiteY2775" fmla="*/ 4588122 h 6858000"/>
              <a:gd name="connsiteX2776" fmla="*/ 2385046 w 6858000"/>
              <a:gd name="connsiteY2776" fmla="*/ 4586382 h 6858000"/>
              <a:gd name="connsiteX2777" fmla="*/ 2385046 w 6858000"/>
              <a:gd name="connsiteY2777" fmla="*/ 4600713 h 6858000"/>
              <a:gd name="connsiteX2778" fmla="*/ 2399377 w 6858000"/>
              <a:gd name="connsiteY2778" fmla="*/ 4600713 h 6858000"/>
              <a:gd name="connsiteX2779" fmla="*/ 2399377 w 6858000"/>
              <a:gd name="connsiteY2779" fmla="*/ 4586382 h 6858000"/>
              <a:gd name="connsiteX2780" fmla="*/ 2259619 w 6858000"/>
              <a:gd name="connsiteY2780" fmla="*/ 4584012 h 6858000"/>
              <a:gd name="connsiteX2781" fmla="*/ 2259619 w 6858000"/>
              <a:gd name="connsiteY2781" fmla="*/ 4603120 h 6858000"/>
              <a:gd name="connsiteX2782" fmla="*/ 2278727 w 6858000"/>
              <a:gd name="connsiteY2782" fmla="*/ 4603120 h 6858000"/>
              <a:gd name="connsiteX2783" fmla="*/ 2278727 w 6858000"/>
              <a:gd name="connsiteY2783" fmla="*/ 4584012 h 6858000"/>
              <a:gd name="connsiteX2784" fmla="*/ 2134154 w 6858000"/>
              <a:gd name="connsiteY2784" fmla="*/ 4581605 h 6858000"/>
              <a:gd name="connsiteX2785" fmla="*/ 2134154 w 6858000"/>
              <a:gd name="connsiteY2785" fmla="*/ 4605491 h 6858000"/>
              <a:gd name="connsiteX2786" fmla="*/ 2158040 w 6858000"/>
              <a:gd name="connsiteY2786" fmla="*/ 4605491 h 6858000"/>
              <a:gd name="connsiteX2787" fmla="*/ 2158040 w 6858000"/>
              <a:gd name="connsiteY2787" fmla="*/ 4581605 h 6858000"/>
              <a:gd name="connsiteX2788" fmla="*/ 2008283 w 6858000"/>
              <a:gd name="connsiteY2788" fmla="*/ 4578790 h 6858000"/>
              <a:gd name="connsiteX2789" fmla="*/ 2008283 w 6858000"/>
              <a:gd name="connsiteY2789" fmla="*/ 4608342 h 6858000"/>
              <a:gd name="connsiteX2790" fmla="*/ 2037834 w 6858000"/>
              <a:gd name="connsiteY2790" fmla="*/ 4608342 h 6858000"/>
              <a:gd name="connsiteX2791" fmla="*/ 2037834 w 6858000"/>
              <a:gd name="connsiteY2791" fmla="*/ 4578790 h 6858000"/>
              <a:gd name="connsiteX2792" fmla="*/ 1882374 w 6858000"/>
              <a:gd name="connsiteY2792" fmla="*/ 4575976 h 6858000"/>
              <a:gd name="connsiteX2793" fmla="*/ 1882374 w 6858000"/>
              <a:gd name="connsiteY2793" fmla="*/ 4611156 h 6858000"/>
              <a:gd name="connsiteX2794" fmla="*/ 1917554 w 6858000"/>
              <a:gd name="connsiteY2794" fmla="*/ 4611156 h 6858000"/>
              <a:gd name="connsiteX2795" fmla="*/ 1917554 w 6858000"/>
              <a:gd name="connsiteY2795" fmla="*/ 4575976 h 6858000"/>
              <a:gd name="connsiteX2796" fmla="*/ 1756280 w 6858000"/>
              <a:gd name="connsiteY2796" fmla="*/ 4572939 h 6858000"/>
              <a:gd name="connsiteX2797" fmla="*/ 1756280 w 6858000"/>
              <a:gd name="connsiteY2797" fmla="*/ 4614193 h 6858000"/>
              <a:gd name="connsiteX2798" fmla="*/ 1797534 w 6858000"/>
              <a:gd name="connsiteY2798" fmla="*/ 4614193 h 6858000"/>
              <a:gd name="connsiteX2799" fmla="*/ 1797534 w 6858000"/>
              <a:gd name="connsiteY2799" fmla="*/ 4572939 h 6858000"/>
              <a:gd name="connsiteX2800" fmla="*/ 1630186 w 6858000"/>
              <a:gd name="connsiteY2800" fmla="*/ 4569902 h 6858000"/>
              <a:gd name="connsiteX2801" fmla="*/ 1630186 w 6858000"/>
              <a:gd name="connsiteY2801" fmla="*/ 4617229 h 6858000"/>
              <a:gd name="connsiteX2802" fmla="*/ 1677513 w 6858000"/>
              <a:gd name="connsiteY2802" fmla="*/ 4617229 h 6858000"/>
              <a:gd name="connsiteX2803" fmla="*/ 1677513 w 6858000"/>
              <a:gd name="connsiteY2803" fmla="*/ 4569902 h 6858000"/>
              <a:gd name="connsiteX2804" fmla="*/ 1504314 w 6858000"/>
              <a:gd name="connsiteY2804" fmla="*/ 4567088 h 6858000"/>
              <a:gd name="connsiteX2805" fmla="*/ 1504314 w 6858000"/>
              <a:gd name="connsiteY2805" fmla="*/ 4620081 h 6858000"/>
              <a:gd name="connsiteX2806" fmla="*/ 1557307 w 6858000"/>
              <a:gd name="connsiteY2806" fmla="*/ 4620081 h 6858000"/>
              <a:gd name="connsiteX2807" fmla="*/ 1557307 w 6858000"/>
              <a:gd name="connsiteY2807" fmla="*/ 4567088 h 6858000"/>
              <a:gd name="connsiteX2808" fmla="*/ 1378220 w 6858000"/>
              <a:gd name="connsiteY2808" fmla="*/ 4564014 h 6858000"/>
              <a:gd name="connsiteX2809" fmla="*/ 1378220 w 6858000"/>
              <a:gd name="connsiteY2809" fmla="*/ 4623080 h 6858000"/>
              <a:gd name="connsiteX2810" fmla="*/ 1437286 w 6858000"/>
              <a:gd name="connsiteY2810" fmla="*/ 4623080 h 6858000"/>
              <a:gd name="connsiteX2811" fmla="*/ 1437286 w 6858000"/>
              <a:gd name="connsiteY2811" fmla="*/ 4564014 h 6858000"/>
              <a:gd name="connsiteX2812" fmla="*/ 1252312 w 6858000"/>
              <a:gd name="connsiteY2812" fmla="*/ 4561200 h 6858000"/>
              <a:gd name="connsiteX2813" fmla="*/ 1252312 w 6858000"/>
              <a:gd name="connsiteY2813" fmla="*/ 4625932 h 6858000"/>
              <a:gd name="connsiteX2814" fmla="*/ 1317044 w 6858000"/>
              <a:gd name="connsiteY2814" fmla="*/ 4625932 h 6858000"/>
              <a:gd name="connsiteX2815" fmla="*/ 1317044 w 6858000"/>
              <a:gd name="connsiteY2815" fmla="*/ 4561200 h 6858000"/>
              <a:gd name="connsiteX2816" fmla="*/ 1126662 w 6858000"/>
              <a:gd name="connsiteY2816" fmla="*/ 4558608 h 6858000"/>
              <a:gd name="connsiteX2817" fmla="*/ 1126662 w 6858000"/>
              <a:gd name="connsiteY2817" fmla="*/ 4628524 h 6858000"/>
              <a:gd name="connsiteX2818" fmla="*/ 1196578 w 6858000"/>
              <a:gd name="connsiteY2818" fmla="*/ 4628524 h 6858000"/>
              <a:gd name="connsiteX2819" fmla="*/ 1196578 w 6858000"/>
              <a:gd name="connsiteY2819" fmla="*/ 4558608 h 6858000"/>
              <a:gd name="connsiteX2820" fmla="*/ 1001198 w 6858000"/>
              <a:gd name="connsiteY2820" fmla="*/ 4556201 h 6858000"/>
              <a:gd name="connsiteX2821" fmla="*/ 1001198 w 6858000"/>
              <a:gd name="connsiteY2821" fmla="*/ 4630894 h 6858000"/>
              <a:gd name="connsiteX2822" fmla="*/ 1075892 w 6858000"/>
              <a:gd name="connsiteY2822" fmla="*/ 4630894 h 6858000"/>
              <a:gd name="connsiteX2823" fmla="*/ 1075892 w 6858000"/>
              <a:gd name="connsiteY2823" fmla="*/ 4556201 h 6858000"/>
              <a:gd name="connsiteX2824" fmla="*/ 875770 w 6858000"/>
              <a:gd name="connsiteY2824" fmla="*/ 4553831 h 6858000"/>
              <a:gd name="connsiteX2825" fmla="*/ 875770 w 6858000"/>
              <a:gd name="connsiteY2825" fmla="*/ 4633302 h 6858000"/>
              <a:gd name="connsiteX2826" fmla="*/ 955241 w 6858000"/>
              <a:gd name="connsiteY2826" fmla="*/ 4633302 h 6858000"/>
              <a:gd name="connsiteX2827" fmla="*/ 955241 w 6858000"/>
              <a:gd name="connsiteY2827" fmla="*/ 4553831 h 6858000"/>
              <a:gd name="connsiteX2828" fmla="*/ 750972 w 6858000"/>
              <a:gd name="connsiteY2828" fmla="*/ 4552090 h 6858000"/>
              <a:gd name="connsiteX2829" fmla="*/ 750972 w 6858000"/>
              <a:gd name="connsiteY2829" fmla="*/ 4635042 h 6858000"/>
              <a:gd name="connsiteX2830" fmla="*/ 833924 w 6858000"/>
              <a:gd name="connsiteY2830" fmla="*/ 4635042 h 6858000"/>
              <a:gd name="connsiteX2831" fmla="*/ 833924 w 6858000"/>
              <a:gd name="connsiteY2831" fmla="*/ 4552090 h 6858000"/>
              <a:gd name="connsiteX2832" fmla="*/ 626360 w 6858000"/>
              <a:gd name="connsiteY2832" fmla="*/ 4550572 h 6858000"/>
              <a:gd name="connsiteX2833" fmla="*/ 626360 w 6858000"/>
              <a:gd name="connsiteY2833" fmla="*/ 4636560 h 6858000"/>
              <a:gd name="connsiteX2834" fmla="*/ 712348 w 6858000"/>
              <a:gd name="connsiteY2834" fmla="*/ 4636560 h 6858000"/>
              <a:gd name="connsiteX2835" fmla="*/ 712348 w 6858000"/>
              <a:gd name="connsiteY2835" fmla="*/ 4550572 h 6858000"/>
              <a:gd name="connsiteX2836" fmla="*/ 502006 w 6858000"/>
              <a:gd name="connsiteY2836" fmla="*/ 4549276 h 6858000"/>
              <a:gd name="connsiteX2837" fmla="*/ 502006 w 6858000"/>
              <a:gd name="connsiteY2837" fmla="*/ 4637894 h 6858000"/>
              <a:gd name="connsiteX2838" fmla="*/ 590624 w 6858000"/>
              <a:gd name="connsiteY2838" fmla="*/ 4637894 h 6858000"/>
              <a:gd name="connsiteX2839" fmla="*/ 590624 w 6858000"/>
              <a:gd name="connsiteY2839" fmla="*/ 4549276 h 6858000"/>
              <a:gd name="connsiteX2840" fmla="*/ 378097 w 6858000"/>
              <a:gd name="connsiteY2840" fmla="*/ 4548387 h 6858000"/>
              <a:gd name="connsiteX2841" fmla="*/ 378097 w 6858000"/>
              <a:gd name="connsiteY2841" fmla="*/ 4638745 h 6858000"/>
              <a:gd name="connsiteX2842" fmla="*/ 468455 w 6858000"/>
              <a:gd name="connsiteY2842" fmla="*/ 4638745 h 6858000"/>
              <a:gd name="connsiteX2843" fmla="*/ 468455 w 6858000"/>
              <a:gd name="connsiteY2843" fmla="*/ 4548387 h 6858000"/>
              <a:gd name="connsiteX2844" fmla="*/ 8703 w 6858000"/>
              <a:gd name="connsiteY2844" fmla="*/ 4548165 h 6858000"/>
              <a:gd name="connsiteX2845" fmla="*/ 8703 w 6858000"/>
              <a:gd name="connsiteY2845" fmla="*/ 4638931 h 6858000"/>
              <a:gd name="connsiteX2846" fmla="*/ 99468 w 6858000"/>
              <a:gd name="connsiteY2846" fmla="*/ 4638931 h 6858000"/>
              <a:gd name="connsiteX2847" fmla="*/ 99468 w 6858000"/>
              <a:gd name="connsiteY2847" fmla="*/ 4548165 h 6858000"/>
              <a:gd name="connsiteX2848" fmla="*/ 254373 w 6858000"/>
              <a:gd name="connsiteY2848" fmla="*/ 4547757 h 6858000"/>
              <a:gd name="connsiteX2849" fmla="*/ 254373 w 6858000"/>
              <a:gd name="connsiteY2849" fmla="*/ 4639411 h 6858000"/>
              <a:gd name="connsiteX2850" fmla="*/ 346027 w 6858000"/>
              <a:gd name="connsiteY2850" fmla="*/ 4639411 h 6858000"/>
              <a:gd name="connsiteX2851" fmla="*/ 346027 w 6858000"/>
              <a:gd name="connsiteY2851" fmla="*/ 4547757 h 6858000"/>
              <a:gd name="connsiteX2852" fmla="*/ 130872 w 6858000"/>
              <a:gd name="connsiteY2852" fmla="*/ 4547313 h 6858000"/>
              <a:gd name="connsiteX2853" fmla="*/ 130872 w 6858000"/>
              <a:gd name="connsiteY2853" fmla="*/ 4639819 h 6858000"/>
              <a:gd name="connsiteX2854" fmla="*/ 223378 w 6858000"/>
              <a:gd name="connsiteY2854" fmla="*/ 4639819 h 6858000"/>
              <a:gd name="connsiteX2855" fmla="*/ 223378 w 6858000"/>
              <a:gd name="connsiteY2855" fmla="*/ 4547313 h 6858000"/>
              <a:gd name="connsiteX2856" fmla="*/ 3868733 w 6858000"/>
              <a:gd name="connsiteY2856" fmla="*/ 4470286 h 6858000"/>
              <a:gd name="connsiteX2857" fmla="*/ 3868733 w 6858000"/>
              <a:gd name="connsiteY2857" fmla="*/ 4470730 h 6858000"/>
              <a:gd name="connsiteX2858" fmla="*/ 3869177 w 6858000"/>
              <a:gd name="connsiteY2858" fmla="*/ 4470730 h 6858000"/>
              <a:gd name="connsiteX2859" fmla="*/ 3869177 w 6858000"/>
              <a:gd name="connsiteY2859" fmla="*/ 4470286 h 6858000"/>
              <a:gd name="connsiteX2860" fmla="*/ 3745676 w 6858000"/>
              <a:gd name="connsiteY2860" fmla="*/ 4470286 h 6858000"/>
              <a:gd name="connsiteX2861" fmla="*/ 3745676 w 6858000"/>
              <a:gd name="connsiteY2861" fmla="*/ 4470730 h 6858000"/>
              <a:gd name="connsiteX2862" fmla="*/ 3746120 w 6858000"/>
              <a:gd name="connsiteY2862" fmla="*/ 4470730 h 6858000"/>
              <a:gd name="connsiteX2863" fmla="*/ 3746120 w 6858000"/>
              <a:gd name="connsiteY2863" fmla="*/ 4470286 h 6858000"/>
              <a:gd name="connsiteX2864" fmla="*/ 3622618 w 6858000"/>
              <a:gd name="connsiteY2864" fmla="*/ 4470286 h 6858000"/>
              <a:gd name="connsiteX2865" fmla="*/ 3622618 w 6858000"/>
              <a:gd name="connsiteY2865" fmla="*/ 4470730 h 6858000"/>
              <a:gd name="connsiteX2866" fmla="*/ 3623062 w 6858000"/>
              <a:gd name="connsiteY2866" fmla="*/ 4470730 h 6858000"/>
              <a:gd name="connsiteX2867" fmla="*/ 3623062 w 6858000"/>
              <a:gd name="connsiteY2867" fmla="*/ 4470286 h 6858000"/>
              <a:gd name="connsiteX2868" fmla="*/ 3499524 w 6858000"/>
              <a:gd name="connsiteY2868" fmla="*/ 4470286 h 6858000"/>
              <a:gd name="connsiteX2869" fmla="*/ 3499524 w 6858000"/>
              <a:gd name="connsiteY2869" fmla="*/ 4470730 h 6858000"/>
              <a:gd name="connsiteX2870" fmla="*/ 3499968 w 6858000"/>
              <a:gd name="connsiteY2870" fmla="*/ 4470730 h 6858000"/>
              <a:gd name="connsiteX2871" fmla="*/ 3499968 w 6858000"/>
              <a:gd name="connsiteY2871" fmla="*/ 4470286 h 6858000"/>
              <a:gd name="connsiteX2872" fmla="*/ 3376282 w 6858000"/>
              <a:gd name="connsiteY2872" fmla="*/ 4470064 h 6858000"/>
              <a:gd name="connsiteX2873" fmla="*/ 3376282 w 6858000"/>
              <a:gd name="connsiteY2873" fmla="*/ 4470916 h 6858000"/>
              <a:gd name="connsiteX2874" fmla="*/ 3377134 w 6858000"/>
              <a:gd name="connsiteY2874" fmla="*/ 4470916 h 6858000"/>
              <a:gd name="connsiteX2875" fmla="*/ 3377134 w 6858000"/>
              <a:gd name="connsiteY2875" fmla="*/ 4470064 h 6858000"/>
              <a:gd name="connsiteX2876" fmla="*/ 3253187 w 6858000"/>
              <a:gd name="connsiteY2876" fmla="*/ 4470064 h 6858000"/>
              <a:gd name="connsiteX2877" fmla="*/ 3253187 w 6858000"/>
              <a:gd name="connsiteY2877" fmla="*/ 4470916 h 6858000"/>
              <a:gd name="connsiteX2878" fmla="*/ 3254039 w 6858000"/>
              <a:gd name="connsiteY2878" fmla="*/ 4470916 h 6858000"/>
              <a:gd name="connsiteX2879" fmla="*/ 3254039 w 6858000"/>
              <a:gd name="connsiteY2879" fmla="*/ 4470064 h 6858000"/>
              <a:gd name="connsiteX2880" fmla="*/ 3129723 w 6858000"/>
              <a:gd name="connsiteY2880" fmla="*/ 4469620 h 6858000"/>
              <a:gd name="connsiteX2881" fmla="*/ 3129723 w 6858000"/>
              <a:gd name="connsiteY2881" fmla="*/ 4471360 h 6858000"/>
              <a:gd name="connsiteX2882" fmla="*/ 3131463 w 6858000"/>
              <a:gd name="connsiteY2882" fmla="*/ 4471360 h 6858000"/>
              <a:gd name="connsiteX2883" fmla="*/ 3131463 w 6858000"/>
              <a:gd name="connsiteY2883" fmla="*/ 4469620 h 6858000"/>
              <a:gd name="connsiteX2884" fmla="*/ 3006221 w 6858000"/>
              <a:gd name="connsiteY2884" fmla="*/ 4469212 h 6858000"/>
              <a:gd name="connsiteX2885" fmla="*/ 3006221 w 6858000"/>
              <a:gd name="connsiteY2885" fmla="*/ 4471804 h 6858000"/>
              <a:gd name="connsiteX2886" fmla="*/ 3008813 w 6858000"/>
              <a:gd name="connsiteY2886" fmla="*/ 4471804 h 6858000"/>
              <a:gd name="connsiteX2887" fmla="*/ 3008813 w 6858000"/>
              <a:gd name="connsiteY2887" fmla="*/ 4469212 h 6858000"/>
              <a:gd name="connsiteX2888" fmla="*/ 2882497 w 6858000"/>
              <a:gd name="connsiteY2888" fmla="*/ 4468546 h 6858000"/>
              <a:gd name="connsiteX2889" fmla="*/ 2882497 w 6858000"/>
              <a:gd name="connsiteY2889" fmla="*/ 4472471 h 6858000"/>
              <a:gd name="connsiteX2890" fmla="*/ 2886422 w 6858000"/>
              <a:gd name="connsiteY2890" fmla="*/ 4472471 h 6858000"/>
              <a:gd name="connsiteX2891" fmla="*/ 2886422 w 6858000"/>
              <a:gd name="connsiteY2891" fmla="*/ 4468546 h 6858000"/>
              <a:gd name="connsiteX2892" fmla="*/ 2758588 w 6858000"/>
              <a:gd name="connsiteY2892" fmla="*/ 4467694 h 6858000"/>
              <a:gd name="connsiteX2893" fmla="*/ 2758588 w 6858000"/>
              <a:gd name="connsiteY2893" fmla="*/ 4473323 h 6858000"/>
              <a:gd name="connsiteX2894" fmla="*/ 2764217 w 6858000"/>
              <a:gd name="connsiteY2894" fmla="*/ 4473323 h 6858000"/>
              <a:gd name="connsiteX2895" fmla="*/ 2764217 w 6858000"/>
              <a:gd name="connsiteY2895" fmla="*/ 4467694 h 6858000"/>
              <a:gd name="connsiteX2896" fmla="*/ 2634197 w 6858000"/>
              <a:gd name="connsiteY2896" fmla="*/ 4466398 h 6858000"/>
              <a:gd name="connsiteX2897" fmla="*/ 2634197 w 6858000"/>
              <a:gd name="connsiteY2897" fmla="*/ 4474656 h 6858000"/>
              <a:gd name="connsiteX2898" fmla="*/ 2642455 w 6858000"/>
              <a:gd name="connsiteY2898" fmla="*/ 4474656 h 6858000"/>
              <a:gd name="connsiteX2899" fmla="*/ 2642455 w 6858000"/>
              <a:gd name="connsiteY2899" fmla="*/ 4466398 h 6858000"/>
              <a:gd name="connsiteX2900" fmla="*/ 2509622 w 6858000"/>
              <a:gd name="connsiteY2900" fmla="*/ 4464843 h 6858000"/>
              <a:gd name="connsiteX2901" fmla="*/ 2509622 w 6858000"/>
              <a:gd name="connsiteY2901" fmla="*/ 4476138 h 6858000"/>
              <a:gd name="connsiteX2902" fmla="*/ 2520917 w 6858000"/>
              <a:gd name="connsiteY2902" fmla="*/ 4476138 h 6858000"/>
              <a:gd name="connsiteX2903" fmla="*/ 2520917 w 6858000"/>
              <a:gd name="connsiteY2903" fmla="*/ 4464843 h 6858000"/>
              <a:gd name="connsiteX2904" fmla="*/ 2384824 w 6858000"/>
              <a:gd name="connsiteY2904" fmla="*/ 4463139 h 6858000"/>
              <a:gd name="connsiteX2905" fmla="*/ 2384824 w 6858000"/>
              <a:gd name="connsiteY2905" fmla="*/ 4477915 h 6858000"/>
              <a:gd name="connsiteX2906" fmla="*/ 2399600 w 6858000"/>
              <a:gd name="connsiteY2906" fmla="*/ 4477915 h 6858000"/>
              <a:gd name="connsiteX2907" fmla="*/ 2399600 w 6858000"/>
              <a:gd name="connsiteY2907" fmla="*/ 4463139 h 6858000"/>
              <a:gd name="connsiteX2908" fmla="*/ 2259804 w 6858000"/>
              <a:gd name="connsiteY2908" fmla="*/ 4461177 h 6858000"/>
              <a:gd name="connsiteX2909" fmla="*/ 2259804 w 6858000"/>
              <a:gd name="connsiteY2909" fmla="*/ 4479841 h 6858000"/>
              <a:gd name="connsiteX2910" fmla="*/ 2278468 w 6858000"/>
              <a:gd name="connsiteY2910" fmla="*/ 4479841 h 6858000"/>
              <a:gd name="connsiteX2911" fmla="*/ 2278468 w 6858000"/>
              <a:gd name="connsiteY2911" fmla="*/ 4461177 h 6858000"/>
              <a:gd name="connsiteX2912" fmla="*/ 2134377 w 6858000"/>
              <a:gd name="connsiteY2912" fmla="*/ 4458769 h 6858000"/>
              <a:gd name="connsiteX2913" fmla="*/ 2134377 w 6858000"/>
              <a:gd name="connsiteY2913" fmla="*/ 4482210 h 6858000"/>
              <a:gd name="connsiteX2914" fmla="*/ 2157818 w 6858000"/>
              <a:gd name="connsiteY2914" fmla="*/ 4482210 h 6858000"/>
              <a:gd name="connsiteX2915" fmla="*/ 2157818 w 6858000"/>
              <a:gd name="connsiteY2915" fmla="*/ 4458769 h 6858000"/>
              <a:gd name="connsiteX2916" fmla="*/ 2008690 w 6858000"/>
              <a:gd name="connsiteY2916" fmla="*/ 4456177 h 6858000"/>
              <a:gd name="connsiteX2917" fmla="*/ 2008690 w 6858000"/>
              <a:gd name="connsiteY2917" fmla="*/ 4484840 h 6858000"/>
              <a:gd name="connsiteX2918" fmla="*/ 2037353 w 6858000"/>
              <a:gd name="connsiteY2918" fmla="*/ 4484840 h 6858000"/>
              <a:gd name="connsiteX2919" fmla="*/ 2037353 w 6858000"/>
              <a:gd name="connsiteY2919" fmla="*/ 4456177 h 6858000"/>
              <a:gd name="connsiteX2920" fmla="*/ 1883040 w 6858000"/>
              <a:gd name="connsiteY2920" fmla="*/ 4453585 h 6858000"/>
              <a:gd name="connsiteX2921" fmla="*/ 1883040 w 6858000"/>
              <a:gd name="connsiteY2921" fmla="*/ 4487469 h 6858000"/>
              <a:gd name="connsiteX2922" fmla="*/ 1916924 w 6858000"/>
              <a:gd name="connsiteY2922" fmla="*/ 4487469 h 6858000"/>
              <a:gd name="connsiteX2923" fmla="*/ 1916924 w 6858000"/>
              <a:gd name="connsiteY2923" fmla="*/ 4453585 h 6858000"/>
              <a:gd name="connsiteX2924" fmla="*/ 1757169 w 6858000"/>
              <a:gd name="connsiteY2924" fmla="*/ 4450734 h 6858000"/>
              <a:gd name="connsiteX2925" fmla="*/ 1757169 w 6858000"/>
              <a:gd name="connsiteY2925" fmla="*/ 4490247 h 6858000"/>
              <a:gd name="connsiteX2926" fmla="*/ 1796682 w 6858000"/>
              <a:gd name="connsiteY2926" fmla="*/ 4490247 h 6858000"/>
              <a:gd name="connsiteX2927" fmla="*/ 1796682 w 6858000"/>
              <a:gd name="connsiteY2927" fmla="*/ 4450734 h 6858000"/>
              <a:gd name="connsiteX2928" fmla="*/ 1631260 w 6858000"/>
              <a:gd name="connsiteY2928" fmla="*/ 4447919 h 6858000"/>
              <a:gd name="connsiteX2929" fmla="*/ 1631260 w 6858000"/>
              <a:gd name="connsiteY2929" fmla="*/ 4493098 h 6858000"/>
              <a:gd name="connsiteX2930" fmla="*/ 1676439 w 6858000"/>
              <a:gd name="connsiteY2930" fmla="*/ 4493098 h 6858000"/>
              <a:gd name="connsiteX2931" fmla="*/ 1676439 w 6858000"/>
              <a:gd name="connsiteY2931" fmla="*/ 4447919 h 6858000"/>
              <a:gd name="connsiteX2932" fmla="*/ 1505388 w 6858000"/>
              <a:gd name="connsiteY2932" fmla="*/ 4445105 h 6858000"/>
              <a:gd name="connsiteX2933" fmla="*/ 1505388 w 6858000"/>
              <a:gd name="connsiteY2933" fmla="*/ 4495913 h 6858000"/>
              <a:gd name="connsiteX2934" fmla="*/ 1556196 w 6858000"/>
              <a:gd name="connsiteY2934" fmla="*/ 4495913 h 6858000"/>
              <a:gd name="connsiteX2935" fmla="*/ 1556196 w 6858000"/>
              <a:gd name="connsiteY2935" fmla="*/ 4445105 h 6858000"/>
              <a:gd name="connsiteX2936" fmla="*/ 1379739 w 6858000"/>
              <a:gd name="connsiteY2936" fmla="*/ 4442475 h 6858000"/>
              <a:gd name="connsiteX2937" fmla="*/ 1379739 w 6858000"/>
              <a:gd name="connsiteY2937" fmla="*/ 4498504 h 6858000"/>
              <a:gd name="connsiteX2938" fmla="*/ 1435768 w 6858000"/>
              <a:gd name="connsiteY2938" fmla="*/ 4498504 h 6858000"/>
              <a:gd name="connsiteX2939" fmla="*/ 1435768 w 6858000"/>
              <a:gd name="connsiteY2939" fmla="*/ 4442475 h 6858000"/>
              <a:gd name="connsiteX2940" fmla="*/ 1253830 w 6858000"/>
              <a:gd name="connsiteY2940" fmla="*/ 4439661 h 6858000"/>
              <a:gd name="connsiteX2941" fmla="*/ 1253830 w 6858000"/>
              <a:gd name="connsiteY2941" fmla="*/ 4501319 h 6858000"/>
              <a:gd name="connsiteX2942" fmla="*/ 1315488 w 6858000"/>
              <a:gd name="connsiteY2942" fmla="*/ 4501319 h 6858000"/>
              <a:gd name="connsiteX2943" fmla="*/ 1315488 w 6858000"/>
              <a:gd name="connsiteY2943" fmla="*/ 4439661 h 6858000"/>
              <a:gd name="connsiteX2944" fmla="*/ 1128402 w 6858000"/>
              <a:gd name="connsiteY2944" fmla="*/ 4437291 h 6858000"/>
              <a:gd name="connsiteX2945" fmla="*/ 1128402 w 6858000"/>
              <a:gd name="connsiteY2945" fmla="*/ 4503726 h 6858000"/>
              <a:gd name="connsiteX2946" fmla="*/ 1194837 w 6858000"/>
              <a:gd name="connsiteY2946" fmla="*/ 4503726 h 6858000"/>
              <a:gd name="connsiteX2947" fmla="*/ 1194837 w 6858000"/>
              <a:gd name="connsiteY2947" fmla="*/ 4437291 h 6858000"/>
              <a:gd name="connsiteX2948" fmla="*/ 1003160 w 6858000"/>
              <a:gd name="connsiteY2948" fmla="*/ 4435106 h 6858000"/>
              <a:gd name="connsiteX2949" fmla="*/ 1003160 w 6858000"/>
              <a:gd name="connsiteY2949" fmla="*/ 4505911 h 6858000"/>
              <a:gd name="connsiteX2950" fmla="*/ 1073965 w 6858000"/>
              <a:gd name="connsiteY2950" fmla="*/ 4505911 h 6858000"/>
              <a:gd name="connsiteX2951" fmla="*/ 1073965 w 6858000"/>
              <a:gd name="connsiteY2951" fmla="*/ 4435106 h 6858000"/>
              <a:gd name="connsiteX2952" fmla="*/ 877918 w 6858000"/>
              <a:gd name="connsiteY2952" fmla="*/ 4432921 h 6858000"/>
              <a:gd name="connsiteX2953" fmla="*/ 877918 w 6858000"/>
              <a:gd name="connsiteY2953" fmla="*/ 4508059 h 6858000"/>
              <a:gd name="connsiteX2954" fmla="*/ 953056 w 6858000"/>
              <a:gd name="connsiteY2954" fmla="*/ 4508059 h 6858000"/>
              <a:gd name="connsiteX2955" fmla="*/ 953056 w 6858000"/>
              <a:gd name="connsiteY2955" fmla="*/ 4432921 h 6858000"/>
              <a:gd name="connsiteX2956" fmla="*/ 753120 w 6858000"/>
              <a:gd name="connsiteY2956" fmla="*/ 4431218 h 6858000"/>
              <a:gd name="connsiteX2957" fmla="*/ 753120 w 6858000"/>
              <a:gd name="connsiteY2957" fmla="*/ 4509837 h 6858000"/>
              <a:gd name="connsiteX2958" fmla="*/ 831739 w 6858000"/>
              <a:gd name="connsiteY2958" fmla="*/ 4509837 h 6858000"/>
              <a:gd name="connsiteX2959" fmla="*/ 831739 w 6858000"/>
              <a:gd name="connsiteY2959" fmla="*/ 4431218 h 6858000"/>
              <a:gd name="connsiteX2960" fmla="*/ 628545 w 6858000"/>
              <a:gd name="connsiteY2960" fmla="*/ 4429662 h 6858000"/>
              <a:gd name="connsiteX2961" fmla="*/ 628545 w 6858000"/>
              <a:gd name="connsiteY2961" fmla="*/ 4511318 h 6858000"/>
              <a:gd name="connsiteX2962" fmla="*/ 710201 w 6858000"/>
              <a:gd name="connsiteY2962" fmla="*/ 4511318 h 6858000"/>
              <a:gd name="connsiteX2963" fmla="*/ 710201 w 6858000"/>
              <a:gd name="connsiteY2963" fmla="*/ 4429662 h 6858000"/>
              <a:gd name="connsiteX2964" fmla="*/ 504413 w 6858000"/>
              <a:gd name="connsiteY2964" fmla="*/ 4428588 h 6858000"/>
              <a:gd name="connsiteX2965" fmla="*/ 504413 w 6858000"/>
              <a:gd name="connsiteY2965" fmla="*/ 4512428 h 6858000"/>
              <a:gd name="connsiteX2966" fmla="*/ 588253 w 6858000"/>
              <a:gd name="connsiteY2966" fmla="*/ 4512428 h 6858000"/>
              <a:gd name="connsiteX2967" fmla="*/ 588253 w 6858000"/>
              <a:gd name="connsiteY2967" fmla="*/ 4428588 h 6858000"/>
              <a:gd name="connsiteX2968" fmla="*/ 380245 w 6858000"/>
              <a:gd name="connsiteY2968" fmla="*/ 4427514 h 6858000"/>
              <a:gd name="connsiteX2969" fmla="*/ 380245 w 6858000"/>
              <a:gd name="connsiteY2969" fmla="*/ 4513502 h 6858000"/>
              <a:gd name="connsiteX2970" fmla="*/ 466233 w 6858000"/>
              <a:gd name="connsiteY2970" fmla="*/ 4513502 h 6858000"/>
              <a:gd name="connsiteX2971" fmla="*/ 466233 w 6858000"/>
              <a:gd name="connsiteY2971" fmla="*/ 4427514 h 6858000"/>
              <a:gd name="connsiteX2972" fmla="*/ 10851 w 6858000"/>
              <a:gd name="connsiteY2972" fmla="*/ 4427292 h 6858000"/>
              <a:gd name="connsiteX2973" fmla="*/ 10851 w 6858000"/>
              <a:gd name="connsiteY2973" fmla="*/ 4513725 h 6858000"/>
              <a:gd name="connsiteX2974" fmla="*/ 97284 w 6858000"/>
              <a:gd name="connsiteY2974" fmla="*/ 4513725 h 6858000"/>
              <a:gd name="connsiteX2975" fmla="*/ 97284 w 6858000"/>
              <a:gd name="connsiteY2975" fmla="*/ 4427292 h 6858000"/>
              <a:gd name="connsiteX2976" fmla="*/ 256558 w 6858000"/>
              <a:gd name="connsiteY2976" fmla="*/ 4426848 h 6858000"/>
              <a:gd name="connsiteX2977" fmla="*/ 256558 w 6858000"/>
              <a:gd name="connsiteY2977" fmla="*/ 4514132 h 6858000"/>
              <a:gd name="connsiteX2978" fmla="*/ 343842 w 6858000"/>
              <a:gd name="connsiteY2978" fmla="*/ 4514132 h 6858000"/>
              <a:gd name="connsiteX2979" fmla="*/ 343842 w 6858000"/>
              <a:gd name="connsiteY2979" fmla="*/ 4426848 h 6858000"/>
              <a:gd name="connsiteX2980" fmla="*/ 133056 w 6858000"/>
              <a:gd name="connsiteY2980" fmla="*/ 4426403 h 6858000"/>
              <a:gd name="connsiteX2981" fmla="*/ 133056 w 6858000"/>
              <a:gd name="connsiteY2981" fmla="*/ 4514576 h 6858000"/>
              <a:gd name="connsiteX2982" fmla="*/ 221229 w 6858000"/>
              <a:gd name="connsiteY2982" fmla="*/ 4514576 h 6858000"/>
              <a:gd name="connsiteX2983" fmla="*/ 221229 w 6858000"/>
              <a:gd name="connsiteY2983" fmla="*/ 4426403 h 6858000"/>
              <a:gd name="connsiteX2984" fmla="*/ 3991790 w 6858000"/>
              <a:gd name="connsiteY2984" fmla="*/ 4347229 h 6858000"/>
              <a:gd name="connsiteX2985" fmla="*/ 3991790 w 6858000"/>
              <a:gd name="connsiteY2985" fmla="*/ 4347673 h 6858000"/>
              <a:gd name="connsiteX2986" fmla="*/ 3992235 w 6858000"/>
              <a:gd name="connsiteY2986" fmla="*/ 4347673 h 6858000"/>
              <a:gd name="connsiteX2987" fmla="*/ 3992235 w 6858000"/>
              <a:gd name="connsiteY2987" fmla="*/ 4347229 h 6858000"/>
              <a:gd name="connsiteX2988" fmla="*/ 3868733 w 6858000"/>
              <a:gd name="connsiteY2988" fmla="*/ 4347229 h 6858000"/>
              <a:gd name="connsiteX2989" fmla="*/ 3868733 w 6858000"/>
              <a:gd name="connsiteY2989" fmla="*/ 4347673 h 6858000"/>
              <a:gd name="connsiteX2990" fmla="*/ 3869177 w 6858000"/>
              <a:gd name="connsiteY2990" fmla="*/ 4347673 h 6858000"/>
              <a:gd name="connsiteX2991" fmla="*/ 3869177 w 6858000"/>
              <a:gd name="connsiteY2991" fmla="*/ 4347229 h 6858000"/>
              <a:gd name="connsiteX2992" fmla="*/ 3745676 w 6858000"/>
              <a:gd name="connsiteY2992" fmla="*/ 4347229 h 6858000"/>
              <a:gd name="connsiteX2993" fmla="*/ 3745676 w 6858000"/>
              <a:gd name="connsiteY2993" fmla="*/ 4347673 h 6858000"/>
              <a:gd name="connsiteX2994" fmla="*/ 3746120 w 6858000"/>
              <a:gd name="connsiteY2994" fmla="*/ 4347673 h 6858000"/>
              <a:gd name="connsiteX2995" fmla="*/ 3746120 w 6858000"/>
              <a:gd name="connsiteY2995" fmla="*/ 4347229 h 6858000"/>
              <a:gd name="connsiteX2996" fmla="*/ 3622618 w 6858000"/>
              <a:gd name="connsiteY2996" fmla="*/ 4347229 h 6858000"/>
              <a:gd name="connsiteX2997" fmla="*/ 3622618 w 6858000"/>
              <a:gd name="connsiteY2997" fmla="*/ 4347673 h 6858000"/>
              <a:gd name="connsiteX2998" fmla="*/ 3623062 w 6858000"/>
              <a:gd name="connsiteY2998" fmla="*/ 4347673 h 6858000"/>
              <a:gd name="connsiteX2999" fmla="*/ 3623062 w 6858000"/>
              <a:gd name="connsiteY2999" fmla="*/ 4347229 h 6858000"/>
              <a:gd name="connsiteX3000" fmla="*/ 3499524 w 6858000"/>
              <a:gd name="connsiteY3000" fmla="*/ 4347229 h 6858000"/>
              <a:gd name="connsiteX3001" fmla="*/ 3499524 w 6858000"/>
              <a:gd name="connsiteY3001" fmla="*/ 4347673 h 6858000"/>
              <a:gd name="connsiteX3002" fmla="*/ 3499968 w 6858000"/>
              <a:gd name="connsiteY3002" fmla="*/ 4347673 h 6858000"/>
              <a:gd name="connsiteX3003" fmla="*/ 3499968 w 6858000"/>
              <a:gd name="connsiteY3003" fmla="*/ 4347229 h 6858000"/>
              <a:gd name="connsiteX3004" fmla="*/ 3376282 w 6858000"/>
              <a:gd name="connsiteY3004" fmla="*/ 4347007 h 6858000"/>
              <a:gd name="connsiteX3005" fmla="*/ 3376282 w 6858000"/>
              <a:gd name="connsiteY3005" fmla="*/ 4347859 h 6858000"/>
              <a:gd name="connsiteX3006" fmla="*/ 3377134 w 6858000"/>
              <a:gd name="connsiteY3006" fmla="*/ 4347859 h 6858000"/>
              <a:gd name="connsiteX3007" fmla="*/ 3377134 w 6858000"/>
              <a:gd name="connsiteY3007" fmla="*/ 4347007 h 6858000"/>
              <a:gd name="connsiteX3008" fmla="*/ 3253002 w 6858000"/>
              <a:gd name="connsiteY3008" fmla="*/ 4346785 h 6858000"/>
              <a:gd name="connsiteX3009" fmla="*/ 3253002 w 6858000"/>
              <a:gd name="connsiteY3009" fmla="*/ 4348081 h 6858000"/>
              <a:gd name="connsiteX3010" fmla="*/ 3254298 w 6858000"/>
              <a:gd name="connsiteY3010" fmla="*/ 4348081 h 6858000"/>
              <a:gd name="connsiteX3011" fmla="*/ 3254298 w 6858000"/>
              <a:gd name="connsiteY3011" fmla="*/ 4346785 h 6858000"/>
              <a:gd name="connsiteX3012" fmla="*/ 3129500 w 6858000"/>
              <a:gd name="connsiteY3012" fmla="*/ 4346377 h 6858000"/>
              <a:gd name="connsiteX3013" fmla="*/ 3129500 w 6858000"/>
              <a:gd name="connsiteY3013" fmla="*/ 4348562 h 6858000"/>
              <a:gd name="connsiteX3014" fmla="*/ 3131685 w 6858000"/>
              <a:gd name="connsiteY3014" fmla="*/ 4348562 h 6858000"/>
              <a:gd name="connsiteX3015" fmla="*/ 3131685 w 6858000"/>
              <a:gd name="connsiteY3015" fmla="*/ 4346377 h 6858000"/>
              <a:gd name="connsiteX3016" fmla="*/ 3005999 w 6858000"/>
              <a:gd name="connsiteY3016" fmla="*/ 4345933 h 6858000"/>
              <a:gd name="connsiteX3017" fmla="*/ 3005999 w 6858000"/>
              <a:gd name="connsiteY3017" fmla="*/ 4348970 h 6858000"/>
              <a:gd name="connsiteX3018" fmla="*/ 3009036 w 6858000"/>
              <a:gd name="connsiteY3018" fmla="*/ 4348970 h 6858000"/>
              <a:gd name="connsiteX3019" fmla="*/ 3009036 w 6858000"/>
              <a:gd name="connsiteY3019" fmla="*/ 4345933 h 6858000"/>
              <a:gd name="connsiteX3020" fmla="*/ 2882275 w 6858000"/>
              <a:gd name="connsiteY3020" fmla="*/ 4345266 h 6858000"/>
              <a:gd name="connsiteX3021" fmla="*/ 2882275 w 6858000"/>
              <a:gd name="connsiteY3021" fmla="*/ 4349599 h 6858000"/>
              <a:gd name="connsiteX3022" fmla="*/ 2886608 w 6858000"/>
              <a:gd name="connsiteY3022" fmla="*/ 4349599 h 6858000"/>
              <a:gd name="connsiteX3023" fmla="*/ 2886608 w 6858000"/>
              <a:gd name="connsiteY3023" fmla="*/ 4345266 h 6858000"/>
              <a:gd name="connsiteX3024" fmla="*/ 2758144 w 6858000"/>
              <a:gd name="connsiteY3024" fmla="*/ 4344192 h 6858000"/>
              <a:gd name="connsiteX3025" fmla="*/ 2758144 w 6858000"/>
              <a:gd name="connsiteY3025" fmla="*/ 4350710 h 6858000"/>
              <a:gd name="connsiteX3026" fmla="*/ 2764662 w 6858000"/>
              <a:gd name="connsiteY3026" fmla="*/ 4350710 h 6858000"/>
              <a:gd name="connsiteX3027" fmla="*/ 2764662 w 6858000"/>
              <a:gd name="connsiteY3027" fmla="*/ 4344192 h 6858000"/>
              <a:gd name="connsiteX3028" fmla="*/ 2634012 w 6858000"/>
              <a:gd name="connsiteY3028" fmla="*/ 4343119 h 6858000"/>
              <a:gd name="connsiteX3029" fmla="*/ 2634012 w 6858000"/>
              <a:gd name="connsiteY3029" fmla="*/ 4351821 h 6858000"/>
              <a:gd name="connsiteX3030" fmla="*/ 2642715 w 6858000"/>
              <a:gd name="connsiteY3030" fmla="*/ 4351821 h 6858000"/>
              <a:gd name="connsiteX3031" fmla="*/ 2642715 w 6858000"/>
              <a:gd name="connsiteY3031" fmla="*/ 4343119 h 6858000"/>
              <a:gd name="connsiteX3032" fmla="*/ 2509400 w 6858000"/>
              <a:gd name="connsiteY3032" fmla="*/ 4341600 h 6858000"/>
              <a:gd name="connsiteX3033" fmla="*/ 2509400 w 6858000"/>
              <a:gd name="connsiteY3033" fmla="*/ 4353339 h 6858000"/>
              <a:gd name="connsiteX3034" fmla="*/ 2521139 w 6858000"/>
              <a:gd name="connsiteY3034" fmla="*/ 4353339 h 6858000"/>
              <a:gd name="connsiteX3035" fmla="*/ 2521139 w 6858000"/>
              <a:gd name="connsiteY3035" fmla="*/ 4341600 h 6858000"/>
              <a:gd name="connsiteX3036" fmla="*/ 2384824 w 6858000"/>
              <a:gd name="connsiteY3036" fmla="*/ 4340045 h 6858000"/>
              <a:gd name="connsiteX3037" fmla="*/ 2384824 w 6858000"/>
              <a:gd name="connsiteY3037" fmla="*/ 4354821 h 6858000"/>
              <a:gd name="connsiteX3038" fmla="*/ 2399600 w 6858000"/>
              <a:gd name="connsiteY3038" fmla="*/ 4354821 h 6858000"/>
              <a:gd name="connsiteX3039" fmla="*/ 2399600 w 6858000"/>
              <a:gd name="connsiteY3039" fmla="*/ 4340045 h 6858000"/>
              <a:gd name="connsiteX3040" fmla="*/ 2259804 w 6858000"/>
              <a:gd name="connsiteY3040" fmla="*/ 4338119 h 6858000"/>
              <a:gd name="connsiteX3041" fmla="*/ 2259804 w 6858000"/>
              <a:gd name="connsiteY3041" fmla="*/ 4356783 h 6858000"/>
              <a:gd name="connsiteX3042" fmla="*/ 2278468 w 6858000"/>
              <a:gd name="connsiteY3042" fmla="*/ 4356783 h 6858000"/>
              <a:gd name="connsiteX3043" fmla="*/ 2278468 w 6858000"/>
              <a:gd name="connsiteY3043" fmla="*/ 4338119 h 6858000"/>
              <a:gd name="connsiteX3044" fmla="*/ 2134599 w 6858000"/>
              <a:gd name="connsiteY3044" fmla="*/ 4335934 h 6858000"/>
              <a:gd name="connsiteX3045" fmla="*/ 2134599 w 6858000"/>
              <a:gd name="connsiteY3045" fmla="*/ 4358968 h 6858000"/>
              <a:gd name="connsiteX3046" fmla="*/ 2157633 w 6858000"/>
              <a:gd name="connsiteY3046" fmla="*/ 4358968 h 6858000"/>
              <a:gd name="connsiteX3047" fmla="*/ 2157633 w 6858000"/>
              <a:gd name="connsiteY3047" fmla="*/ 4335934 h 6858000"/>
              <a:gd name="connsiteX3048" fmla="*/ 2009134 w 6858000"/>
              <a:gd name="connsiteY3048" fmla="*/ 4333564 h 6858000"/>
              <a:gd name="connsiteX3049" fmla="*/ 2009134 w 6858000"/>
              <a:gd name="connsiteY3049" fmla="*/ 4361375 h 6858000"/>
              <a:gd name="connsiteX3050" fmla="*/ 2036945 w 6858000"/>
              <a:gd name="connsiteY3050" fmla="*/ 4361375 h 6858000"/>
              <a:gd name="connsiteX3051" fmla="*/ 2036945 w 6858000"/>
              <a:gd name="connsiteY3051" fmla="*/ 4333564 h 6858000"/>
              <a:gd name="connsiteX3052" fmla="*/ 1883707 w 6858000"/>
              <a:gd name="connsiteY3052" fmla="*/ 4331157 h 6858000"/>
              <a:gd name="connsiteX3053" fmla="*/ 1883707 w 6858000"/>
              <a:gd name="connsiteY3053" fmla="*/ 4363745 h 6858000"/>
              <a:gd name="connsiteX3054" fmla="*/ 1916295 w 6858000"/>
              <a:gd name="connsiteY3054" fmla="*/ 4363745 h 6858000"/>
              <a:gd name="connsiteX3055" fmla="*/ 1916295 w 6858000"/>
              <a:gd name="connsiteY3055" fmla="*/ 4331157 h 6858000"/>
              <a:gd name="connsiteX3056" fmla="*/ 1758020 w 6858000"/>
              <a:gd name="connsiteY3056" fmla="*/ 4328565 h 6858000"/>
              <a:gd name="connsiteX3057" fmla="*/ 1758020 w 6858000"/>
              <a:gd name="connsiteY3057" fmla="*/ 4366338 h 6858000"/>
              <a:gd name="connsiteX3058" fmla="*/ 1795793 w 6858000"/>
              <a:gd name="connsiteY3058" fmla="*/ 4366338 h 6858000"/>
              <a:gd name="connsiteX3059" fmla="*/ 1795793 w 6858000"/>
              <a:gd name="connsiteY3059" fmla="*/ 4328565 h 6858000"/>
              <a:gd name="connsiteX3060" fmla="*/ 1632371 w 6858000"/>
              <a:gd name="connsiteY3060" fmla="*/ 4325936 h 6858000"/>
              <a:gd name="connsiteX3061" fmla="*/ 1632371 w 6858000"/>
              <a:gd name="connsiteY3061" fmla="*/ 4368930 h 6858000"/>
              <a:gd name="connsiteX3062" fmla="*/ 1675365 w 6858000"/>
              <a:gd name="connsiteY3062" fmla="*/ 4368930 h 6858000"/>
              <a:gd name="connsiteX3063" fmla="*/ 1675365 w 6858000"/>
              <a:gd name="connsiteY3063" fmla="*/ 4325936 h 6858000"/>
              <a:gd name="connsiteX3064" fmla="*/ 1506684 w 6858000"/>
              <a:gd name="connsiteY3064" fmla="*/ 4323343 h 6858000"/>
              <a:gd name="connsiteX3065" fmla="*/ 1506684 w 6858000"/>
              <a:gd name="connsiteY3065" fmla="*/ 4371559 h 6858000"/>
              <a:gd name="connsiteX3066" fmla="*/ 1554900 w 6858000"/>
              <a:gd name="connsiteY3066" fmla="*/ 4371559 h 6858000"/>
              <a:gd name="connsiteX3067" fmla="*/ 1554900 w 6858000"/>
              <a:gd name="connsiteY3067" fmla="*/ 4323343 h 6858000"/>
              <a:gd name="connsiteX3068" fmla="*/ 1381257 w 6858000"/>
              <a:gd name="connsiteY3068" fmla="*/ 4320936 h 6858000"/>
              <a:gd name="connsiteX3069" fmla="*/ 1381257 w 6858000"/>
              <a:gd name="connsiteY3069" fmla="*/ 4373929 h 6858000"/>
              <a:gd name="connsiteX3070" fmla="*/ 1434250 w 6858000"/>
              <a:gd name="connsiteY3070" fmla="*/ 4373929 h 6858000"/>
              <a:gd name="connsiteX3071" fmla="*/ 1434250 w 6858000"/>
              <a:gd name="connsiteY3071" fmla="*/ 4320936 h 6858000"/>
              <a:gd name="connsiteX3072" fmla="*/ 1255793 w 6858000"/>
              <a:gd name="connsiteY3072" fmla="*/ 4318566 h 6858000"/>
              <a:gd name="connsiteX3073" fmla="*/ 1255793 w 6858000"/>
              <a:gd name="connsiteY3073" fmla="*/ 4376336 h 6858000"/>
              <a:gd name="connsiteX3074" fmla="*/ 1313563 w 6858000"/>
              <a:gd name="connsiteY3074" fmla="*/ 4376336 h 6858000"/>
              <a:gd name="connsiteX3075" fmla="*/ 1313563 w 6858000"/>
              <a:gd name="connsiteY3075" fmla="*/ 4318566 h 6858000"/>
              <a:gd name="connsiteX3076" fmla="*/ 1130328 w 6858000"/>
              <a:gd name="connsiteY3076" fmla="*/ 4316159 h 6858000"/>
              <a:gd name="connsiteX3077" fmla="*/ 1130328 w 6858000"/>
              <a:gd name="connsiteY3077" fmla="*/ 4378706 h 6858000"/>
              <a:gd name="connsiteX3078" fmla="*/ 1192875 w 6858000"/>
              <a:gd name="connsiteY3078" fmla="*/ 4378706 h 6858000"/>
              <a:gd name="connsiteX3079" fmla="*/ 1192875 w 6858000"/>
              <a:gd name="connsiteY3079" fmla="*/ 4316159 h 6858000"/>
              <a:gd name="connsiteX3080" fmla="*/ 1005123 w 6858000"/>
              <a:gd name="connsiteY3080" fmla="*/ 4314011 h 6858000"/>
              <a:gd name="connsiteX3081" fmla="*/ 1005123 w 6858000"/>
              <a:gd name="connsiteY3081" fmla="*/ 4380891 h 6858000"/>
              <a:gd name="connsiteX3082" fmla="*/ 1072003 w 6858000"/>
              <a:gd name="connsiteY3082" fmla="*/ 4380891 h 6858000"/>
              <a:gd name="connsiteX3083" fmla="*/ 1072003 w 6858000"/>
              <a:gd name="connsiteY3083" fmla="*/ 4314011 h 6858000"/>
              <a:gd name="connsiteX3084" fmla="*/ 880103 w 6858000"/>
              <a:gd name="connsiteY3084" fmla="*/ 4312049 h 6858000"/>
              <a:gd name="connsiteX3085" fmla="*/ 880103 w 6858000"/>
              <a:gd name="connsiteY3085" fmla="*/ 4382854 h 6858000"/>
              <a:gd name="connsiteX3086" fmla="*/ 950908 w 6858000"/>
              <a:gd name="connsiteY3086" fmla="*/ 4382854 h 6858000"/>
              <a:gd name="connsiteX3087" fmla="*/ 950908 w 6858000"/>
              <a:gd name="connsiteY3087" fmla="*/ 4312049 h 6858000"/>
              <a:gd name="connsiteX3088" fmla="*/ 755527 w 6858000"/>
              <a:gd name="connsiteY3088" fmla="*/ 4310530 h 6858000"/>
              <a:gd name="connsiteX3089" fmla="*/ 755527 w 6858000"/>
              <a:gd name="connsiteY3089" fmla="*/ 4384372 h 6858000"/>
              <a:gd name="connsiteX3090" fmla="*/ 829369 w 6858000"/>
              <a:gd name="connsiteY3090" fmla="*/ 4384372 h 6858000"/>
              <a:gd name="connsiteX3091" fmla="*/ 829369 w 6858000"/>
              <a:gd name="connsiteY3091" fmla="*/ 4310530 h 6858000"/>
              <a:gd name="connsiteX3092" fmla="*/ 630952 w 6858000"/>
              <a:gd name="connsiteY3092" fmla="*/ 4309012 h 6858000"/>
              <a:gd name="connsiteX3093" fmla="*/ 630952 w 6858000"/>
              <a:gd name="connsiteY3093" fmla="*/ 4385890 h 6858000"/>
              <a:gd name="connsiteX3094" fmla="*/ 707830 w 6858000"/>
              <a:gd name="connsiteY3094" fmla="*/ 4385890 h 6858000"/>
              <a:gd name="connsiteX3095" fmla="*/ 707830 w 6858000"/>
              <a:gd name="connsiteY3095" fmla="*/ 4309012 h 6858000"/>
              <a:gd name="connsiteX3096" fmla="*/ 506783 w 6858000"/>
              <a:gd name="connsiteY3096" fmla="*/ 4307938 h 6858000"/>
              <a:gd name="connsiteX3097" fmla="*/ 506783 w 6858000"/>
              <a:gd name="connsiteY3097" fmla="*/ 4387001 h 6858000"/>
              <a:gd name="connsiteX3098" fmla="*/ 585846 w 6858000"/>
              <a:gd name="connsiteY3098" fmla="*/ 4387001 h 6858000"/>
              <a:gd name="connsiteX3099" fmla="*/ 585846 w 6858000"/>
              <a:gd name="connsiteY3099" fmla="*/ 4307938 h 6858000"/>
              <a:gd name="connsiteX3100" fmla="*/ 382652 w 6858000"/>
              <a:gd name="connsiteY3100" fmla="*/ 4306827 h 6858000"/>
              <a:gd name="connsiteX3101" fmla="*/ 382652 w 6858000"/>
              <a:gd name="connsiteY3101" fmla="*/ 4388038 h 6858000"/>
              <a:gd name="connsiteX3102" fmla="*/ 463863 w 6858000"/>
              <a:gd name="connsiteY3102" fmla="*/ 4388038 h 6858000"/>
              <a:gd name="connsiteX3103" fmla="*/ 463863 w 6858000"/>
              <a:gd name="connsiteY3103" fmla="*/ 4306827 h 6858000"/>
              <a:gd name="connsiteX3104" fmla="*/ 13258 w 6858000"/>
              <a:gd name="connsiteY3104" fmla="*/ 4306605 h 6858000"/>
              <a:gd name="connsiteX3105" fmla="*/ 13258 w 6858000"/>
              <a:gd name="connsiteY3105" fmla="*/ 4388261 h 6858000"/>
              <a:gd name="connsiteX3106" fmla="*/ 94914 w 6858000"/>
              <a:gd name="connsiteY3106" fmla="*/ 4388261 h 6858000"/>
              <a:gd name="connsiteX3107" fmla="*/ 94914 w 6858000"/>
              <a:gd name="connsiteY3107" fmla="*/ 4306605 h 6858000"/>
              <a:gd name="connsiteX3108" fmla="*/ 258928 w 6858000"/>
              <a:gd name="connsiteY3108" fmla="*/ 4306198 h 6858000"/>
              <a:gd name="connsiteX3109" fmla="*/ 258928 w 6858000"/>
              <a:gd name="connsiteY3109" fmla="*/ 4388705 h 6858000"/>
              <a:gd name="connsiteX3110" fmla="*/ 341435 w 6858000"/>
              <a:gd name="connsiteY3110" fmla="*/ 4388705 h 6858000"/>
              <a:gd name="connsiteX3111" fmla="*/ 341435 w 6858000"/>
              <a:gd name="connsiteY3111" fmla="*/ 4306198 h 6858000"/>
              <a:gd name="connsiteX3112" fmla="*/ 135427 w 6858000"/>
              <a:gd name="connsiteY3112" fmla="*/ 4305753 h 6858000"/>
              <a:gd name="connsiteX3113" fmla="*/ 135427 w 6858000"/>
              <a:gd name="connsiteY3113" fmla="*/ 4389149 h 6858000"/>
              <a:gd name="connsiteX3114" fmla="*/ 218823 w 6858000"/>
              <a:gd name="connsiteY3114" fmla="*/ 4389149 h 6858000"/>
              <a:gd name="connsiteX3115" fmla="*/ 218823 w 6858000"/>
              <a:gd name="connsiteY3115" fmla="*/ 4305753 h 6858000"/>
              <a:gd name="connsiteX3116" fmla="*/ 4114848 w 6858000"/>
              <a:gd name="connsiteY3116" fmla="*/ 4224172 h 6858000"/>
              <a:gd name="connsiteX3117" fmla="*/ 4114848 w 6858000"/>
              <a:gd name="connsiteY3117" fmla="*/ 4224616 h 6858000"/>
              <a:gd name="connsiteX3118" fmla="*/ 4115292 w 6858000"/>
              <a:gd name="connsiteY3118" fmla="*/ 4224616 h 6858000"/>
              <a:gd name="connsiteX3119" fmla="*/ 4115292 w 6858000"/>
              <a:gd name="connsiteY3119" fmla="*/ 4224172 h 6858000"/>
              <a:gd name="connsiteX3120" fmla="*/ 3991790 w 6858000"/>
              <a:gd name="connsiteY3120" fmla="*/ 4224172 h 6858000"/>
              <a:gd name="connsiteX3121" fmla="*/ 3991790 w 6858000"/>
              <a:gd name="connsiteY3121" fmla="*/ 4224616 h 6858000"/>
              <a:gd name="connsiteX3122" fmla="*/ 3992235 w 6858000"/>
              <a:gd name="connsiteY3122" fmla="*/ 4224616 h 6858000"/>
              <a:gd name="connsiteX3123" fmla="*/ 3992235 w 6858000"/>
              <a:gd name="connsiteY3123" fmla="*/ 4224172 h 6858000"/>
              <a:gd name="connsiteX3124" fmla="*/ 3868733 w 6858000"/>
              <a:gd name="connsiteY3124" fmla="*/ 4224172 h 6858000"/>
              <a:gd name="connsiteX3125" fmla="*/ 3868733 w 6858000"/>
              <a:gd name="connsiteY3125" fmla="*/ 4224616 h 6858000"/>
              <a:gd name="connsiteX3126" fmla="*/ 3869177 w 6858000"/>
              <a:gd name="connsiteY3126" fmla="*/ 4224616 h 6858000"/>
              <a:gd name="connsiteX3127" fmla="*/ 3869177 w 6858000"/>
              <a:gd name="connsiteY3127" fmla="*/ 4224172 h 6858000"/>
              <a:gd name="connsiteX3128" fmla="*/ 3745676 w 6858000"/>
              <a:gd name="connsiteY3128" fmla="*/ 4224172 h 6858000"/>
              <a:gd name="connsiteX3129" fmla="*/ 3745676 w 6858000"/>
              <a:gd name="connsiteY3129" fmla="*/ 4224616 h 6858000"/>
              <a:gd name="connsiteX3130" fmla="*/ 3746120 w 6858000"/>
              <a:gd name="connsiteY3130" fmla="*/ 4224616 h 6858000"/>
              <a:gd name="connsiteX3131" fmla="*/ 3746120 w 6858000"/>
              <a:gd name="connsiteY3131" fmla="*/ 4224172 h 6858000"/>
              <a:gd name="connsiteX3132" fmla="*/ 3622618 w 6858000"/>
              <a:gd name="connsiteY3132" fmla="*/ 4224172 h 6858000"/>
              <a:gd name="connsiteX3133" fmla="*/ 3622618 w 6858000"/>
              <a:gd name="connsiteY3133" fmla="*/ 4224616 h 6858000"/>
              <a:gd name="connsiteX3134" fmla="*/ 3623062 w 6858000"/>
              <a:gd name="connsiteY3134" fmla="*/ 4224616 h 6858000"/>
              <a:gd name="connsiteX3135" fmla="*/ 3623062 w 6858000"/>
              <a:gd name="connsiteY3135" fmla="*/ 4224172 h 6858000"/>
              <a:gd name="connsiteX3136" fmla="*/ 3499339 w 6858000"/>
              <a:gd name="connsiteY3136" fmla="*/ 4223950 h 6858000"/>
              <a:gd name="connsiteX3137" fmla="*/ 3499339 w 6858000"/>
              <a:gd name="connsiteY3137" fmla="*/ 4224802 h 6858000"/>
              <a:gd name="connsiteX3138" fmla="*/ 3500191 w 6858000"/>
              <a:gd name="connsiteY3138" fmla="*/ 4224802 h 6858000"/>
              <a:gd name="connsiteX3139" fmla="*/ 3500191 w 6858000"/>
              <a:gd name="connsiteY3139" fmla="*/ 4223950 h 6858000"/>
              <a:gd name="connsiteX3140" fmla="*/ 3376059 w 6858000"/>
              <a:gd name="connsiteY3140" fmla="*/ 4223727 h 6858000"/>
              <a:gd name="connsiteX3141" fmla="*/ 3376059 w 6858000"/>
              <a:gd name="connsiteY3141" fmla="*/ 4225023 h 6858000"/>
              <a:gd name="connsiteX3142" fmla="*/ 3377355 w 6858000"/>
              <a:gd name="connsiteY3142" fmla="*/ 4225023 h 6858000"/>
              <a:gd name="connsiteX3143" fmla="*/ 3377355 w 6858000"/>
              <a:gd name="connsiteY3143" fmla="*/ 4223727 h 6858000"/>
              <a:gd name="connsiteX3144" fmla="*/ 3252780 w 6858000"/>
              <a:gd name="connsiteY3144" fmla="*/ 4223505 h 6858000"/>
              <a:gd name="connsiteX3145" fmla="*/ 3252780 w 6858000"/>
              <a:gd name="connsiteY3145" fmla="*/ 4225245 h 6858000"/>
              <a:gd name="connsiteX3146" fmla="*/ 3254520 w 6858000"/>
              <a:gd name="connsiteY3146" fmla="*/ 4225245 h 6858000"/>
              <a:gd name="connsiteX3147" fmla="*/ 3254520 w 6858000"/>
              <a:gd name="connsiteY3147" fmla="*/ 4223505 h 6858000"/>
              <a:gd name="connsiteX3148" fmla="*/ 3129278 w 6858000"/>
              <a:gd name="connsiteY3148" fmla="*/ 4223098 h 6858000"/>
              <a:gd name="connsiteX3149" fmla="*/ 3129278 w 6858000"/>
              <a:gd name="connsiteY3149" fmla="*/ 4225690 h 6858000"/>
              <a:gd name="connsiteX3150" fmla="*/ 3131870 w 6858000"/>
              <a:gd name="connsiteY3150" fmla="*/ 4225690 h 6858000"/>
              <a:gd name="connsiteX3151" fmla="*/ 3131870 w 6858000"/>
              <a:gd name="connsiteY3151" fmla="*/ 4223098 h 6858000"/>
              <a:gd name="connsiteX3152" fmla="*/ 3005777 w 6858000"/>
              <a:gd name="connsiteY3152" fmla="*/ 4222653 h 6858000"/>
              <a:gd name="connsiteX3153" fmla="*/ 3005777 w 6858000"/>
              <a:gd name="connsiteY3153" fmla="*/ 4226134 h 6858000"/>
              <a:gd name="connsiteX3154" fmla="*/ 3009258 w 6858000"/>
              <a:gd name="connsiteY3154" fmla="*/ 4226134 h 6858000"/>
              <a:gd name="connsiteX3155" fmla="*/ 3009258 w 6858000"/>
              <a:gd name="connsiteY3155" fmla="*/ 4222653 h 6858000"/>
              <a:gd name="connsiteX3156" fmla="*/ 2882053 w 6858000"/>
              <a:gd name="connsiteY3156" fmla="*/ 4221987 h 6858000"/>
              <a:gd name="connsiteX3157" fmla="*/ 2882053 w 6858000"/>
              <a:gd name="connsiteY3157" fmla="*/ 4226764 h 6858000"/>
              <a:gd name="connsiteX3158" fmla="*/ 2886830 w 6858000"/>
              <a:gd name="connsiteY3158" fmla="*/ 4226764 h 6858000"/>
              <a:gd name="connsiteX3159" fmla="*/ 2886830 w 6858000"/>
              <a:gd name="connsiteY3159" fmla="*/ 4221987 h 6858000"/>
              <a:gd name="connsiteX3160" fmla="*/ 2757921 w 6858000"/>
              <a:gd name="connsiteY3160" fmla="*/ 4220913 h 6858000"/>
              <a:gd name="connsiteX3161" fmla="*/ 2757921 w 6858000"/>
              <a:gd name="connsiteY3161" fmla="*/ 4227875 h 6858000"/>
              <a:gd name="connsiteX3162" fmla="*/ 2764883 w 6858000"/>
              <a:gd name="connsiteY3162" fmla="*/ 4227875 h 6858000"/>
              <a:gd name="connsiteX3163" fmla="*/ 2764883 w 6858000"/>
              <a:gd name="connsiteY3163" fmla="*/ 4220913 h 6858000"/>
              <a:gd name="connsiteX3164" fmla="*/ 2633790 w 6858000"/>
              <a:gd name="connsiteY3164" fmla="*/ 4219839 h 6858000"/>
              <a:gd name="connsiteX3165" fmla="*/ 2633790 w 6858000"/>
              <a:gd name="connsiteY3165" fmla="*/ 4228949 h 6858000"/>
              <a:gd name="connsiteX3166" fmla="*/ 2642900 w 6858000"/>
              <a:gd name="connsiteY3166" fmla="*/ 4228949 h 6858000"/>
              <a:gd name="connsiteX3167" fmla="*/ 2642900 w 6858000"/>
              <a:gd name="connsiteY3167" fmla="*/ 4219839 h 6858000"/>
              <a:gd name="connsiteX3168" fmla="*/ 2509400 w 6858000"/>
              <a:gd name="connsiteY3168" fmla="*/ 4218506 h 6858000"/>
              <a:gd name="connsiteX3169" fmla="*/ 2509400 w 6858000"/>
              <a:gd name="connsiteY3169" fmla="*/ 4230245 h 6858000"/>
              <a:gd name="connsiteX3170" fmla="*/ 2521139 w 6858000"/>
              <a:gd name="connsiteY3170" fmla="*/ 4230245 h 6858000"/>
              <a:gd name="connsiteX3171" fmla="*/ 2521139 w 6858000"/>
              <a:gd name="connsiteY3171" fmla="*/ 4218506 h 6858000"/>
              <a:gd name="connsiteX3172" fmla="*/ 2384824 w 6858000"/>
              <a:gd name="connsiteY3172" fmla="*/ 4216988 h 6858000"/>
              <a:gd name="connsiteX3173" fmla="*/ 2384824 w 6858000"/>
              <a:gd name="connsiteY3173" fmla="*/ 4231764 h 6858000"/>
              <a:gd name="connsiteX3174" fmla="*/ 2399600 w 6858000"/>
              <a:gd name="connsiteY3174" fmla="*/ 4231764 h 6858000"/>
              <a:gd name="connsiteX3175" fmla="*/ 2399600 w 6858000"/>
              <a:gd name="connsiteY3175" fmla="*/ 4216988 h 6858000"/>
              <a:gd name="connsiteX3176" fmla="*/ 2260026 w 6858000"/>
              <a:gd name="connsiteY3176" fmla="*/ 4215247 h 6858000"/>
              <a:gd name="connsiteX3177" fmla="*/ 2260026 w 6858000"/>
              <a:gd name="connsiteY3177" fmla="*/ 4233504 h 6858000"/>
              <a:gd name="connsiteX3178" fmla="*/ 2278283 w 6858000"/>
              <a:gd name="connsiteY3178" fmla="*/ 4233504 h 6858000"/>
              <a:gd name="connsiteX3179" fmla="*/ 2278283 w 6858000"/>
              <a:gd name="connsiteY3179" fmla="*/ 4215247 h 6858000"/>
              <a:gd name="connsiteX3180" fmla="*/ 2135006 w 6858000"/>
              <a:gd name="connsiteY3180" fmla="*/ 4213321 h 6858000"/>
              <a:gd name="connsiteX3181" fmla="*/ 2135006 w 6858000"/>
              <a:gd name="connsiteY3181" fmla="*/ 4235466 h 6858000"/>
              <a:gd name="connsiteX3182" fmla="*/ 2157151 w 6858000"/>
              <a:gd name="connsiteY3182" fmla="*/ 4235466 h 6858000"/>
              <a:gd name="connsiteX3183" fmla="*/ 2157151 w 6858000"/>
              <a:gd name="connsiteY3183" fmla="*/ 4213321 h 6858000"/>
              <a:gd name="connsiteX3184" fmla="*/ 2009801 w 6858000"/>
              <a:gd name="connsiteY3184" fmla="*/ 4211136 h 6858000"/>
              <a:gd name="connsiteX3185" fmla="*/ 2009801 w 6858000"/>
              <a:gd name="connsiteY3185" fmla="*/ 4237614 h 6858000"/>
              <a:gd name="connsiteX3186" fmla="*/ 2036279 w 6858000"/>
              <a:gd name="connsiteY3186" fmla="*/ 4237614 h 6858000"/>
              <a:gd name="connsiteX3187" fmla="*/ 2036279 w 6858000"/>
              <a:gd name="connsiteY3187" fmla="*/ 4211136 h 6858000"/>
              <a:gd name="connsiteX3188" fmla="*/ 1884337 w 6858000"/>
              <a:gd name="connsiteY3188" fmla="*/ 4208766 h 6858000"/>
              <a:gd name="connsiteX3189" fmla="*/ 1884337 w 6858000"/>
              <a:gd name="connsiteY3189" fmla="*/ 4240021 h 6858000"/>
              <a:gd name="connsiteX3190" fmla="*/ 1915592 w 6858000"/>
              <a:gd name="connsiteY3190" fmla="*/ 4240021 h 6858000"/>
              <a:gd name="connsiteX3191" fmla="*/ 1915592 w 6858000"/>
              <a:gd name="connsiteY3191" fmla="*/ 4208766 h 6858000"/>
              <a:gd name="connsiteX3192" fmla="*/ 1758909 w 6858000"/>
              <a:gd name="connsiteY3192" fmla="*/ 4206359 h 6858000"/>
              <a:gd name="connsiteX3193" fmla="*/ 1758909 w 6858000"/>
              <a:gd name="connsiteY3193" fmla="*/ 4242391 h 6858000"/>
              <a:gd name="connsiteX3194" fmla="*/ 1794941 w 6858000"/>
              <a:gd name="connsiteY3194" fmla="*/ 4242391 h 6858000"/>
              <a:gd name="connsiteX3195" fmla="*/ 1794941 w 6858000"/>
              <a:gd name="connsiteY3195" fmla="*/ 4206359 h 6858000"/>
              <a:gd name="connsiteX3196" fmla="*/ 1633445 w 6858000"/>
              <a:gd name="connsiteY3196" fmla="*/ 4203989 h 6858000"/>
              <a:gd name="connsiteX3197" fmla="*/ 1633445 w 6858000"/>
              <a:gd name="connsiteY3197" fmla="*/ 4244798 h 6858000"/>
              <a:gd name="connsiteX3198" fmla="*/ 1674254 w 6858000"/>
              <a:gd name="connsiteY3198" fmla="*/ 4244798 h 6858000"/>
              <a:gd name="connsiteX3199" fmla="*/ 1674254 w 6858000"/>
              <a:gd name="connsiteY3199" fmla="*/ 4203989 h 6858000"/>
              <a:gd name="connsiteX3200" fmla="*/ 1507980 w 6858000"/>
              <a:gd name="connsiteY3200" fmla="*/ 4201582 h 6858000"/>
              <a:gd name="connsiteX3201" fmla="*/ 1507980 w 6858000"/>
              <a:gd name="connsiteY3201" fmla="*/ 4247168 h 6858000"/>
              <a:gd name="connsiteX3202" fmla="*/ 1553566 w 6858000"/>
              <a:gd name="connsiteY3202" fmla="*/ 4247168 h 6858000"/>
              <a:gd name="connsiteX3203" fmla="*/ 1553566 w 6858000"/>
              <a:gd name="connsiteY3203" fmla="*/ 4201582 h 6858000"/>
              <a:gd name="connsiteX3204" fmla="*/ 1382775 w 6858000"/>
              <a:gd name="connsiteY3204" fmla="*/ 4199397 h 6858000"/>
              <a:gd name="connsiteX3205" fmla="*/ 1382775 w 6858000"/>
              <a:gd name="connsiteY3205" fmla="*/ 4249353 h 6858000"/>
              <a:gd name="connsiteX3206" fmla="*/ 1432731 w 6858000"/>
              <a:gd name="connsiteY3206" fmla="*/ 4249353 h 6858000"/>
              <a:gd name="connsiteX3207" fmla="*/ 1432731 w 6858000"/>
              <a:gd name="connsiteY3207" fmla="*/ 4199397 h 6858000"/>
              <a:gd name="connsiteX3208" fmla="*/ 1257533 w 6858000"/>
              <a:gd name="connsiteY3208" fmla="*/ 4197249 h 6858000"/>
              <a:gd name="connsiteX3209" fmla="*/ 1257533 w 6858000"/>
              <a:gd name="connsiteY3209" fmla="*/ 4251538 h 6858000"/>
              <a:gd name="connsiteX3210" fmla="*/ 1311822 w 6858000"/>
              <a:gd name="connsiteY3210" fmla="*/ 4251538 h 6858000"/>
              <a:gd name="connsiteX3211" fmla="*/ 1311822 w 6858000"/>
              <a:gd name="connsiteY3211" fmla="*/ 4197249 h 6858000"/>
              <a:gd name="connsiteX3212" fmla="*/ 1132291 w 6858000"/>
              <a:gd name="connsiteY3212" fmla="*/ 4195065 h 6858000"/>
              <a:gd name="connsiteX3213" fmla="*/ 1132291 w 6858000"/>
              <a:gd name="connsiteY3213" fmla="*/ 4253687 h 6858000"/>
              <a:gd name="connsiteX3214" fmla="*/ 1190913 w 6858000"/>
              <a:gd name="connsiteY3214" fmla="*/ 4253687 h 6858000"/>
              <a:gd name="connsiteX3215" fmla="*/ 1190913 w 6858000"/>
              <a:gd name="connsiteY3215" fmla="*/ 4195065 h 6858000"/>
              <a:gd name="connsiteX3216" fmla="*/ 1007271 w 6858000"/>
              <a:gd name="connsiteY3216" fmla="*/ 4193102 h 6858000"/>
              <a:gd name="connsiteX3217" fmla="*/ 1007271 w 6858000"/>
              <a:gd name="connsiteY3217" fmla="*/ 4255649 h 6858000"/>
              <a:gd name="connsiteX3218" fmla="*/ 1069818 w 6858000"/>
              <a:gd name="connsiteY3218" fmla="*/ 4255649 h 6858000"/>
              <a:gd name="connsiteX3219" fmla="*/ 1069818 w 6858000"/>
              <a:gd name="connsiteY3219" fmla="*/ 4193102 h 6858000"/>
              <a:gd name="connsiteX3220" fmla="*/ 882473 w 6858000"/>
              <a:gd name="connsiteY3220" fmla="*/ 4191361 h 6858000"/>
              <a:gd name="connsiteX3221" fmla="*/ 882473 w 6858000"/>
              <a:gd name="connsiteY3221" fmla="*/ 4257389 h 6858000"/>
              <a:gd name="connsiteX3222" fmla="*/ 948501 w 6858000"/>
              <a:gd name="connsiteY3222" fmla="*/ 4257389 h 6858000"/>
              <a:gd name="connsiteX3223" fmla="*/ 948501 w 6858000"/>
              <a:gd name="connsiteY3223" fmla="*/ 4191361 h 6858000"/>
              <a:gd name="connsiteX3224" fmla="*/ 757675 w 6858000"/>
              <a:gd name="connsiteY3224" fmla="*/ 4189658 h 6858000"/>
              <a:gd name="connsiteX3225" fmla="*/ 757675 w 6858000"/>
              <a:gd name="connsiteY3225" fmla="*/ 4259167 h 6858000"/>
              <a:gd name="connsiteX3226" fmla="*/ 827184 w 6858000"/>
              <a:gd name="connsiteY3226" fmla="*/ 4259167 h 6858000"/>
              <a:gd name="connsiteX3227" fmla="*/ 827184 w 6858000"/>
              <a:gd name="connsiteY3227" fmla="*/ 4189658 h 6858000"/>
              <a:gd name="connsiteX3228" fmla="*/ 633322 w 6858000"/>
              <a:gd name="connsiteY3228" fmla="*/ 4188325 h 6858000"/>
              <a:gd name="connsiteX3229" fmla="*/ 633322 w 6858000"/>
              <a:gd name="connsiteY3229" fmla="*/ 4260426 h 6858000"/>
              <a:gd name="connsiteX3230" fmla="*/ 705423 w 6858000"/>
              <a:gd name="connsiteY3230" fmla="*/ 4260426 h 6858000"/>
              <a:gd name="connsiteX3231" fmla="*/ 705423 w 6858000"/>
              <a:gd name="connsiteY3231" fmla="*/ 4188325 h 6858000"/>
              <a:gd name="connsiteX3232" fmla="*/ 509190 w 6858000"/>
              <a:gd name="connsiteY3232" fmla="*/ 4187251 h 6858000"/>
              <a:gd name="connsiteX3233" fmla="*/ 509190 w 6858000"/>
              <a:gd name="connsiteY3233" fmla="*/ 4261537 h 6858000"/>
              <a:gd name="connsiteX3234" fmla="*/ 583476 w 6858000"/>
              <a:gd name="connsiteY3234" fmla="*/ 4261537 h 6858000"/>
              <a:gd name="connsiteX3235" fmla="*/ 583476 w 6858000"/>
              <a:gd name="connsiteY3235" fmla="*/ 4187251 h 6858000"/>
              <a:gd name="connsiteX3236" fmla="*/ 385244 w 6858000"/>
              <a:gd name="connsiteY3236" fmla="*/ 4186399 h 6858000"/>
              <a:gd name="connsiteX3237" fmla="*/ 385244 w 6858000"/>
              <a:gd name="connsiteY3237" fmla="*/ 4262389 h 6858000"/>
              <a:gd name="connsiteX3238" fmla="*/ 461234 w 6858000"/>
              <a:gd name="connsiteY3238" fmla="*/ 4262389 h 6858000"/>
              <a:gd name="connsiteX3239" fmla="*/ 461234 w 6858000"/>
              <a:gd name="connsiteY3239" fmla="*/ 4186399 h 6858000"/>
              <a:gd name="connsiteX3240" fmla="*/ 15628 w 6858000"/>
              <a:gd name="connsiteY3240" fmla="*/ 4185955 h 6858000"/>
              <a:gd name="connsiteX3241" fmla="*/ 15628 w 6858000"/>
              <a:gd name="connsiteY3241" fmla="*/ 4262834 h 6858000"/>
              <a:gd name="connsiteX3242" fmla="*/ 92506 w 6858000"/>
              <a:gd name="connsiteY3242" fmla="*/ 4262834 h 6858000"/>
              <a:gd name="connsiteX3243" fmla="*/ 92506 w 6858000"/>
              <a:gd name="connsiteY3243" fmla="*/ 4185955 h 6858000"/>
              <a:gd name="connsiteX3244" fmla="*/ 261557 w 6858000"/>
              <a:gd name="connsiteY3244" fmla="*/ 4185733 h 6858000"/>
              <a:gd name="connsiteX3245" fmla="*/ 261557 w 6858000"/>
              <a:gd name="connsiteY3245" fmla="*/ 4263056 h 6858000"/>
              <a:gd name="connsiteX3246" fmla="*/ 338880 w 6858000"/>
              <a:gd name="connsiteY3246" fmla="*/ 4263056 h 6858000"/>
              <a:gd name="connsiteX3247" fmla="*/ 338880 w 6858000"/>
              <a:gd name="connsiteY3247" fmla="*/ 4185733 h 6858000"/>
              <a:gd name="connsiteX3248" fmla="*/ 137834 w 6858000"/>
              <a:gd name="connsiteY3248" fmla="*/ 4185066 h 6858000"/>
              <a:gd name="connsiteX3249" fmla="*/ 137834 w 6858000"/>
              <a:gd name="connsiteY3249" fmla="*/ 4263685 h 6858000"/>
              <a:gd name="connsiteX3250" fmla="*/ 216453 w 6858000"/>
              <a:gd name="connsiteY3250" fmla="*/ 4263685 h 6858000"/>
              <a:gd name="connsiteX3251" fmla="*/ 216453 w 6858000"/>
              <a:gd name="connsiteY3251" fmla="*/ 4185066 h 6858000"/>
              <a:gd name="connsiteX3252" fmla="*/ 4237905 w 6858000"/>
              <a:gd name="connsiteY3252" fmla="*/ 4101114 h 6858000"/>
              <a:gd name="connsiteX3253" fmla="*/ 4237905 w 6858000"/>
              <a:gd name="connsiteY3253" fmla="*/ 4101558 h 6858000"/>
              <a:gd name="connsiteX3254" fmla="*/ 4238349 w 6858000"/>
              <a:gd name="connsiteY3254" fmla="*/ 4101558 h 6858000"/>
              <a:gd name="connsiteX3255" fmla="*/ 4238349 w 6858000"/>
              <a:gd name="connsiteY3255" fmla="*/ 4101114 h 6858000"/>
              <a:gd name="connsiteX3256" fmla="*/ 4114848 w 6858000"/>
              <a:gd name="connsiteY3256" fmla="*/ 4101114 h 6858000"/>
              <a:gd name="connsiteX3257" fmla="*/ 4114848 w 6858000"/>
              <a:gd name="connsiteY3257" fmla="*/ 4101558 h 6858000"/>
              <a:gd name="connsiteX3258" fmla="*/ 4115292 w 6858000"/>
              <a:gd name="connsiteY3258" fmla="*/ 4101558 h 6858000"/>
              <a:gd name="connsiteX3259" fmla="*/ 4115292 w 6858000"/>
              <a:gd name="connsiteY3259" fmla="*/ 4101114 h 6858000"/>
              <a:gd name="connsiteX3260" fmla="*/ 3991790 w 6858000"/>
              <a:gd name="connsiteY3260" fmla="*/ 4101114 h 6858000"/>
              <a:gd name="connsiteX3261" fmla="*/ 3991790 w 6858000"/>
              <a:gd name="connsiteY3261" fmla="*/ 4101558 h 6858000"/>
              <a:gd name="connsiteX3262" fmla="*/ 3992235 w 6858000"/>
              <a:gd name="connsiteY3262" fmla="*/ 4101558 h 6858000"/>
              <a:gd name="connsiteX3263" fmla="*/ 3992235 w 6858000"/>
              <a:gd name="connsiteY3263" fmla="*/ 4101114 h 6858000"/>
              <a:gd name="connsiteX3264" fmla="*/ 3868733 w 6858000"/>
              <a:gd name="connsiteY3264" fmla="*/ 4101114 h 6858000"/>
              <a:gd name="connsiteX3265" fmla="*/ 3868733 w 6858000"/>
              <a:gd name="connsiteY3265" fmla="*/ 4101558 h 6858000"/>
              <a:gd name="connsiteX3266" fmla="*/ 3869177 w 6858000"/>
              <a:gd name="connsiteY3266" fmla="*/ 4101558 h 6858000"/>
              <a:gd name="connsiteX3267" fmla="*/ 3869177 w 6858000"/>
              <a:gd name="connsiteY3267" fmla="*/ 4101114 h 6858000"/>
              <a:gd name="connsiteX3268" fmla="*/ 3745676 w 6858000"/>
              <a:gd name="connsiteY3268" fmla="*/ 4101114 h 6858000"/>
              <a:gd name="connsiteX3269" fmla="*/ 3745676 w 6858000"/>
              <a:gd name="connsiteY3269" fmla="*/ 4101558 h 6858000"/>
              <a:gd name="connsiteX3270" fmla="*/ 3746120 w 6858000"/>
              <a:gd name="connsiteY3270" fmla="*/ 4101558 h 6858000"/>
              <a:gd name="connsiteX3271" fmla="*/ 3746120 w 6858000"/>
              <a:gd name="connsiteY3271" fmla="*/ 4101114 h 6858000"/>
              <a:gd name="connsiteX3272" fmla="*/ 3622618 w 6858000"/>
              <a:gd name="connsiteY3272" fmla="*/ 4101114 h 6858000"/>
              <a:gd name="connsiteX3273" fmla="*/ 3622618 w 6858000"/>
              <a:gd name="connsiteY3273" fmla="*/ 4101558 h 6858000"/>
              <a:gd name="connsiteX3274" fmla="*/ 3623062 w 6858000"/>
              <a:gd name="connsiteY3274" fmla="*/ 4101558 h 6858000"/>
              <a:gd name="connsiteX3275" fmla="*/ 3623062 w 6858000"/>
              <a:gd name="connsiteY3275" fmla="*/ 4101114 h 6858000"/>
              <a:gd name="connsiteX3276" fmla="*/ 3499339 w 6858000"/>
              <a:gd name="connsiteY3276" fmla="*/ 4100892 h 6858000"/>
              <a:gd name="connsiteX3277" fmla="*/ 3499339 w 6858000"/>
              <a:gd name="connsiteY3277" fmla="*/ 4101744 h 6858000"/>
              <a:gd name="connsiteX3278" fmla="*/ 3500191 w 6858000"/>
              <a:gd name="connsiteY3278" fmla="*/ 4101744 h 6858000"/>
              <a:gd name="connsiteX3279" fmla="*/ 3500191 w 6858000"/>
              <a:gd name="connsiteY3279" fmla="*/ 4100892 h 6858000"/>
              <a:gd name="connsiteX3280" fmla="*/ 3376059 w 6858000"/>
              <a:gd name="connsiteY3280" fmla="*/ 4100670 h 6858000"/>
              <a:gd name="connsiteX3281" fmla="*/ 3376059 w 6858000"/>
              <a:gd name="connsiteY3281" fmla="*/ 4101966 h 6858000"/>
              <a:gd name="connsiteX3282" fmla="*/ 3377355 w 6858000"/>
              <a:gd name="connsiteY3282" fmla="*/ 4101966 h 6858000"/>
              <a:gd name="connsiteX3283" fmla="*/ 3377355 w 6858000"/>
              <a:gd name="connsiteY3283" fmla="*/ 4100670 h 6858000"/>
              <a:gd name="connsiteX3284" fmla="*/ 3252780 w 6858000"/>
              <a:gd name="connsiteY3284" fmla="*/ 4100448 h 6858000"/>
              <a:gd name="connsiteX3285" fmla="*/ 3252780 w 6858000"/>
              <a:gd name="connsiteY3285" fmla="*/ 4102188 h 6858000"/>
              <a:gd name="connsiteX3286" fmla="*/ 3254520 w 6858000"/>
              <a:gd name="connsiteY3286" fmla="*/ 4102188 h 6858000"/>
              <a:gd name="connsiteX3287" fmla="*/ 3254520 w 6858000"/>
              <a:gd name="connsiteY3287" fmla="*/ 4100448 h 6858000"/>
              <a:gd name="connsiteX3288" fmla="*/ 3129278 w 6858000"/>
              <a:gd name="connsiteY3288" fmla="*/ 4100040 h 6858000"/>
              <a:gd name="connsiteX3289" fmla="*/ 3129278 w 6858000"/>
              <a:gd name="connsiteY3289" fmla="*/ 4102632 h 6858000"/>
              <a:gd name="connsiteX3290" fmla="*/ 3131870 w 6858000"/>
              <a:gd name="connsiteY3290" fmla="*/ 4102632 h 6858000"/>
              <a:gd name="connsiteX3291" fmla="*/ 3131870 w 6858000"/>
              <a:gd name="connsiteY3291" fmla="*/ 4100040 h 6858000"/>
              <a:gd name="connsiteX3292" fmla="*/ 3005554 w 6858000"/>
              <a:gd name="connsiteY3292" fmla="*/ 4099374 h 6858000"/>
              <a:gd name="connsiteX3293" fmla="*/ 3005554 w 6858000"/>
              <a:gd name="connsiteY3293" fmla="*/ 4103299 h 6858000"/>
              <a:gd name="connsiteX3294" fmla="*/ 3009479 w 6858000"/>
              <a:gd name="connsiteY3294" fmla="*/ 4103299 h 6858000"/>
              <a:gd name="connsiteX3295" fmla="*/ 3009479 w 6858000"/>
              <a:gd name="connsiteY3295" fmla="*/ 4099374 h 6858000"/>
              <a:gd name="connsiteX3296" fmla="*/ 2881867 w 6858000"/>
              <a:gd name="connsiteY3296" fmla="*/ 4098707 h 6858000"/>
              <a:gd name="connsiteX3297" fmla="*/ 2881867 w 6858000"/>
              <a:gd name="connsiteY3297" fmla="*/ 4103928 h 6858000"/>
              <a:gd name="connsiteX3298" fmla="*/ 2887088 w 6858000"/>
              <a:gd name="connsiteY3298" fmla="*/ 4103928 h 6858000"/>
              <a:gd name="connsiteX3299" fmla="*/ 2887088 w 6858000"/>
              <a:gd name="connsiteY3299" fmla="*/ 4098707 h 6858000"/>
              <a:gd name="connsiteX3300" fmla="*/ 2757921 w 6858000"/>
              <a:gd name="connsiteY3300" fmla="*/ 4097856 h 6858000"/>
              <a:gd name="connsiteX3301" fmla="*/ 2757921 w 6858000"/>
              <a:gd name="connsiteY3301" fmla="*/ 4104818 h 6858000"/>
              <a:gd name="connsiteX3302" fmla="*/ 2764883 w 6858000"/>
              <a:gd name="connsiteY3302" fmla="*/ 4104818 h 6858000"/>
              <a:gd name="connsiteX3303" fmla="*/ 2764883 w 6858000"/>
              <a:gd name="connsiteY3303" fmla="*/ 4097856 h 6858000"/>
              <a:gd name="connsiteX3304" fmla="*/ 2633790 w 6858000"/>
              <a:gd name="connsiteY3304" fmla="*/ 4096782 h 6858000"/>
              <a:gd name="connsiteX3305" fmla="*/ 2633790 w 6858000"/>
              <a:gd name="connsiteY3305" fmla="*/ 4105892 h 6858000"/>
              <a:gd name="connsiteX3306" fmla="*/ 2642900 w 6858000"/>
              <a:gd name="connsiteY3306" fmla="*/ 4105892 h 6858000"/>
              <a:gd name="connsiteX3307" fmla="*/ 2642900 w 6858000"/>
              <a:gd name="connsiteY3307" fmla="*/ 4096782 h 6858000"/>
              <a:gd name="connsiteX3308" fmla="*/ 2509400 w 6858000"/>
              <a:gd name="connsiteY3308" fmla="*/ 4095449 h 6858000"/>
              <a:gd name="connsiteX3309" fmla="*/ 2509400 w 6858000"/>
              <a:gd name="connsiteY3309" fmla="*/ 4107188 h 6858000"/>
              <a:gd name="connsiteX3310" fmla="*/ 2521139 w 6858000"/>
              <a:gd name="connsiteY3310" fmla="*/ 4107188 h 6858000"/>
              <a:gd name="connsiteX3311" fmla="*/ 2521139 w 6858000"/>
              <a:gd name="connsiteY3311" fmla="*/ 4095449 h 6858000"/>
              <a:gd name="connsiteX3312" fmla="*/ 2384824 w 6858000"/>
              <a:gd name="connsiteY3312" fmla="*/ 4093930 h 6858000"/>
              <a:gd name="connsiteX3313" fmla="*/ 2384824 w 6858000"/>
              <a:gd name="connsiteY3313" fmla="*/ 4108706 h 6858000"/>
              <a:gd name="connsiteX3314" fmla="*/ 2399600 w 6858000"/>
              <a:gd name="connsiteY3314" fmla="*/ 4108706 h 6858000"/>
              <a:gd name="connsiteX3315" fmla="*/ 2399600 w 6858000"/>
              <a:gd name="connsiteY3315" fmla="*/ 4093930 h 6858000"/>
              <a:gd name="connsiteX3316" fmla="*/ 2260248 w 6858000"/>
              <a:gd name="connsiteY3316" fmla="*/ 4092412 h 6858000"/>
              <a:gd name="connsiteX3317" fmla="*/ 2260248 w 6858000"/>
              <a:gd name="connsiteY3317" fmla="*/ 4110224 h 6858000"/>
              <a:gd name="connsiteX3318" fmla="*/ 2278060 w 6858000"/>
              <a:gd name="connsiteY3318" fmla="*/ 4110224 h 6858000"/>
              <a:gd name="connsiteX3319" fmla="*/ 2278060 w 6858000"/>
              <a:gd name="connsiteY3319" fmla="*/ 4092412 h 6858000"/>
              <a:gd name="connsiteX3320" fmla="*/ 2135228 w 6858000"/>
              <a:gd name="connsiteY3320" fmla="*/ 4090449 h 6858000"/>
              <a:gd name="connsiteX3321" fmla="*/ 2135228 w 6858000"/>
              <a:gd name="connsiteY3321" fmla="*/ 4112150 h 6858000"/>
              <a:gd name="connsiteX3322" fmla="*/ 2156929 w 6858000"/>
              <a:gd name="connsiteY3322" fmla="*/ 4112150 h 6858000"/>
              <a:gd name="connsiteX3323" fmla="*/ 2156929 w 6858000"/>
              <a:gd name="connsiteY3323" fmla="*/ 4090449 h 6858000"/>
              <a:gd name="connsiteX3324" fmla="*/ 2010208 w 6858000"/>
              <a:gd name="connsiteY3324" fmla="*/ 4088524 h 6858000"/>
              <a:gd name="connsiteX3325" fmla="*/ 2010208 w 6858000"/>
              <a:gd name="connsiteY3325" fmla="*/ 4114150 h 6858000"/>
              <a:gd name="connsiteX3326" fmla="*/ 2035834 w 6858000"/>
              <a:gd name="connsiteY3326" fmla="*/ 4114150 h 6858000"/>
              <a:gd name="connsiteX3327" fmla="*/ 2035834 w 6858000"/>
              <a:gd name="connsiteY3327" fmla="*/ 4088524 h 6858000"/>
              <a:gd name="connsiteX3328" fmla="*/ 1885225 w 6858000"/>
              <a:gd name="connsiteY3328" fmla="*/ 4086561 h 6858000"/>
              <a:gd name="connsiteX3329" fmla="*/ 1885225 w 6858000"/>
              <a:gd name="connsiteY3329" fmla="*/ 4116112 h 6858000"/>
              <a:gd name="connsiteX3330" fmla="*/ 1914777 w 6858000"/>
              <a:gd name="connsiteY3330" fmla="*/ 4116112 h 6858000"/>
              <a:gd name="connsiteX3331" fmla="*/ 1914777 w 6858000"/>
              <a:gd name="connsiteY3331" fmla="*/ 4086561 h 6858000"/>
              <a:gd name="connsiteX3332" fmla="*/ 1759761 w 6858000"/>
              <a:gd name="connsiteY3332" fmla="*/ 4084154 h 6858000"/>
              <a:gd name="connsiteX3333" fmla="*/ 1759761 w 6858000"/>
              <a:gd name="connsiteY3333" fmla="*/ 4118483 h 6858000"/>
              <a:gd name="connsiteX3334" fmla="*/ 1794090 w 6858000"/>
              <a:gd name="connsiteY3334" fmla="*/ 4118483 h 6858000"/>
              <a:gd name="connsiteX3335" fmla="*/ 1794090 w 6858000"/>
              <a:gd name="connsiteY3335" fmla="*/ 4084154 h 6858000"/>
              <a:gd name="connsiteX3336" fmla="*/ 1634741 w 6858000"/>
              <a:gd name="connsiteY3336" fmla="*/ 4082228 h 6858000"/>
              <a:gd name="connsiteX3337" fmla="*/ 1634741 w 6858000"/>
              <a:gd name="connsiteY3337" fmla="*/ 4120445 h 6858000"/>
              <a:gd name="connsiteX3338" fmla="*/ 1672958 w 6858000"/>
              <a:gd name="connsiteY3338" fmla="*/ 4120445 h 6858000"/>
              <a:gd name="connsiteX3339" fmla="*/ 1672958 w 6858000"/>
              <a:gd name="connsiteY3339" fmla="*/ 4082228 h 6858000"/>
              <a:gd name="connsiteX3340" fmla="*/ 1509499 w 6858000"/>
              <a:gd name="connsiteY3340" fmla="*/ 4080043 h 6858000"/>
              <a:gd name="connsiteX3341" fmla="*/ 1509499 w 6858000"/>
              <a:gd name="connsiteY3341" fmla="*/ 4122593 h 6858000"/>
              <a:gd name="connsiteX3342" fmla="*/ 1552049 w 6858000"/>
              <a:gd name="connsiteY3342" fmla="*/ 4122593 h 6858000"/>
              <a:gd name="connsiteX3343" fmla="*/ 1552049 w 6858000"/>
              <a:gd name="connsiteY3343" fmla="*/ 4080043 h 6858000"/>
              <a:gd name="connsiteX3344" fmla="*/ 1384294 w 6858000"/>
              <a:gd name="connsiteY3344" fmla="*/ 4077858 h 6858000"/>
              <a:gd name="connsiteX3345" fmla="*/ 1384294 w 6858000"/>
              <a:gd name="connsiteY3345" fmla="*/ 4124778 h 6858000"/>
              <a:gd name="connsiteX3346" fmla="*/ 1431214 w 6858000"/>
              <a:gd name="connsiteY3346" fmla="*/ 4124778 h 6858000"/>
              <a:gd name="connsiteX3347" fmla="*/ 1431214 w 6858000"/>
              <a:gd name="connsiteY3347" fmla="*/ 4077858 h 6858000"/>
              <a:gd name="connsiteX3348" fmla="*/ 1259051 w 6858000"/>
              <a:gd name="connsiteY3348" fmla="*/ 4075710 h 6858000"/>
              <a:gd name="connsiteX3349" fmla="*/ 1259051 w 6858000"/>
              <a:gd name="connsiteY3349" fmla="*/ 4126962 h 6858000"/>
              <a:gd name="connsiteX3350" fmla="*/ 1310303 w 6858000"/>
              <a:gd name="connsiteY3350" fmla="*/ 4126962 h 6858000"/>
              <a:gd name="connsiteX3351" fmla="*/ 1310303 w 6858000"/>
              <a:gd name="connsiteY3351" fmla="*/ 4075710 h 6858000"/>
              <a:gd name="connsiteX3352" fmla="*/ 1134031 w 6858000"/>
              <a:gd name="connsiteY3352" fmla="*/ 4073748 h 6858000"/>
              <a:gd name="connsiteX3353" fmla="*/ 1134031 w 6858000"/>
              <a:gd name="connsiteY3353" fmla="*/ 4128926 h 6858000"/>
              <a:gd name="connsiteX3354" fmla="*/ 1189209 w 6858000"/>
              <a:gd name="connsiteY3354" fmla="*/ 4128926 h 6858000"/>
              <a:gd name="connsiteX3355" fmla="*/ 1189209 w 6858000"/>
              <a:gd name="connsiteY3355" fmla="*/ 4073748 h 6858000"/>
              <a:gd name="connsiteX3356" fmla="*/ 1009233 w 6858000"/>
              <a:gd name="connsiteY3356" fmla="*/ 4072007 h 6858000"/>
              <a:gd name="connsiteX3357" fmla="*/ 1009233 w 6858000"/>
              <a:gd name="connsiteY3357" fmla="*/ 4130629 h 6858000"/>
              <a:gd name="connsiteX3358" fmla="*/ 1067855 w 6858000"/>
              <a:gd name="connsiteY3358" fmla="*/ 4130629 h 6858000"/>
              <a:gd name="connsiteX3359" fmla="*/ 1067855 w 6858000"/>
              <a:gd name="connsiteY3359" fmla="*/ 4072007 h 6858000"/>
              <a:gd name="connsiteX3360" fmla="*/ 884658 w 6858000"/>
              <a:gd name="connsiteY3360" fmla="*/ 4070489 h 6858000"/>
              <a:gd name="connsiteX3361" fmla="*/ 884658 w 6858000"/>
              <a:gd name="connsiteY3361" fmla="*/ 4132147 h 6858000"/>
              <a:gd name="connsiteX3362" fmla="*/ 946316 w 6858000"/>
              <a:gd name="connsiteY3362" fmla="*/ 4132147 h 6858000"/>
              <a:gd name="connsiteX3363" fmla="*/ 946316 w 6858000"/>
              <a:gd name="connsiteY3363" fmla="*/ 4070489 h 6858000"/>
              <a:gd name="connsiteX3364" fmla="*/ 760082 w 6858000"/>
              <a:gd name="connsiteY3364" fmla="*/ 4068971 h 6858000"/>
              <a:gd name="connsiteX3365" fmla="*/ 760082 w 6858000"/>
              <a:gd name="connsiteY3365" fmla="*/ 4133703 h 6858000"/>
              <a:gd name="connsiteX3366" fmla="*/ 824814 w 6858000"/>
              <a:gd name="connsiteY3366" fmla="*/ 4133703 h 6858000"/>
              <a:gd name="connsiteX3367" fmla="*/ 824814 w 6858000"/>
              <a:gd name="connsiteY3367" fmla="*/ 4068971 h 6858000"/>
              <a:gd name="connsiteX3368" fmla="*/ 635729 w 6858000"/>
              <a:gd name="connsiteY3368" fmla="*/ 4067675 h 6858000"/>
              <a:gd name="connsiteX3369" fmla="*/ 635729 w 6858000"/>
              <a:gd name="connsiteY3369" fmla="*/ 4134999 h 6858000"/>
              <a:gd name="connsiteX3370" fmla="*/ 703053 w 6858000"/>
              <a:gd name="connsiteY3370" fmla="*/ 4134999 h 6858000"/>
              <a:gd name="connsiteX3371" fmla="*/ 703053 w 6858000"/>
              <a:gd name="connsiteY3371" fmla="*/ 4067675 h 6858000"/>
              <a:gd name="connsiteX3372" fmla="*/ 511560 w 6858000"/>
              <a:gd name="connsiteY3372" fmla="*/ 4066564 h 6858000"/>
              <a:gd name="connsiteX3373" fmla="*/ 511560 w 6858000"/>
              <a:gd name="connsiteY3373" fmla="*/ 4136073 h 6858000"/>
              <a:gd name="connsiteX3374" fmla="*/ 581069 w 6858000"/>
              <a:gd name="connsiteY3374" fmla="*/ 4136073 h 6858000"/>
              <a:gd name="connsiteX3375" fmla="*/ 581069 w 6858000"/>
              <a:gd name="connsiteY3375" fmla="*/ 4066564 h 6858000"/>
              <a:gd name="connsiteX3376" fmla="*/ 387651 w 6858000"/>
              <a:gd name="connsiteY3376" fmla="*/ 4065712 h 6858000"/>
              <a:gd name="connsiteX3377" fmla="*/ 387651 w 6858000"/>
              <a:gd name="connsiteY3377" fmla="*/ 4136924 h 6858000"/>
              <a:gd name="connsiteX3378" fmla="*/ 458864 w 6858000"/>
              <a:gd name="connsiteY3378" fmla="*/ 4136924 h 6858000"/>
              <a:gd name="connsiteX3379" fmla="*/ 458864 w 6858000"/>
              <a:gd name="connsiteY3379" fmla="*/ 4065712 h 6858000"/>
              <a:gd name="connsiteX3380" fmla="*/ 18035 w 6858000"/>
              <a:gd name="connsiteY3380" fmla="*/ 4065267 h 6858000"/>
              <a:gd name="connsiteX3381" fmla="*/ 18035 w 6858000"/>
              <a:gd name="connsiteY3381" fmla="*/ 4137368 h 6858000"/>
              <a:gd name="connsiteX3382" fmla="*/ 90136 w 6858000"/>
              <a:gd name="connsiteY3382" fmla="*/ 4137368 h 6858000"/>
              <a:gd name="connsiteX3383" fmla="*/ 90136 w 6858000"/>
              <a:gd name="connsiteY3383" fmla="*/ 4065267 h 6858000"/>
              <a:gd name="connsiteX3384" fmla="*/ 263928 w 6858000"/>
              <a:gd name="connsiteY3384" fmla="*/ 4065045 h 6858000"/>
              <a:gd name="connsiteX3385" fmla="*/ 263928 w 6858000"/>
              <a:gd name="connsiteY3385" fmla="*/ 4137591 h 6858000"/>
              <a:gd name="connsiteX3386" fmla="*/ 336474 w 6858000"/>
              <a:gd name="connsiteY3386" fmla="*/ 4137591 h 6858000"/>
              <a:gd name="connsiteX3387" fmla="*/ 336474 w 6858000"/>
              <a:gd name="connsiteY3387" fmla="*/ 4065045 h 6858000"/>
              <a:gd name="connsiteX3388" fmla="*/ 140426 w 6858000"/>
              <a:gd name="connsiteY3388" fmla="*/ 4064638 h 6858000"/>
              <a:gd name="connsiteX3389" fmla="*/ 140426 w 6858000"/>
              <a:gd name="connsiteY3389" fmla="*/ 4138035 h 6858000"/>
              <a:gd name="connsiteX3390" fmla="*/ 213823 w 6858000"/>
              <a:gd name="connsiteY3390" fmla="*/ 4138035 h 6858000"/>
              <a:gd name="connsiteX3391" fmla="*/ 213823 w 6858000"/>
              <a:gd name="connsiteY3391" fmla="*/ 4064638 h 6858000"/>
              <a:gd name="connsiteX3392" fmla="*/ 4237905 w 6858000"/>
              <a:gd name="connsiteY3392" fmla="*/ 3978057 h 6858000"/>
              <a:gd name="connsiteX3393" fmla="*/ 4237905 w 6858000"/>
              <a:gd name="connsiteY3393" fmla="*/ 3978501 h 6858000"/>
              <a:gd name="connsiteX3394" fmla="*/ 4238349 w 6858000"/>
              <a:gd name="connsiteY3394" fmla="*/ 3978501 h 6858000"/>
              <a:gd name="connsiteX3395" fmla="*/ 4238349 w 6858000"/>
              <a:gd name="connsiteY3395" fmla="*/ 3978057 h 6858000"/>
              <a:gd name="connsiteX3396" fmla="*/ 4114848 w 6858000"/>
              <a:gd name="connsiteY3396" fmla="*/ 3978057 h 6858000"/>
              <a:gd name="connsiteX3397" fmla="*/ 4114848 w 6858000"/>
              <a:gd name="connsiteY3397" fmla="*/ 3978501 h 6858000"/>
              <a:gd name="connsiteX3398" fmla="*/ 4115292 w 6858000"/>
              <a:gd name="connsiteY3398" fmla="*/ 3978501 h 6858000"/>
              <a:gd name="connsiteX3399" fmla="*/ 4115292 w 6858000"/>
              <a:gd name="connsiteY3399" fmla="*/ 3978057 h 6858000"/>
              <a:gd name="connsiteX3400" fmla="*/ 3991790 w 6858000"/>
              <a:gd name="connsiteY3400" fmla="*/ 3978057 h 6858000"/>
              <a:gd name="connsiteX3401" fmla="*/ 3991790 w 6858000"/>
              <a:gd name="connsiteY3401" fmla="*/ 3978501 h 6858000"/>
              <a:gd name="connsiteX3402" fmla="*/ 3992235 w 6858000"/>
              <a:gd name="connsiteY3402" fmla="*/ 3978501 h 6858000"/>
              <a:gd name="connsiteX3403" fmla="*/ 3992235 w 6858000"/>
              <a:gd name="connsiteY3403" fmla="*/ 3978057 h 6858000"/>
              <a:gd name="connsiteX3404" fmla="*/ 3868733 w 6858000"/>
              <a:gd name="connsiteY3404" fmla="*/ 3978057 h 6858000"/>
              <a:gd name="connsiteX3405" fmla="*/ 3868733 w 6858000"/>
              <a:gd name="connsiteY3405" fmla="*/ 3978501 h 6858000"/>
              <a:gd name="connsiteX3406" fmla="*/ 3869177 w 6858000"/>
              <a:gd name="connsiteY3406" fmla="*/ 3978501 h 6858000"/>
              <a:gd name="connsiteX3407" fmla="*/ 3869177 w 6858000"/>
              <a:gd name="connsiteY3407" fmla="*/ 3978057 h 6858000"/>
              <a:gd name="connsiteX3408" fmla="*/ 3745676 w 6858000"/>
              <a:gd name="connsiteY3408" fmla="*/ 3978057 h 6858000"/>
              <a:gd name="connsiteX3409" fmla="*/ 3745676 w 6858000"/>
              <a:gd name="connsiteY3409" fmla="*/ 3978501 h 6858000"/>
              <a:gd name="connsiteX3410" fmla="*/ 3746120 w 6858000"/>
              <a:gd name="connsiteY3410" fmla="*/ 3978501 h 6858000"/>
              <a:gd name="connsiteX3411" fmla="*/ 3746120 w 6858000"/>
              <a:gd name="connsiteY3411" fmla="*/ 3978057 h 6858000"/>
              <a:gd name="connsiteX3412" fmla="*/ 3622396 w 6858000"/>
              <a:gd name="connsiteY3412" fmla="*/ 3977835 h 6858000"/>
              <a:gd name="connsiteX3413" fmla="*/ 3622396 w 6858000"/>
              <a:gd name="connsiteY3413" fmla="*/ 3978687 h 6858000"/>
              <a:gd name="connsiteX3414" fmla="*/ 3623248 w 6858000"/>
              <a:gd name="connsiteY3414" fmla="*/ 3978687 h 6858000"/>
              <a:gd name="connsiteX3415" fmla="*/ 3623248 w 6858000"/>
              <a:gd name="connsiteY3415" fmla="*/ 3977835 h 6858000"/>
              <a:gd name="connsiteX3416" fmla="*/ 3499339 w 6858000"/>
              <a:gd name="connsiteY3416" fmla="*/ 3977835 h 6858000"/>
              <a:gd name="connsiteX3417" fmla="*/ 3499339 w 6858000"/>
              <a:gd name="connsiteY3417" fmla="*/ 3978687 h 6858000"/>
              <a:gd name="connsiteX3418" fmla="*/ 3500191 w 6858000"/>
              <a:gd name="connsiteY3418" fmla="*/ 3978687 h 6858000"/>
              <a:gd name="connsiteX3419" fmla="*/ 3500191 w 6858000"/>
              <a:gd name="connsiteY3419" fmla="*/ 3977835 h 6858000"/>
              <a:gd name="connsiteX3420" fmla="*/ 3376059 w 6858000"/>
              <a:gd name="connsiteY3420" fmla="*/ 3977613 h 6858000"/>
              <a:gd name="connsiteX3421" fmla="*/ 3376059 w 6858000"/>
              <a:gd name="connsiteY3421" fmla="*/ 3978909 h 6858000"/>
              <a:gd name="connsiteX3422" fmla="*/ 3377355 w 6858000"/>
              <a:gd name="connsiteY3422" fmla="*/ 3978909 h 6858000"/>
              <a:gd name="connsiteX3423" fmla="*/ 3377355 w 6858000"/>
              <a:gd name="connsiteY3423" fmla="*/ 3977613 h 6858000"/>
              <a:gd name="connsiteX3424" fmla="*/ 3252558 w 6858000"/>
              <a:gd name="connsiteY3424" fmla="*/ 3977168 h 6858000"/>
              <a:gd name="connsiteX3425" fmla="*/ 3252558 w 6858000"/>
              <a:gd name="connsiteY3425" fmla="*/ 3979353 h 6858000"/>
              <a:gd name="connsiteX3426" fmla="*/ 3254743 w 6858000"/>
              <a:gd name="connsiteY3426" fmla="*/ 3979353 h 6858000"/>
              <a:gd name="connsiteX3427" fmla="*/ 3254743 w 6858000"/>
              <a:gd name="connsiteY3427" fmla="*/ 3977168 h 6858000"/>
              <a:gd name="connsiteX3428" fmla="*/ 3129056 w 6858000"/>
              <a:gd name="connsiteY3428" fmla="*/ 3976761 h 6858000"/>
              <a:gd name="connsiteX3429" fmla="*/ 3129056 w 6858000"/>
              <a:gd name="connsiteY3429" fmla="*/ 3979798 h 6858000"/>
              <a:gd name="connsiteX3430" fmla="*/ 3132093 w 6858000"/>
              <a:gd name="connsiteY3430" fmla="*/ 3979798 h 6858000"/>
              <a:gd name="connsiteX3431" fmla="*/ 3132093 w 6858000"/>
              <a:gd name="connsiteY3431" fmla="*/ 3976761 h 6858000"/>
              <a:gd name="connsiteX3432" fmla="*/ 3005554 w 6858000"/>
              <a:gd name="connsiteY3432" fmla="*/ 3976317 h 6858000"/>
              <a:gd name="connsiteX3433" fmla="*/ 3005554 w 6858000"/>
              <a:gd name="connsiteY3433" fmla="*/ 3980242 h 6858000"/>
              <a:gd name="connsiteX3434" fmla="*/ 3009479 w 6858000"/>
              <a:gd name="connsiteY3434" fmla="*/ 3980242 h 6858000"/>
              <a:gd name="connsiteX3435" fmla="*/ 3009479 w 6858000"/>
              <a:gd name="connsiteY3435" fmla="*/ 3976317 h 6858000"/>
              <a:gd name="connsiteX3436" fmla="*/ 2881645 w 6858000"/>
              <a:gd name="connsiteY3436" fmla="*/ 3975428 h 6858000"/>
              <a:gd name="connsiteX3437" fmla="*/ 2881645 w 6858000"/>
              <a:gd name="connsiteY3437" fmla="*/ 3981057 h 6858000"/>
              <a:gd name="connsiteX3438" fmla="*/ 2887274 w 6858000"/>
              <a:gd name="connsiteY3438" fmla="*/ 3981057 h 6858000"/>
              <a:gd name="connsiteX3439" fmla="*/ 2887274 w 6858000"/>
              <a:gd name="connsiteY3439" fmla="*/ 3975428 h 6858000"/>
              <a:gd name="connsiteX3440" fmla="*/ 2757699 w 6858000"/>
              <a:gd name="connsiteY3440" fmla="*/ 3974576 h 6858000"/>
              <a:gd name="connsiteX3441" fmla="*/ 2757699 w 6858000"/>
              <a:gd name="connsiteY3441" fmla="*/ 3981945 h 6858000"/>
              <a:gd name="connsiteX3442" fmla="*/ 2765068 w 6858000"/>
              <a:gd name="connsiteY3442" fmla="*/ 3981945 h 6858000"/>
              <a:gd name="connsiteX3443" fmla="*/ 2765068 w 6858000"/>
              <a:gd name="connsiteY3443" fmla="*/ 3974576 h 6858000"/>
              <a:gd name="connsiteX3444" fmla="*/ 2633790 w 6858000"/>
              <a:gd name="connsiteY3444" fmla="*/ 3973687 h 6858000"/>
              <a:gd name="connsiteX3445" fmla="*/ 2633790 w 6858000"/>
              <a:gd name="connsiteY3445" fmla="*/ 3982797 h 6858000"/>
              <a:gd name="connsiteX3446" fmla="*/ 2642900 w 6858000"/>
              <a:gd name="connsiteY3446" fmla="*/ 3982797 h 6858000"/>
              <a:gd name="connsiteX3447" fmla="*/ 2642900 w 6858000"/>
              <a:gd name="connsiteY3447" fmla="*/ 3973687 h 6858000"/>
              <a:gd name="connsiteX3448" fmla="*/ 2509400 w 6858000"/>
              <a:gd name="connsiteY3448" fmla="*/ 3972391 h 6858000"/>
              <a:gd name="connsiteX3449" fmla="*/ 2509400 w 6858000"/>
              <a:gd name="connsiteY3449" fmla="*/ 3984130 h 6858000"/>
              <a:gd name="connsiteX3450" fmla="*/ 2521139 w 6858000"/>
              <a:gd name="connsiteY3450" fmla="*/ 3984130 h 6858000"/>
              <a:gd name="connsiteX3451" fmla="*/ 2521139 w 6858000"/>
              <a:gd name="connsiteY3451" fmla="*/ 3972391 h 6858000"/>
              <a:gd name="connsiteX3452" fmla="*/ 2385046 w 6858000"/>
              <a:gd name="connsiteY3452" fmla="*/ 3971095 h 6858000"/>
              <a:gd name="connsiteX3453" fmla="*/ 2385046 w 6858000"/>
              <a:gd name="connsiteY3453" fmla="*/ 3985426 h 6858000"/>
              <a:gd name="connsiteX3454" fmla="*/ 2399377 w 6858000"/>
              <a:gd name="connsiteY3454" fmla="*/ 3985426 h 6858000"/>
              <a:gd name="connsiteX3455" fmla="*/ 2399377 w 6858000"/>
              <a:gd name="connsiteY3455" fmla="*/ 3971095 h 6858000"/>
              <a:gd name="connsiteX3456" fmla="*/ 2260471 w 6858000"/>
              <a:gd name="connsiteY3456" fmla="*/ 3969577 h 6858000"/>
              <a:gd name="connsiteX3457" fmla="*/ 2260471 w 6858000"/>
              <a:gd name="connsiteY3457" fmla="*/ 3986945 h 6858000"/>
              <a:gd name="connsiteX3458" fmla="*/ 2277839 w 6858000"/>
              <a:gd name="connsiteY3458" fmla="*/ 3986945 h 6858000"/>
              <a:gd name="connsiteX3459" fmla="*/ 2277839 w 6858000"/>
              <a:gd name="connsiteY3459" fmla="*/ 3969577 h 6858000"/>
              <a:gd name="connsiteX3460" fmla="*/ 2135673 w 6858000"/>
              <a:gd name="connsiteY3460" fmla="*/ 3967836 h 6858000"/>
              <a:gd name="connsiteX3461" fmla="*/ 2135673 w 6858000"/>
              <a:gd name="connsiteY3461" fmla="*/ 3988685 h 6858000"/>
              <a:gd name="connsiteX3462" fmla="*/ 2156522 w 6858000"/>
              <a:gd name="connsiteY3462" fmla="*/ 3988685 h 6858000"/>
              <a:gd name="connsiteX3463" fmla="*/ 2156522 w 6858000"/>
              <a:gd name="connsiteY3463" fmla="*/ 3967836 h 6858000"/>
              <a:gd name="connsiteX3464" fmla="*/ 2010875 w 6858000"/>
              <a:gd name="connsiteY3464" fmla="*/ 3966096 h 6858000"/>
              <a:gd name="connsiteX3465" fmla="*/ 2010875 w 6858000"/>
              <a:gd name="connsiteY3465" fmla="*/ 3990426 h 6858000"/>
              <a:gd name="connsiteX3466" fmla="*/ 2035205 w 6858000"/>
              <a:gd name="connsiteY3466" fmla="*/ 3990426 h 6858000"/>
              <a:gd name="connsiteX3467" fmla="*/ 2035205 w 6858000"/>
              <a:gd name="connsiteY3467" fmla="*/ 3966096 h 6858000"/>
              <a:gd name="connsiteX3468" fmla="*/ 1885855 w 6858000"/>
              <a:gd name="connsiteY3468" fmla="*/ 3964133 h 6858000"/>
              <a:gd name="connsiteX3469" fmla="*/ 1885855 w 6858000"/>
              <a:gd name="connsiteY3469" fmla="*/ 3992351 h 6858000"/>
              <a:gd name="connsiteX3470" fmla="*/ 1914073 w 6858000"/>
              <a:gd name="connsiteY3470" fmla="*/ 3992351 h 6858000"/>
              <a:gd name="connsiteX3471" fmla="*/ 1914073 w 6858000"/>
              <a:gd name="connsiteY3471" fmla="*/ 3964133 h 6858000"/>
              <a:gd name="connsiteX3472" fmla="*/ 1760835 w 6858000"/>
              <a:gd name="connsiteY3472" fmla="*/ 3962207 h 6858000"/>
              <a:gd name="connsiteX3473" fmla="*/ 1760835 w 6858000"/>
              <a:gd name="connsiteY3473" fmla="*/ 3994351 h 6858000"/>
              <a:gd name="connsiteX3474" fmla="*/ 1792979 w 6858000"/>
              <a:gd name="connsiteY3474" fmla="*/ 3994351 h 6858000"/>
              <a:gd name="connsiteX3475" fmla="*/ 1792979 w 6858000"/>
              <a:gd name="connsiteY3475" fmla="*/ 3962207 h 6858000"/>
              <a:gd name="connsiteX3476" fmla="*/ 1635815 w 6858000"/>
              <a:gd name="connsiteY3476" fmla="*/ 3960245 h 6858000"/>
              <a:gd name="connsiteX3477" fmla="*/ 1635815 w 6858000"/>
              <a:gd name="connsiteY3477" fmla="*/ 3996277 h 6858000"/>
              <a:gd name="connsiteX3478" fmla="*/ 1671847 w 6858000"/>
              <a:gd name="connsiteY3478" fmla="*/ 3996277 h 6858000"/>
              <a:gd name="connsiteX3479" fmla="*/ 1671847 w 6858000"/>
              <a:gd name="connsiteY3479" fmla="*/ 3960245 h 6858000"/>
              <a:gd name="connsiteX3480" fmla="*/ 1510832 w 6858000"/>
              <a:gd name="connsiteY3480" fmla="*/ 3958282 h 6858000"/>
              <a:gd name="connsiteX3481" fmla="*/ 1510832 w 6858000"/>
              <a:gd name="connsiteY3481" fmla="*/ 3998239 h 6858000"/>
              <a:gd name="connsiteX3482" fmla="*/ 1550790 w 6858000"/>
              <a:gd name="connsiteY3482" fmla="*/ 3998239 h 6858000"/>
              <a:gd name="connsiteX3483" fmla="*/ 1550790 w 6858000"/>
              <a:gd name="connsiteY3483" fmla="*/ 3958282 h 6858000"/>
              <a:gd name="connsiteX3484" fmla="*/ 1385812 w 6858000"/>
              <a:gd name="connsiteY3484" fmla="*/ 3956319 h 6858000"/>
              <a:gd name="connsiteX3485" fmla="*/ 1385812 w 6858000"/>
              <a:gd name="connsiteY3485" fmla="*/ 4000202 h 6858000"/>
              <a:gd name="connsiteX3486" fmla="*/ 1429695 w 6858000"/>
              <a:gd name="connsiteY3486" fmla="*/ 4000202 h 6858000"/>
              <a:gd name="connsiteX3487" fmla="*/ 1429695 w 6858000"/>
              <a:gd name="connsiteY3487" fmla="*/ 3956319 h 6858000"/>
              <a:gd name="connsiteX3488" fmla="*/ 1261014 w 6858000"/>
              <a:gd name="connsiteY3488" fmla="*/ 3954579 h 6858000"/>
              <a:gd name="connsiteX3489" fmla="*/ 1261014 w 6858000"/>
              <a:gd name="connsiteY3489" fmla="*/ 4001906 h 6858000"/>
              <a:gd name="connsiteX3490" fmla="*/ 1308341 w 6858000"/>
              <a:gd name="connsiteY3490" fmla="*/ 4001906 h 6858000"/>
              <a:gd name="connsiteX3491" fmla="*/ 1308341 w 6858000"/>
              <a:gd name="connsiteY3491" fmla="*/ 3954579 h 6858000"/>
              <a:gd name="connsiteX3492" fmla="*/ 1135994 w 6858000"/>
              <a:gd name="connsiteY3492" fmla="*/ 3952653 h 6858000"/>
              <a:gd name="connsiteX3493" fmla="*/ 1135994 w 6858000"/>
              <a:gd name="connsiteY3493" fmla="*/ 4003905 h 6858000"/>
              <a:gd name="connsiteX3494" fmla="*/ 1187246 w 6858000"/>
              <a:gd name="connsiteY3494" fmla="*/ 4003905 h 6858000"/>
              <a:gd name="connsiteX3495" fmla="*/ 1187246 w 6858000"/>
              <a:gd name="connsiteY3495" fmla="*/ 3952653 h 6858000"/>
              <a:gd name="connsiteX3496" fmla="*/ 1011418 w 6858000"/>
              <a:gd name="connsiteY3496" fmla="*/ 3951135 h 6858000"/>
              <a:gd name="connsiteX3497" fmla="*/ 1011418 w 6858000"/>
              <a:gd name="connsiteY3497" fmla="*/ 4005424 h 6858000"/>
              <a:gd name="connsiteX3498" fmla="*/ 1065707 w 6858000"/>
              <a:gd name="connsiteY3498" fmla="*/ 4005424 h 6858000"/>
              <a:gd name="connsiteX3499" fmla="*/ 1065707 w 6858000"/>
              <a:gd name="connsiteY3499" fmla="*/ 3951135 h 6858000"/>
              <a:gd name="connsiteX3500" fmla="*/ 886843 w 6858000"/>
              <a:gd name="connsiteY3500" fmla="*/ 3949617 h 6858000"/>
              <a:gd name="connsiteX3501" fmla="*/ 886843 w 6858000"/>
              <a:gd name="connsiteY3501" fmla="*/ 4006942 h 6858000"/>
              <a:gd name="connsiteX3502" fmla="*/ 944169 w 6858000"/>
              <a:gd name="connsiteY3502" fmla="*/ 4006942 h 6858000"/>
              <a:gd name="connsiteX3503" fmla="*/ 944169 w 6858000"/>
              <a:gd name="connsiteY3503" fmla="*/ 3949617 h 6858000"/>
              <a:gd name="connsiteX3504" fmla="*/ 762267 w 6858000"/>
              <a:gd name="connsiteY3504" fmla="*/ 3948098 h 6858000"/>
              <a:gd name="connsiteX3505" fmla="*/ 762267 w 6858000"/>
              <a:gd name="connsiteY3505" fmla="*/ 4008460 h 6858000"/>
              <a:gd name="connsiteX3506" fmla="*/ 822629 w 6858000"/>
              <a:gd name="connsiteY3506" fmla="*/ 4008460 h 6858000"/>
              <a:gd name="connsiteX3507" fmla="*/ 822629 w 6858000"/>
              <a:gd name="connsiteY3507" fmla="*/ 3948098 h 6858000"/>
              <a:gd name="connsiteX3508" fmla="*/ 638099 w 6858000"/>
              <a:gd name="connsiteY3508" fmla="*/ 3946987 h 6858000"/>
              <a:gd name="connsiteX3509" fmla="*/ 638099 w 6858000"/>
              <a:gd name="connsiteY3509" fmla="*/ 4009534 h 6858000"/>
              <a:gd name="connsiteX3510" fmla="*/ 700646 w 6858000"/>
              <a:gd name="connsiteY3510" fmla="*/ 4009534 h 6858000"/>
              <a:gd name="connsiteX3511" fmla="*/ 700646 w 6858000"/>
              <a:gd name="connsiteY3511" fmla="*/ 3946987 h 6858000"/>
              <a:gd name="connsiteX3512" fmla="*/ 513968 w 6858000"/>
              <a:gd name="connsiteY3512" fmla="*/ 3945913 h 6858000"/>
              <a:gd name="connsiteX3513" fmla="*/ 513968 w 6858000"/>
              <a:gd name="connsiteY3513" fmla="*/ 4010645 h 6858000"/>
              <a:gd name="connsiteX3514" fmla="*/ 578700 w 6858000"/>
              <a:gd name="connsiteY3514" fmla="*/ 4010645 h 6858000"/>
              <a:gd name="connsiteX3515" fmla="*/ 578700 w 6858000"/>
              <a:gd name="connsiteY3515" fmla="*/ 3945913 h 6858000"/>
              <a:gd name="connsiteX3516" fmla="*/ 390244 w 6858000"/>
              <a:gd name="connsiteY3516" fmla="*/ 3945247 h 6858000"/>
              <a:gd name="connsiteX3517" fmla="*/ 390244 w 6858000"/>
              <a:gd name="connsiteY3517" fmla="*/ 4011275 h 6858000"/>
              <a:gd name="connsiteX3518" fmla="*/ 456272 w 6858000"/>
              <a:gd name="connsiteY3518" fmla="*/ 4011275 h 6858000"/>
              <a:gd name="connsiteX3519" fmla="*/ 456272 w 6858000"/>
              <a:gd name="connsiteY3519" fmla="*/ 3945247 h 6858000"/>
              <a:gd name="connsiteX3520" fmla="*/ 20627 w 6858000"/>
              <a:gd name="connsiteY3520" fmla="*/ 3944839 h 6858000"/>
              <a:gd name="connsiteX3521" fmla="*/ 20627 w 6858000"/>
              <a:gd name="connsiteY3521" fmla="*/ 4011719 h 6858000"/>
              <a:gd name="connsiteX3522" fmla="*/ 87507 w 6858000"/>
              <a:gd name="connsiteY3522" fmla="*/ 4011719 h 6858000"/>
              <a:gd name="connsiteX3523" fmla="*/ 87507 w 6858000"/>
              <a:gd name="connsiteY3523" fmla="*/ 3944839 h 6858000"/>
              <a:gd name="connsiteX3524" fmla="*/ 266520 w 6858000"/>
              <a:gd name="connsiteY3524" fmla="*/ 3944617 h 6858000"/>
              <a:gd name="connsiteX3525" fmla="*/ 266520 w 6858000"/>
              <a:gd name="connsiteY3525" fmla="*/ 4011941 h 6858000"/>
              <a:gd name="connsiteX3526" fmla="*/ 333844 w 6858000"/>
              <a:gd name="connsiteY3526" fmla="*/ 4011941 h 6858000"/>
              <a:gd name="connsiteX3527" fmla="*/ 333844 w 6858000"/>
              <a:gd name="connsiteY3527" fmla="*/ 3944617 h 6858000"/>
              <a:gd name="connsiteX3528" fmla="*/ 143055 w 6858000"/>
              <a:gd name="connsiteY3528" fmla="*/ 3944173 h 6858000"/>
              <a:gd name="connsiteX3529" fmla="*/ 143055 w 6858000"/>
              <a:gd name="connsiteY3529" fmla="*/ 4012349 h 6858000"/>
              <a:gd name="connsiteX3530" fmla="*/ 211231 w 6858000"/>
              <a:gd name="connsiteY3530" fmla="*/ 4012349 h 6858000"/>
              <a:gd name="connsiteX3531" fmla="*/ 211231 w 6858000"/>
              <a:gd name="connsiteY3531" fmla="*/ 3944173 h 6858000"/>
              <a:gd name="connsiteX3532" fmla="*/ 4360962 w 6858000"/>
              <a:gd name="connsiteY3532" fmla="*/ 3855000 h 6858000"/>
              <a:gd name="connsiteX3533" fmla="*/ 4360962 w 6858000"/>
              <a:gd name="connsiteY3533" fmla="*/ 3855444 h 6858000"/>
              <a:gd name="connsiteX3534" fmla="*/ 4361406 w 6858000"/>
              <a:gd name="connsiteY3534" fmla="*/ 3855444 h 6858000"/>
              <a:gd name="connsiteX3535" fmla="*/ 4361406 w 6858000"/>
              <a:gd name="connsiteY3535" fmla="*/ 3855000 h 6858000"/>
              <a:gd name="connsiteX3536" fmla="*/ 4237905 w 6858000"/>
              <a:gd name="connsiteY3536" fmla="*/ 3855000 h 6858000"/>
              <a:gd name="connsiteX3537" fmla="*/ 4237905 w 6858000"/>
              <a:gd name="connsiteY3537" fmla="*/ 3855444 h 6858000"/>
              <a:gd name="connsiteX3538" fmla="*/ 4238349 w 6858000"/>
              <a:gd name="connsiteY3538" fmla="*/ 3855444 h 6858000"/>
              <a:gd name="connsiteX3539" fmla="*/ 4238349 w 6858000"/>
              <a:gd name="connsiteY3539" fmla="*/ 3855000 h 6858000"/>
              <a:gd name="connsiteX3540" fmla="*/ 4114848 w 6858000"/>
              <a:gd name="connsiteY3540" fmla="*/ 3855000 h 6858000"/>
              <a:gd name="connsiteX3541" fmla="*/ 4114848 w 6858000"/>
              <a:gd name="connsiteY3541" fmla="*/ 3855444 h 6858000"/>
              <a:gd name="connsiteX3542" fmla="*/ 4115292 w 6858000"/>
              <a:gd name="connsiteY3542" fmla="*/ 3855444 h 6858000"/>
              <a:gd name="connsiteX3543" fmla="*/ 4115292 w 6858000"/>
              <a:gd name="connsiteY3543" fmla="*/ 3855000 h 6858000"/>
              <a:gd name="connsiteX3544" fmla="*/ 3991790 w 6858000"/>
              <a:gd name="connsiteY3544" fmla="*/ 3855000 h 6858000"/>
              <a:gd name="connsiteX3545" fmla="*/ 3991790 w 6858000"/>
              <a:gd name="connsiteY3545" fmla="*/ 3855444 h 6858000"/>
              <a:gd name="connsiteX3546" fmla="*/ 3992235 w 6858000"/>
              <a:gd name="connsiteY3546" fmla="*/ 3855444 h 6858000"/>
              <a:gd name="connsiteX3547" fmla="*/ 3992235 w 6858000"/>
              <a:gd name="connsiteY3547" fmla="*/ 3855000 h 6858000"/>
              <a:gd name="connsiteX3548" fmla="*/ 3868733 w 6858000"/>
              <a:gd name="connsiteY3548" fmla="*/ 3855000 h 6858000"/>
              <a:gd name="connsiteX3549" fmla="*/ 3868733 w 6858000"/>
              <a:gd name="connsiteY3549" fmla="*/ 3855444 h 6858000"/>
              <a:gd name="connsiteX3550" fmla="*/ 3869177 w 6858000"/>
              <a:gd name="connsiteY3550" fmla="*/ 3855444 h 6858000"/>
              <a:gd name="connsiteX3551" fmla="*/ 3869177 w 6858000"/>
              <a:gd name="connsiteY3551" fmla="*/ 3855000 h 6858000"/>
              <a:gd name="connsiteX3552" fmla="*/ 3745676 w 6858000"/>
              <a:gd name="connsiteY3552" fmla="*/ 3855000 h 6858000"/>
              <a:gd name="connsiteX3553" fmla="*/ 3745676 w 6858000"/>
              <a:gd name="connsiteY3553" fmla="*/ 3855444 h 6858000"/>
              <a:gd name="connsiteX3554" fmla="*/ 3746120 w 6858000"/>
              <a:gd name="connsiteY3554" fmla="*/ 3855444 h 6858000"/>
              <a:gd name="connsiteX3555" fmla="*/ 3746120 w 6858000"/>
              <a:gd name="connsiteY3555" fmla="*/ 3855000 h 6858000"/>
              <a:gd name="connsiteX3556" fmla="*/ 3622396 w 6858000"/>
              <a:gd name="connsiteY3556" fmla="*/ 3854778 h 6858000"/>
              <a:gd name="connsiteX3557" fmla="*/ 3622396 w 6858000"/>
              <a:gd name="connsiteY3557" fmla="*/ 3855630 h 6858000"/>
              <a:gd name="connsiteX3558" fmla="*/ 3623248 w 6858000"/>
              <a:gd name="connsiteY3558" fmla="*/ 3855630 h 6858000"/>
              <a:gd name="connsiteX3559" fmla="*/ 3623248 w 6858000"/>
              <a:gd name="connsiteY3559" fmla="*/ 3854778 h 6858000"/>
              <a:gd name="connsiteX3560" fmla="*/ 3499117 w 6858000"/>
              <a:gd name="connsiteY3560" fmla="*/ 3854555 h 6858000"/>
              <a:gd name="connsiteX3561" fmla="*/ 3499117 w 6858000"/>
              <a:gd name="connsiteY3561" fmla="*/ 3855851 h 6858000"/>
              <a:gd name="connsiteX3562" fmla="*/ 3500413 w 6858000"/>
              <a:gd name="connsiteY3562" fmla="*/ 3855851 h 6858000"/>
              <a:gd name="connsiteX3563" fmla="*/ 3500413 w 6858000"/>
              <a:gd name="connsiteY3563" fmla="*/ 3854555 h 6858000"/>
              <a:gd name="connsiteX3564" fmla="*/ 3375837 w 6858000"/>
              <a:gd name="connsiteY3564" fmla="*/ 3854333 h 6858000"/>
              <a:gd name="connsiteX3565" fmla="*/ 3375837 w 6858000"/>
              <a:gd name="connsiteY3565" fmla="*/ 3856073 h 6858000"/>
              <a:gd name="connsiteX3566" fmla="*/ 3377577 w 6858000"/>
              <a:gd name="connsiteY3566" fmla="*/ 3856073 h 6858000"/>
              <a:gd name="connsiteX3567" fmla="*/ 3377577 w 6858000"/>
              <a:gd name="connsiteY3567" fmla="*/ 3854333 h 6858000"/>
              <a:gd name="connsiteX3568" fmla="*/ 3252558 w 6858000"/>
              <a:gd name="connsiteY3568" fmla="*/ 3854111 h 6858000"/>
              <a:gd name="connsiteX3569" fmla="*/ 3252558 w 6858000"/>
              <a:gd name="connsiteY3569" fmla="*/ 3856296 h 6858000"/>
              <a:gd name="connsiteX3570" fmla="*/ 3254743 w 6858000"/>
              <a:gd name="connsiteY3570" fmla="*/ 3856296 h 6858000"/>
              <a:gd name="connsiteX3571" fmla="*/ 3254743 w 6858000"/>
              <a:gd name="connsiteY3571" fmla="*/ 3854111 h 6858000"/>
              <a:gd name="connsiteX3572" fmla="*/ 3129056 w 6858000"/>
              <a:gd name="connsiteY3572" fmla="*/ 3853704 h 6858000"/>
              <a:gd name="connsiteX3573" fmla="*/ 3129056 w 6858000"/>
              <a:gd name="connsiteY3573" fmla="*/ 3856741 h 6858000"/>
              <a:gd name="connsiteX3574" fmla="*/ 3132093 w 6858000"/>
              <a:gd name="connsiteY3574" fmla="*/ 3856741 h 6858000"/>
              <a:gd name="connsiteX3575" fmla="*/ 3132093 w 6858000"/>
              <a:gd name="connsiteY3575" fmla="*/ 3853704 h 6858000"/>
              <a:gd name="connsiteX3576" fmla="*/ 3005332 w 6858000"/>
              <a:gd name="connsiteY3576" fmla="*/ 3853037 h 6858000"/>
              <a:gd name="connsiteX3577" fmla="*/ 3005332 w 6858000"/>
              <a:gd name="connsiteY3577" fmla="*/ 3857370 h 6858000"/>
              <a:gd name="connsiteX3578" fmla="*/ 3009665 w 6858000"/>
              <a:gd name="connsiteY3578" fmla="*/ 3857370 h 6858000"/>
              <a:gd name="connsiteX3579" fmla="*/ 3009665 w 6858000"/>
              <a:gd name="connsiteY3579" fmla="*/ 3853037 h 6858000"/>
              <a:gd name="connsiteX3580" fmla="*/ 2881645 w 6858000"/>
              <a:gd name="connsiteY3580" fmla="*/ 3852370 h 6858000"/>
              <a:gd name="connsiteX3581" fmla="*/ 2881645 w 6858000"/>
              <a:gd name="connsiteY3581" fmla="*/ 3857999 h 6858000"/>
              <a:gd name="connsiteX3582" fmla="*/ 2887274 w 6858000"/>
              <a:gd name="connsiteY3582" fmla="*/ 3857999 h 6858000"/>
              <a:gd name="connsiteX3583" fmla="*/ 2887274 w 6858000"/>
              <a:gd name="connsiteY3583" fmla="*/ 3852370 h 6858000"/>
              <a:gd name="connsiteX3584" fmla="*/ 2757699 w 6858000"/>
              <a:gd name="connsiteY3584" fmla="*/ 3851519 h 6858000"/>
              <a:gd name="connsiteX3585" fmla="*/ 2757699 w 6858000"/>
              <a:gd name="connsiteY3585" fmla="*/ 3858888 h 6858000"/>
              <a:gd name="connsiteX3586" fmla="*/ 2765068 w 6858000"/>
              <a:gd name="connsiteY3586" fmla="*/ 3858888 h 6858000"/>
              <a:gd name="connsiteX3587" fmla="*/ 2765068 w 6858000"/>
              <a:gd name="connsiteY3587" fmla="*/ 3851519 h 6858000"/>
              <a:gd name="connsiteX3588" fmla="*/ 2633790 w 6858000"/>
              <a:gd name="connsiteY3588" fmla="*/ 3850630 h 6858000"/>
              <a:gd name="connsiteX3589" fmla="*/ 2633790 w 6858000"/>
              <a:gd name="connsiteY3589" fmla="*/ 3859740 h 6858000"/>
              <a:gd name="connsiteX3590" fmla="*/ 2642900 w 6858000"/>
              <a:gd name="connsiteY3590" fmla="*/ 3859740 h 6858000"/>
              <a:gd name="connsiteX3591" fmla="*/ 2642900 w 6858000"/>
              <a:gd name="connsiteY3591" fmla="*/ 3850630 h 6858000"/>
              <a:gd name="connsiteX3592" fmla="*/ 2509622 w 6858000"/>
              <a:gd name="connsiteY3592" fmla="*/ 3849556 h 6858000"/>
              <a:gd name="connsiteX3593" fmla="*/ 2509622 w 6858000"/>
              <a:gd name="connsiteY3593" fmla="*/ 3860851 h 6858000"/>
              <a:gd name="connsiteX3594" fmla="*/ 2520917 w 6858000"/>
              <a:gd name="connsiteY3594" fmla="*/ 3860851 h 6858000"/>
              <a:gd name="connsiteX3595" fmla="*/ 2520917 w 6858000"/>
              <a:gd name="connsiteY3595" fmla="*/ 3849556 h 6858000"/>
              <a:gd name="connsiteX3596" fmla="*/ 2385268 w 6858000"/>
              <a:gd name="connsiteY3596" fmla="*/ 3848260 h 6858000"/>
              <a:gd name="connsiteX3597" fmla="*/ 2385268 w 6858000"/>
              <a:gd name="connsiteY3597" fmla="*/ 3862147 h 6858000"/>
              <a:gd name="connsiteX3598" fmla="*/ 2399155 w 6858000"/>
              <a:gd name="connsiteY3598" fmla="*/ 3862147 h 6858000"/>
              <a:gd name="connsiteX3599" fmla="*/ 2399155 w 6858000"/>
              <a:gd name="connsiteY3599" fmla="*/ 3848260 h 6858000"/>
              <a:gd name="connsiteX3600" fmla="*/ 2260915 w 6858000"/>
              <a:gd name="connsiteY3600" fmla="*/ 3846964 h 6858000"/>
              <a:gd name="connsiteX3601" fmla="*/ 2260915 w 6858000"/>
              <a:gd name="connsiteY3601" fmla="*/ 3863480 h 6858000"/>
              <a:gd name="connsiteX3602" fmla="*/ 2277431 w 6858000"/>
              <a:gd name="connsiteY3602" fmla="*/ 3863480 h 6858000"/>
              <a:gd name="connsiteX3603" fmla="*/ 2277431 w 6858000"/>
              <a:gd name="connsiteY3603" fmla="*/ 3846964 h 6858000"/>
              <a:gd name="connsiteX3604" fmla="*/ 2136339 w 6858000"/>
              <a:gd name="connsiteY3604" fmla="*/ 3845446 h 6858000"/>
              <a:gd name="connsiteX3605" fmla="*/ 2136339 w 6858000"/>
              <a:gd name="connsiteY3605" fmla="*/ 3864999 h 6858000"/>
              <a:gd name="connsiteX3606" fmla="*/ 2155892 w 6858000"/>
              <a:gd name="connsiteY3606" fmla="*/ 3864999 h 6858000"/>
              <a:gd name="connsiteX3607" fmla="*/ 2155892 w 6858000"/>
              <a:gd name="connsiteY3607" fmla="*/ 3845446 h 6858000"/>
              <a:gd name="connsiteX3608" fmla="*/ 2011541 w 6858000"/>
              <a:gd name="connsiteY3608" fmla="*/ 3843705 h 6858000"/>
              <a:gd name="connsiteX3609" fmla="*/ 2011541 w 6858000"/>
              <a:gd name="connsiteY3609" fmla="*/ 3866739 h 6858000"/>
              <a:gd name="connsiteX3610" fmla="*/ 2034575 w 6858000"/>
              <a:gd name="connsiteY3610" fmla="*/ 3866739 h 6858000"/>
              <a:gd name="connsiteX3611" fmla="*/ 2034575 w 6858000"/>
              <a:gd name="connsiteY3611" fmla="*/ 3843705 h 6858000"/>
              <a:gd name="connsiteX3612" fmla="*/ 1886744 w 6858000"/>
              <a:gd name="connsiteY3612" fmla="*/ 3841965 h 6858000"/>
              <a:gd name="connsiteX3613" fmla="*/ 1886744 w 6858000"/>
              <a:gd name="connsiteY3613" fmla="*/ 3868443 h 6858000"/>
              <a:gd name="connsiteX3614" fmla="*/ 1913222 w 6858000"/>
              <a:gd name="connsiteY3614" fmla="*/ 3868443 h 6858000"/>
              <a:gd name="connsiteX3615" fmla="*/ 1913222 w 6858000"/>
              <a:gd name="connsiteY3615" fmla="*/ 3841965 h 6858000"/>
              <a:gd name="connsiteX3616" fmla="*/ 1761946 w 6858000"/>
              <a:gd name="connsiteY3616" fmla="*/ 3840224 h 6858000"/>
              <a:gd name="connsiteX3617" fmla="*/ 1761946 w 6858000"/>
              <a:gd name="connsiteY3617" fmla="*/ 3870183 h 6858000"/>
              <a:gd name="connsiteX3618" fmla="*/ 1791905 w 6858000"/>
              <a:gd name="connsiteY3618" fmla="*/ 3870183 h 6858000"/>
              <a:gd name="connsiteX3619" fmla="*/ 1791905 w 6858000"/>
              <a:gd name="connsiteY3619" fmla="*/ 3840224 h 6858000"/>
              <a:gd name="connsiteX3620" fmla="*/ 1637148 w 6858000"/>
              <a:gd name="connsiteY3620" fmla="*/ 3838483 h 6858000"/>
              <a:gd name="connsiteX3621" fmla="*/ 1637148 w 6858000"/>
              <a:gd name="connsiteY3621" fmla="*/ 3871923 h 6858000"/>
              <a:gd name="connsiteX3622" fmla="*/ 1670588 w 6858000"/>
              <a:gd name="connsiteY3622" fmla="*/ 3871923 h 6858000"/>
              <a:gd name="connsiteX3623" fmla="*/ 1670588 w 6858000"/>
              <a:gd name="connsiteY3623" fmla="*/ 3838483 h 6858000"/>
              <a:gd name="connsiteX3624" fmla="*/ 1512350 w 6858000"/>
              <a:gd name="connsiteY3624" fmla="*/ 3836743 h 6858000"/>
              <a:gd name="connsiteX3625" fmla="*/ 1512350 w 6858000"/>
              <a:gd name="connsiteY3625" fmla="*/ 3873664 h 6858000"/>
              <a:gd name="connsiteX3626" fmla="*/ 1549271 w 6858000"/>
              <a:gd name="connsiteY3626" fmla="*/ 3873664 h 6858000"/>
              <a:gd name="connsiteX3627" fmla="*/ 1549271 w 6858000"/>
              <a:gd name="connsiteY3627" fmla="*/ 3836743 h 6858000"/>
              <a:gd name="connsiteX3628" fmla="*/ 1387330 w 6858000"/>
              <a:gd name="connsiteY3628" fmla="*/ 3834780 h 6858000"/>
              <a:gd name="connsiteX3629" fmla="*/ 1387330 w 6858000"/>
              <a:gd name="connsiteY3629" fmla="*/ 3875589 h 6858000"/>
              <a:gd name="connsiteX3630" fmla="*/ 1428139 w 6858000"/>
              <a:gd name="connsiteY3630" fmla="*/ 3875589 h 6858000"/>
              <a:gd name="connsiteX3631" fmla="*/ 1428139 w 6858000"/>
              <a:gd name="connsiteY3631" fmla="*/ 3834780 h 6858000"/>
              <a:gd name="connsiteX3632" fmla="*/ 1262532 w 6858000"/>
              <a:gd name="connsiteY3632" fmla="*/ 3833040 h 6858000"/>
              <a:gd name="connsiteX3633" fmla="*/ 1262532 w 6858000"/>
              <a:gd name="connsiteY3633" fmla="*/ 3877330 h 6858000"/>
              <a:gd name="connsiteX3634" fmla="*/ 1306822 w 6858000"/>
              <a:gd name="connsiteY3634" fmla="*/ 3877330 h 6858000"/>
              <a:gd name="connsiteX3635" fmla="*/ 1306822 w 6858000"/>
              <a:gd name="connsiteY3635" fmla="*/ 3833040 h 6858000"/>
              <a:gd name="connsiteX3636" fmla="*/ 1137957 w 6858000"/>
              <a:gd name="connsiteY3636" fmla="*/ 3831521 h 6858000"/>
              <a:gd name="connsiteX3637" fmla="*/ 1137957 w 6858000"/>
              <a:gd name="connsiteY3637" fmla="*/ 3878848 h 6858000"/>
              <a:gd name="connsiteX3638" fmla="*/ 1185284 w 6858000"/>
              <a:gd name="connsiteY3638" fmla="*/ 3878848 h 6858000"/>
              <a:gd name="connsiteX3639" fmla="*/ 1185284 w 6858000"/>
              <a:gd name="connsiteY3639" fmla="*/ 3831521 h 6858000"/>
              <a:gd name="connsiteX3640" fmla="*/ 1013381 w 6858000"/>
              <a:gd name="connsiteY3640" fmla="*/ 3830003 h 6858000"/>
              <a:gd name="connsiteX3641" fmla="*/ 1013381 w 6858000"/>
              <a:gd name="connsiteY3641" fmla="*/ 3880404 h 6858000"/>
              <a:gd name="connsiteX3642" fmla="*/ 1063781 w 6858000"/>
              <a:gd name="connsiteY3642" fmla="*/ 3880404 h 6858000"/>
              <a:gd name="connsiteX3643" fmla="*/ 1063781 w 6858000"/>
              <a:gd name="connsiteY3643" fmla="*/ 3830003 h 6858000"/>
              <a:gd name="connsiteX3644" fmla="*/ 888768 w 6858000"/>
              <a:gd name="connsiteY3644" fmla="*/ 3828485 h 6858000"/>
              <a:gd name="connsiteX3645" fmla="*/ 888768 w 6858000"/>
              <a:gd name="connsiteY3645" fmla="*/ 3881922 h 6858000"/>
              <a:gd name="connsiteX3646" fmla="*/ 942205 w 6858000"/>
              <a:gd name="connsiteY3646" fmla="*/ 3881922 h 6858000"/>
              <a:gd name="connsiteX3647" fmla="*/ 942205 w 6858000"/>
              <a:gd name="connsiteY3647" fmla="*/ 3828485 h 6858000"/>
              <a:gd name="connsiteX3648" fmla="*/ 764637 w 6858000"/>
              <a:gd name="connsiteY3648" fmla="*/ 3827411 h 6858000"/>
              <a:gd name="connsiteX3649" fmla="*/ 764637 w 6858000"/>
              <a:gd name="connsiteY3649" fmla="*/ 3882996 h 6858000"/>
              <a:gd name="connsiteX3650" fmla="*/ 820222 w 6858000"/>
              <a:gd name="connsiteY3650" fmla="*/ 3882996 h 6858000"/>
              <a:gd name="connsiteX3651" fmla="*/ 820222 w 6858000"/>
              <a:gd name="connsiteY3651" fmla="*/ 3827411 h 6858000"/>
              <a:gd name="connsiteX3652" fmla="*/ 640506 w 6858000"/>
              <a:gd name="connsiteY3652" fmla="*/ 3826337 h 6858000"/>
              <a:gd name="connsiteX3653" fmla="*/ 640506 w 6858000"/>
              <a:gd name="connsiteY3653" fmla="*/ 3884107 h 6858000"/>
              <a:gd name="connsiteX3654" fmla="*/ 698276 w 6858000"/>
              <a:gd name="connsiteY3654" fmla="*/ 3884107 h 6858000"/>
              <a:gd name="connsiteX3655" fmla="*/ 698276 w 6858000"/>
              <a:gd name="connsiteY3655" fmla="*/ 3826337 h 6858000"/>
              <a:gd name="connsiteX3656" fmla="*/ 516560 w 6858000"/>
              <a:gd name="connsiteY3656" fmla="*/ 3825448 h 6858000"/>
              <a:gd name="connsiteX3657" fmla="*/ 516560 w 6858000"/>
              <a:gd name="connsiteY3657" fmla="*/ 3884958 h 6858000"/>
              <a:gd name="connsiteX3658" fmla="*/ 576070 w 6858000"/>
              <a:gd name="connsiteY3658" fmla="*/ 3884958 h 6858000"/>
              <a:gd name="connsiteX3659" fmla="*/ 576070 w 6858000"/>
              <a:gd name="connsiteY3659" fmla="*/ 3825448 h 6858000"/>
              <a:gd name="connsiteX3660" fmla="*/ 392651 w 6858000"/>
              <a:gd name="connsiteY3660" fmla="*/ 3824596 h 6858000"/>
              <a:gd name="connsiteX3661" fmla="*/ 392651 w 6858000"/>
              <a:gd name="connsiteY3661" fmla="*/ 3885847 h 6858000"/>
              <a:gd name="connsiteX3662" fmla="*/ 453902 w 6858000"/>
              <a:gd name="connsiteY3662" fmla="*/ 3885847 h 6858000"/>
              <a:gd name="connsiteX3663" fmla="*/ 453902 w 6858000"/>
              <a:gd name="connsiteY3663" fmla="*/ 3824596 h 6858000"/>
              <a:gd name="connsiteX3664" fmla="*/ 269149 w 6858000"/>
              <a:gd name="connsiteY3664" fmla="*/ 3824152 h 6858000"/>
              <a:gd name="connsiteX3665" fmla="*/ 269149 w 6858000"/>
              <a:gd name="connsiteY3665" fmla="*/ 3886255 h 6858000"/>
              <a:gd name="connsiteX3666" fmla="*/ 331252 w 6858000"/>
              <a:gd name="connsiteY3666" fmla="*/ 3886255 h 6858000"/>
              <a:gd name="connsiteX3667" fmla="*/ 331252 w 6858000"/>
              <a:gd name="connsiteY3667" fmla="*/ 3824152 h 6858000"/>
              <a:gd name="connsiteX3668" fmla="*/ 23034 w 6858000"/>
              <a:gd name="connsiteY3668" fmla="*/ 3824152 h 6858000"/>
              <a:gd name="connsiteX3669" fmla="*/ 23034 w 6858000"/>
              <a:gd name="connsiteY3669" fmla="*/ 3886255 h 6858000"/>
              <a:gd name="connsiteX3670" fmla="*/ 85137 w 6858000"/>
              <a:gd name="connsiteY3670" fmla="*/ 3886255 h 6858000"/>
              <a:gd name="connsiteX3671" fmla="*/ 85137 w 6858000"/>
              <a:gd name="connsiteY3671" fmla="*/ 3824152 h 6858000"/>
              <a:gd name="connsiteX3672" fmla="*/ 145647 w 6858000"/>
              <a:gd name="connsiteY3672" fmla="*/ 3823708 h 6858000"/>
              <a:gd name="connsiteX3673" fmla="*/ 145647 w 6858000"/>
              <a:gd name="connsiteY3673" fmla="*/ 3886699 h 6858000"/>
              <a:gd name="connsiteX3674" fmla="*/ 208638 w 6858000"/>
              <a:gd name="connsiteY3674" fmla="*/ 3886699 h 6858000"/>
              <a:gd name="connsiteX3675" fmla="*/ 208638 w 6858000"/>
              <a:gd name="connsiteY3675" fmla="*/ 3823708 h 6858000"/>
              <a:gd name="connsiteX3676" fmla="*/ 4484020 w 6858000"/>
              <a:gd name="connsiteY3676" fmla="*/ 3731942 h 6858000"/>
              <a:gd name="connsiteX3677" fmla="*/ 4484020 w 6858000"/>
              <a:gd name="connsiteY3677" fmla="*/ 3732386 h 6858000"/>
              <a:gd name="connsiteX3678" fmla="*/ 4484464 w 6858000"/>
              <a:gd name="connsiteY3678" fmla="*/ 3732386 h 6858000"/>
              <a:gd name="connsiteX3679" fmla="*/ 4484464 w 6858000"/>
              <a:gd name="connsiteY3679" fmla="*/ 3731942 h 6858000"/>
              <a:gd name="connsiteX3680" fmla="*/ 4360962 w 6858000"/>
              <a:gd name="connsiteY3680" fmla="*/ 3731942 h 6858000"/>
              <a:gd name="connsiteX3681" fmla="*/ 4360962 w 6858000"/>
              <a:gd name="connsiteY3681" fmla="*/ 3732386 h 6858000"/>
              <a:gd name="connsiteX3682" fmla="*/ 4361406 w 6858000"/>
              <a:gd name="connsiteY3682" fmla="*/ 3732386 h 6858000"/>
              <a:gd name="connsiteX3683" fmla="*/ 4361406 w 6858000"/>
              <a:gd name="connsiteY3683" fmla="*/ 3731942 h 6858000"/>
              <a:gd name="connsiteX3684" fmla="*/ 4237905 w 6858000"/>
              <a:gd name="connsiteY3684" fmla="*/ 3731942 h 6858000"/>
              <a:gd name="connsiteX3685" fmla="*/ 4237905 w 6858000"/>
              <a:gd name="connsiteY3685" fmla="*/ 3732386 h 6858000"/>
              <a:gd name="connsiteX3686" fmla="*/ 4238349 w 6858000"/>
              <a:gd name="connsiteY3686" fmla="*/ 3732386 h 6858000"/>
              <a:gd name="connsiteX3687" fmla="*/ 4238349 w 6858000"/>
              <a:gd name="connsiteY3687" fmla="*/ 3731942 h 6858000"/>
              <a:gd name="connsiteX3688" fmla="*/ 4114848 w 6858000"/>
              <a:gd name="connsiteY3688" fmla="*/ 3731942 h 6858000"/>
              <a:gd name="connsiteX3689" fmla="*/ 4114848 w 6858000"/>
              <a:gd name="connsiteY3689" fmla="*/ 3732386 h 6858000"/>
              <a:gd name="connsiteX3690" fmla="*/ 4115292 w 6858000"/>
              <a:gd name="connsiteY3690" fmla="*/ 3732386 h 6858000"/>
              <a:gd name="connsiteX3691" fmla="*/ 4115292 w 6858000"/>
              <a:gd name="connsiteY3691" fmla="*/ 3731942 h 6858000"/>
              <a:gd name="connsiteX3692" fmla="*/ 3991790 w 6858000"/>
              <a:gd name="connsiteY3692" fmla="*/ 3731942 h 6858000"/>
              <a:gd name="connsiteX3693" fmla="*/ 3991790 w 6858000"/>
              <a:gd name="connsiteY3693" fmla="*/ 3732386 h 6858000"/>
              <a:gd name="connsiteX3694" fmla="*/ 3992235 w 6858000"/>
              <a:gd name="connsiteY3694" fmla="*/ 3732386 h 6858000"/>
              <a:gd name="connsiteX3695" fmla="*/ 3992235 w 6858000"/>
              <a:gd name="connsiteY3695" fmla="*/ 3731942 h 6858000"/>
              <a:gd name="connsiteX3696" fmla="*/ 3868733 w 6858000"/>
              <a:gd name="connsiteY3696" fmla="*/ 3731942 h 6858000"/>
              <a:gd name="connsiteX3697" fmla="*/ 3868733 w 6858000"/>
              <a:gd name="connsiteY3697" fmla="*/ 3732386 h 6858000"/>
              <a:gd name="connsiteX3698" fmla="*/ 3869177 w 6858000"/>
              <a:gd name="connsiteY3698" fmla="*/ 3732386 h 6858000"/>
              <a:gd name="connsiteX3699" fmla="*/ 3869177 w 6858000"/>
              <a:gd name="connsiteY3699" fmla="*/ 3731942 h 6858000"/>
              <a:gd name="connsiteX3700" fmla="*/ 3745676 w 6858000"/>
              <a:gd name="connsiteY3700" fmla="*/ 3731942 h 6858000"/>
              <a:gd name="connsiteX3701" fmla="*/ 3745676 w 6858000"/>
              <a:gd name="connsiteY3701" fmla="*/ 3732386 h 6858000"/>
              <a:gd name="connsiteX3702" fmla="*/ 3746120 w 6858000"/>
              <a:gd name="connsiteY3702" fmla="*/ 3732386 h 6858000"/>
              <a:gd name="connsiteX3703" fmla="*/ 3746120 w 6858000"/>
              <a:gd name="connsiteY3703" fmla="*/ 3731942 h 6858000"/>
              <a:gd name="connsiteX3704" fmla="*/ 3622396 w 6858000"/>
              <a:gd name="connsiteY3704" fmla="*/ 3731720 h 6858000"/>
              <a:gd name="connsiteX3705" fmla="*/ 3622396 w 6858000"/>
              <a:gd name="connsiteY3705" fmla="*/ 3732572 h 6858000"/>
              <a:gd name="connsiteX3706" fmla="*/ 3623248 w 6858000"/>
              <a:gd name="connsiteY3706" fmla="*/ 3732572 h 6858000"/>
              <a:gd name="connsiteX3707" fmla="*/ 3623248 w 6858000"/>
              <a:gd name="connsiteY3707" fmla="*/ 3731720 h 6858000"/>
              <a:gd name="connsiteX3708" fmla="*/ 3499117 w 6858000"/>
              <a:gd name="connsiteY3708" fmla="*/ 3731498 h 6858000"/>
              <a:gd name="connsiteX3709" fmla="*/ 3499117 w 6858000"/>
              <a:gd name="connsiteY3709" fmla="*/ 3732794 h 6858000"/>
              <a:gd name="connsiteX3710" fmla="*/ 3500413 w 6858000"/>
              <a:gd name="connsiteY3710" fmla="*/ 3732794 h 6858000"/>
              <a:gd name="connsiteX3711" fmla="*/ 3500413 w 6858000"/>
              <a:gd name="connsiteY3711" fmla="*/ 3731498 h 6858000"/>
              <a:gd name="connsiteX3712" fmla="*/ 3375837 w 6858000"/>
              <a:gd name="connsiteY3712" fmla="*/ 3731276 h 6858000"/>
              <a:gd name="connsiteX3713" fmla="*/ 3375837 w 6858000"/>
              <a:gd name="connsiteY3713" fmla="*/ 3733016 h 6858000"/>
              <a:gd name="connsiteX3714" fmla="*/ 3377577 w 6858000"/>
              <a:gd name="connsiteY3714" fmla="*/ 3733016 h 6858000"/>
              <a:gd name="connsiteX3715" fmla="*/ 3377577 w 6858000"/>
              <a:gd name="connsiteY3715" fmla="*/ 3731276 h 6858000"/>
              <a:gd name="connsiteX3716" fmla="*/ 3252558 w 6858000"/>
              <a:gd name="connsiteY3716" fmla="*/ 3731054 h 6858000"/>
              <a:gd name="connsiteX3717" fmla="*/ 3252558 w 6858000"/>
              <a:gd name="connsiteY3717" fmla="*/ 3733239 h 6858000"/>
              <a:gd name="connsiteX3718" fmla="*/ 3254743 w 6858000"/>
              <a:gd name="connsiteY3718" fmla="*/ 3733239 h 6858000"/>
              <a:gd name="connsiteX3719" fmla="*/ 3254743 w 6858000"/>
              <a:gd name="connsiteY3719" fmla="*/ 3731054 h 6858000"/>
              <a:gd name="connsiteX3720" fmla="*/ 3128834 w 6858000"/>
              <a:gd name="connsiteY3720" fmla="*/ 3730424 h 6858000"/>
              <a:gd name="connsiteX3721" fmla="*/ 3128834 w 6858000"/>
              <a:gd name="connsiteY3721" fmla="*/ 3733905 h 6858000"/>
              <a:gd name="connsiteX3722" fmla="*/ 3132315 w 6858000"/>
              <a:gd name="connsiteY3722" fmla="*/ 3733905 h 6858000"/>
              <a:gd name="connsiteX3723" fmla="*/ 3132315 w 6858000"/>
              <a:gd name="connsiteY3723" fmla="*/ 3730424 h 6858000"/>
              <a:gd name="connsiteX3724" fmla="*/ 3005332 w 6858000"/>
              <a:gd name="connsiteY3724" fmla="*/ 3729980 h 6858000"/>
              <a:gd name="connsiteX3725" fmla="*/ 3005332 w 6858000"/>
              <a:gd name="connsiteY3725" fmla="*/ 3734313 h 6858000"/>
              <a:gd name="connsiteX3726" fmla="*/ 3009665 w 6858000"/>
              <a:gd name="connsiteY3726" fmla="*/ 3734313 h 6858000"/>
              <a:gd name="connsiteX3727" fmla="*/ 3009665 w 6858000"/>
              <a:gd name="connsiteY3727" fmla="*/ 3729980 h 6858000"/>
              <a:gd name="connsiteX3728" fmla="*/ 2881645 w 6858000"/>
              <a:gd name="connsiteY3728" fmla="*/ 3729313 h 6858000"/>
              <a:gd name="connsiteX3729" fmla="*/ 2881645 w 6858000"/>
              <a:gd name="connsiteY3729" fmla="*/ 3734942 h 6858000"/>
              <a:gd name="connsiteX3730" fmla="*/ 2887274 w 6858000"/>
              <a:gd name="connsiteY3730" fmla="*/ 3734942 h 6858000"/>
              <a:gd name="connsiteX3731" fmla="*/ 2887274 w 6858000"/>
              <a:gd name="connsiteY3731" fmla="*/ 3729313 h 6858000"/>
              <a:gd name="connsiteX3732" fmla="*/ 2757699 w 6858000"/>
              <a:gd name="connsiteY3732" fmla="*/ 3728461 h 6858000"/>
              <a:gd name="connsiteX3733" fmla="*/ 2757699 w 6858000"/>
              <a:gd name="connsiteY3733" fmla="*/ 3735830 h 6858000"/>
              <a:gd name="connsiteX3734" fmla="*/ 2765068 w 6858000"/>
              <a:gd name="connsiteY3734" fmla="*/ 3735830 h 6858000"/>
              <a:gd name="connsiteX3735" fmla="*/ 2765068 w 6858000"/>
              <a:gd name="connsiteY3735" fmla="*/ 3728461 h 6858000"/>
              <a:gd name="connsiteX3736" fmla="*/ 2633790 w 6858000"/>
              <a:gd name="connsiteY3736" fmla="*/ 3727573 h 6858000"/>
              <a:gd name="connsiteX3737" fmla="*/ 2633790 w 6858000"/>
              <a:gd name="connsiteY3737" fmla="*/ 3736683 h 6858000"/>
              <a:gd name="connsiteX3738" fmla="*/ 2642900 w 6858000"/>
              <a:gd name="connsiteY3738" fmla="*/ 3736683 h 6858000"/>
              <a:gd name="connsiteX3739" fmla="*/ 2642900 w 6858000"/>
              <a:gd name="connsiteY3739" fmla="*/ 3727573 h 6858000"/>
              <a:gd name="connsiteX3740" fmla="*/ 2509844 w 6858000"/>
              <a:gd name="connsiteY3740" fmla="*/ 3726721 h 6858000"/>
              <a:gd name="connsiteX3741" fmla="*/ 2509844 w 6858000"/>
              <a:gd name="connsiteY3741" fmla="*/ 3737571 h 6858000"/>
              <a:gd name="connsiteX3742" fmla="*/ 2520694 w 6858000"/>
              <a:gd name="connsiteY3742" fmla="*/ 3737571 h 6858000"/>
              <a:gd name="connsiteX3743" fmla="*/ 2520694 w 6858000"/>
              <a:gd name="connsiteY3743" fmla="*/ 3726721 h 6858000"/>
              <a:gd name="connsiteX3744" fmla="*/ 2385713 w 6858000"/>
              <a:gd name="connsiteY3744" fmla="*/ 3725647 h 6858000"/>
              <a:gd name="connsiteX3745" fmla="*/ 2385713 w 6858000"/>
              <a:gd name="connsiteY3745" fmla="*/ 3738682 h 6858000"/>
              <a:gd name="connsiteX3746" fmla="*/ 2398748 w 6858000"/>
              <a:gd name="connsiteY3746" fmla="*/ 3738682 h 6858000"/>
              <a:gd name="connsiteX3747" fmla="*/ 2398748 w 6858000"/>
              <a:gd name="connsiteY3747" fmla="*/ 3725647 h 6858000"/>
              <a:gd name="connsiteX3748" fmla="*/ 2261137 w 6858000"/>
              <a:gd name="connsiteY3748" fmla="*/ 3724129 h 6858000"/>
              <a:gd name="connsiteX3749" fmla="*/ 2261137 w 6858000"/>
              <a:gd name="connsiteY3749" fmla="*/ 3740201 h 6858000"/>
              <a:gd name="connsiteX3750" fmla="*/ 2277209 w 6858000"/>
              <a:gd name="connsiteY3750" fmla="*/ 3740201 h 6858000"/>
              <a:gd name="connsiteX3751" fmla="*/ 2277209 w 6858000"/>
              <a:gd name="connsiteY3751" fmla="*/ 3724129 h 6858000"/>
              <a:gd name="connsiteX3752" fmla="*/ 2136747 w 6858000"/>
              <a:gd name="connsiteY3752" fmla="*/ 3722796 h 6858000"/>
              <a:gd name="connsiteX3753" fmla="*/ 2136747 w 6858000"/>
              <a:gd name="connsiteY3753" fmla="*/ 3741460 h 6858000"/>
              <a:gd name="connsiteX3754" fmla="*/ 2155411 w 6858000"/>
              <a:gd name="connsiteY3754" fmla="*/ 3741460 h 6858000"/>
              <a:gd name="connsiteX3755" fmla="*/ 2155411 w 6858000"/>
              <a:gd name="connsiteY3755" fmla="*/ 3722796 h 6858000"/>
              <a:gd name="connsiteX3756" fmla="*/ 2012171 w 6858000"/>
              <a:gd name="connsiteY3756" fmla="*/ 3721277 h 6858000"/>
              <a:gd name="connsiteX3757" fmla="*/ 2012171 w 6858000"/>
              <a:gd name="connsiteY3757" fmla="*/ 3742978 h 6858000"/>
              <a:gd name="connsiteX3758" fmla="*/ 2033872 w 6858000"/>
              <a:gd name="connsiteY3758" fmla="*/ 3742978 h 6858000"/>
              <a:gd name="connsiteX3759" fmla="*/ 2033872 w 6858000"/>
              <a:gd name="connsiteY3759" fmla="*/ 3721277 h 6858000"/>
              <a:gd name="connsiteX3760" fmla="*/ 1887595 w 6858000"/>
              <a:gd name="connsiteY3760" fmla="*/ 3719759 h 6858000"/>
              <a:gd name="connsiteX3761" fmla="*/ 1887595 w 6858000"/>
              <a:gd name="connsiteY3761" fmla="*/ 3744533 h 6858000"/>
              <a:gd name="connsiteX3762" fmla="*/ 1912369 w 6858000"/>
              <a:gd name="connsiteY3762" fmla="*/ 3744533 h 6858000"/>
              <a:gd name="connsiteX3763" fmla="*/ 1912369 w 6858000"/>
              <a:gd name="connsiteY3763" fmla="*/ 3719759 h 6858000"/>
              <a:gd name="connsiteX3764" fmla="*/ 1763020 w 6858000"/>
              <a:gd name="connsiteY3764" fmla="*/ 3718241 h 6858000"/>
              <a:gd name="connsiteX3765" fmla="*/ 1763020 w 6858000"/>
              <a:gd name="connsiteY3765" fmla="*/ 3746052 h 6858000"/>
              <a:gd name="connsiteX3766" fmla="*/ 1790831 w 6858000"/>
              <a:gd name="connsiteY3766" fmla="*/ 3746052 h 6858000"/>
              <a:gd name="connsiteX3767" fmla="*/ 1790831 w 6858000"/>
              <a:gd name="connsiteY3767" fmla="*/ 3718241 h 6858000"/>
              <a:gd name="connsiteX3768" fmla="*/ 1638444 w 6858000"/>
              <a:gd name="connsiteY3768" fmla="*/ 3716722 h 6858000"/>
              <a:gd name="connsiteX3769" fmla="*/ 1638444 w 6858000"/>
              <a:gd name="connsiteY3769" fmla="*/ 3747570 h 6858000"/>
              <a:gd name="connsiteX3770" fmla="*/ 1669292 w 6858000"/>
              <a:gd name="connsiteY3770" fmla="*/ 3747570 h 6858000"/>
              <a:gd name="connsiteX3771" fmla="*/ 1669292 w 6858000"/>
              <a:gd name="connsiteY3771" fmla="*/ 3716722 h 6858000"/>
              <a:gd name="connsiteX3772" fmla="*/ 1513646 w 6858000"/>
              <a:gd name="connsiteY3772" fmla="*/ 3714982 h 6858000"/>
              <a:gd name="connsiteX3773" fmla="*/ 1513646 w 6858000"/>
              <a:gd name="connsiteY3773" fmla="*/ 3749311 h 6858000"/>
              <a:gd name="connsiteX3774" fmla="*/ 1547975 w 6858000"/>
              <a:gd name="connsiteY3774" fmla="*/ 3749311 h 6858000"/>
              <a:gd name="connsiteX3775" fmla="*/ 1547975 w 6858000"/>
              <a:gd name="connsiteY3775" fmla="*/ 3714982 h 6858000"/>
              <a:gd name="connsiteX3776" fmla="*/ 1389071 w 6858000"/>
              <a:gd name="connsiteY3776" fmla="*/ 3713463 h 6858000"/>
              <a:gd name="connsiteX3777" fmla="*/ 1389071 w 6858000"/>
              <a:gd name="connsiteY3777" fmla="*/ 3750828 h 6858000"/>
              <a:gd name="connsiteX3778" fmla="*/ 1426436 w 6858000"/>
              <a:gd name="connsiteY3778" fmla="*/ 3750828 h 6858000"/>
              <a:gd name="connsiteX3779" fmla="*/ 1426436 w 6858000"/>
              <a:gd name="connsiteY3779" fmla="*/ 3713463 h 6858000"/>
              <a:gd name="connsiteX3780" fmla="*/ 1264273 w 6858000"/>
              <a:gd name="connsiteY3780" fmla="*/ 3711723 h 6858000"/>
              <a:gd name="connsiteX3781" fmla="*/ 1264273 w 6858000"/>
              <a:gd name="connsiteY3781" fmla="*/ 3752532 h 6858000"/>
              <a:gd name="connsiteX3782" fmla="*/ 1305082 w 6858000"/>
              <a:gd name="connsiteY3782" fmla="*/ 3752532 h 6858000"/>
              <a:gd name="connsiteX3783" fmla="*/ 1305082 w 6858000"/>
              <a:gd name="connsiteY3783" fmla="*/ 3711723 h 6858000"/>
              <a:gd name="connsiteX3784" fmla="*/ 1139882 w 6858000"/>
              <a:gd name="connsiteY3784" fmla="*/ 3710427 h 6858000"/>
              <a:gd name="connsiteX3785" fmla="*/ 1139882 w 6858000"/>
              <a:gd name="connsiteY3785" fmla="*/ 3753865 h 6858000"/>
              <a:gd name="connsiteX3786" fmla="*/ 1183321 w 6858000"/>
              <a:gd name="connsiteY3786" fmla="*/ 3753865 h 6858000"/>
              <a:gd name="connsiteX3787" fmla="*/ 1183321 w 6858000"/>
              <a:gd name="connsiteY3787" fmla="*/ 3710427 h 6858000"/>
              <a:gd name="connsiteX3788" fmla="*/ 1015307 w 6858000"/>
              <a:gd name="connsiteY3788" fmla="*/ 3708909 h 6858000"/>
              <a:gd name="connsiteX3789" fmla="*/ 1015307 w 6858000"/>
              <a:gd name="connsiteY3789" fmla="*/ 3755384 h 6858000"/>
              <a:gd name="connsiteX3790" fmla="*/ 1061782 w 6858000"/>
              <a:gd name="connsiteY3790" fmla="*/ 3755384 h 6858000"/>
              <a:gd name="connsiteX3791" fmla="*/ 1061782 w 6858000"/>
              <a:gd name="connsiteY3791" fmla="*/ 3708909 h 6858000"/>
              <a:gd name="connsiteX3792" fmla="*/ 890953 w 6858000"/>
              <a:gd name="connsiteY3792" fmla="*/ 3707612 h 6858000"/>
              <a:gd name="connsiteX3793" fmla="*/ 890953 w 6858000"/>
              <a:gd name="connsiteY3793" fmla="*/ 3756680 h 6858000"/>
              <a:gd name="connsiteX3794" fmla="*/ 940020 w 6858000"/>
              <a:gd name="connsiteY3794" fmla="*/ 3756680 h 6858000"/>
              <a:gd name="connsiteX3795" fmla="*/ 940020 w 6858000"/>
              <a:gd name="connsiteY3795" fmla="*/ 3707612 h 6858000"/>
              <a:gd name="connsiteX3796" fmla="*/ 766822 w 6858000"/>
              <a:gd name="connsiteY3796" fmla="*/ 3706501 h 6858000"/>
              <a:gd name="connsiteX3797" fmla="*/ 766822 w 6858000"/>
              <a:gd name="connsiteY3797" fmla="*/ 3757753 h 6858000"/>
              <a:gd name="connsiteX3798" fmla="*/ 818074 w 6858000"/>
              <a:gd name="connsiteY3798" fmla="*/ 3757753 h 6858000"/>
              <a:gd name="connsiteX3799" fmla="*/ 818074 w 6858000"/>
              <a:gd name="connsiteY3799" fmla="*/ 3706501 h 6858000"/>
              <a:gd name="connsiteX3800" fmla="*/ 642876 w 6858000"/>
              <a:gd name="connsiteY3800" fmla="*/ 3705650 h 6858000"/>
              <a:gd name="connsiteX3801" fmla="*/ 642876 w 6858000"/>
              <a:gd name="connsiteY3801" fmla="*/ 3758643 h 6858000"/>
              <a:gd name="connsiteX3802" fmla="*/ 695869 w 6858000"/>
              <a:gd name="connsiteY3802" fmla="*/ 3758643 h 6858000"/>
              <a:gd name="connsiteX3803" fmla="*/ 695869 w 6858000"/>
              <a:gd name="connsiteY3803" fmla="*/ 3705650 h 6858000"/>
              <a:gd name="connsiteX3804" fmla="*/ 518967 w 6858000"/>
              <a:gd name="connsiteY3804" fmla="*/ 3704798 h 6858000"/>
              <a:gd name="connsiteX3805" fmla="*/ 518967 w 6858000"/>
              <a:gd name="connsiteY3805" fmla="*/ 3759531 h 6858000"/>
              <a:gd name="connsiteX3806" fmla="*/ 573700 w 6858000"/>
              <a:gd name="connsiteY3806" fmla="*/ 3759531 h 6858000"/>
              <a:gd name="connsiteX3807" fmla="*/ 573700 w 6858000"/>
              <a:gd name="connsiteY3807" fmla="*/ 3704798 h 6858000"/>
              <a:gd name="connsiteX3808" fmla="*/ 395243 w 6858000"/>
              <a:gd name="connsiteY3808" fmla="*/ 3704131 h 6858000"/>
              <a:gd name="connsiteX3809" fmla="*/ 395243 w 6858000"/>
              <a:gd name="connsiteY3809" fmla="*/ 3760161 h 6858000"/>
              <a:gd name="connsiteX3810" fmla="*/ 451272 w 6858000"/>
              <a:gd name="connsiteY3810" fmla="*/ 3760161 h 6858000"/>
              <a:gd name="connsiteX3811" fmla="*/ 451272 w 6858000"/>
              <a:gd name="connsiteY3811" fmla="*/ 3704131 h 6858000"/>
              <a:gd name="connsiteX3812" fmla="*/ 25627 w 6858000"/>
              <a:gd name="connsiteY3812" fmla="*/ 3703687 h 6858000"/>
              <a:gd name="connsiteX3813" fmla="*/ 25627 w 6858000"/>
              <a:gd name="connsiteY3813" fmla="*/ 3760568 h 6858000"/>
              <a:gd name="connsiteX3814" fmla="*/ 82508 w 6858000"/>
              <a:gd name="connsiteY3814" fmla="*/ 3760568 h 6858000"/>
              <a:gd name="connsiteX3815" fmla="*/ 82508 w 6858000"/>
              <a:gd name="connsiteY3815" fmla="*/ 3703687 h 6858000"/>
              <a:gd name="connsiteX3816" fmla="*/ 271519 w 6858000"/>
              <a:gd name="connsiteY3816" fmla="*/ 3703465 h 6858000"/>
              <a:gd name="connsiteX3817" fmla="*/ 271519 w 6858000"/>
              <a:gd name="connsiteY3817" fmla="*/ 3760790 h 6858000"/>
              <a:gd name="connsiteX3818" fmla="*/ 328845 w 6858000"/>
              <a:gd name="connsiteY3818" fmla="*/ 3760790 h 6858000"/>
              <a:gd name="connsiteX3819" fmla="*/ 328845 w 6858000"/>
              <a:gd name="connsiteY3819" fmla="*/ 3703465 h 6858000"/>
              <a:gd name="connsiteX3820" fmla="*/ 148017 w 6858000"/>
              <a:gd name="connsiteY3820" fmla="*/ 3703057 h 6858000"/>
              <a:gd name="connsiteX3821" fmla="*/ 148017 w 6858000"/>
              <a:gd name="connsiteY3821" fmla="*/ 3761271 h 6858000"/>
              <a:gd name="connsiteX3822" fmla="*/ 206231 w 6858000"/>
              <a:gd name="connsiteY3822" fmla="*/ 3761271 h 6858000"/>
              <a:gd name="connsiteX3823" fmla="*/ 206231 w 6858000"/>
              <a:gd name="connsiteY3823" fmla="*/ 3703057 h 6858000"/>
              <a:gd name="connsiteX3824" fmla="*/ 4484020 w 6858000"/>
              <a:gd name="connsiteY3824" fmla="*/ 3608885 h 6858000"/>
              <a:gd name="connsiteX3825" fmla="*/ 4484020 w 6858000"/>
              <a:gd name="connsiteY3825" fmla="*/ 3609329 h 6858000"/>
              <a:gd name="connsiteX3826" fmla="*/ 4484464 w 6858000"/>
              <a:gd name="connsiteY3826" fmla="*/ 3609329 h 6858000"/>
              <a:gd name="connsiteX3827" fmla="*/ 4484464 w 6858000"/>
              <a:gd name="connsiteY3827" fmla="*/ 3608885 h 6858000"/>
              <a:gd name="connsiteX3828" fmla="*/ 4360962 w 6858000"/>
              <a:gd name="connsiteY3828" fmla="*/ 3608885 h 6858000"/>
              <a:gd name="connsiteX3829" fmla="*/ 4360962 w 6858000"/>
              <a:gd name="connsiteY3829" fmla="*/ 3609329 h 6858000"/>
              <a:gd name="connsiteX3830" fmla="*/ 4361406 w 6858000"/>
              <a:gd name="connsiteY3830" fmla="*/ 3609329 h 6858000"/>
              <a:gd name="connsiteX3831" fmla="*/ 4361406 w 6858000"/>
              <a:gd name="connsiteY3831" fmla="*/ 3608885 h 6858000"/>
              <a:gd name="connsiteX3832" fmla="*/ 4237905 w 6858000"/>
              <a:gd name="connsiteY3832" fmla="*/ 3608885 h 6858000"/>
              <a:gd name="connsiteX3833" fmla="*/ 4237905 w 6858000"/>
              <a:gd name="connsiteY3833" fmla="*/ 3609329 h 6858000"/>
              <a:gd name="connsiteX3834" fmla="*/ 4238349 w 6858000"/>
              <a:gd name="connsiteY3834" fmla="*/ 3609329 h 6858000"/>
              <a:gd name="connsiteX3835" fmla="*/ 4238349 w 6858000"/>
              <a:gd name="connsiteY3835" fmla="*/ 3608885 h 6858000"/>
              <a:gd name="connsiteX3836" fmla="*/ 4114848 w 6858000"/>
              <a:gd name="connsiteY3836" fmla="*/ 3608885 h 6858000"/>
              <a:gd name="connsiteX3837" fmla="*/ 4114848 w 6858000"/>
              <a:gd name="connsiteY3837" fmla="*/ 3609329 h 6858000"/>
              <a:gd name="connsiteX3838" fmla="*/ 4115292 w 6858000"/>
              <a:gd name="connsiteY3838" fmla="*/ 3609329 h 6858000"/>
              <a:gd name="connsiteX3839" fmla="*/ 4115292 w 6858000"/>
              <a:gd name="connsiteY3839" fmla="*/ 3608885 h 6858000"/>
              <a:gd name="connsiteX3840" fmla="*/ 3991790 w 6858000"/>
              <a:gd name="connsiteY3840" fmla="*/ 3608885 h 6858000"/>
              <a:gd name="connsiteX3841" fmla="*/ 3991790 w 6858000"/>
              <a:gd name="connsiteY3841" fmla="*/ 3609329 h 6858000"/>
              <a:gd name="connsiteX3842" fmla="*/ 3992235 w 6858000"/>
              <a:gd name="connsiteY3842" fmla="*/ 3609329 h 6858000"/>
              <a:gd name="connsiteX3843" fmla="*/ 3992235 w 6858000"/>
              <a:gd name="connsiteY3843" fmla="*/ 3608885 h 6858000"/>
              <a:gd name="connsiteX3844" fmla="*/ 3868733 w 6858000"/>
              <a:gd name="connsiteY3844" fmla="*/ 3608885 h 6858000"/>
              <a:gd name="connsiteX3845" fmla="*/ 3868733 w 6858000"/>
              <a:gd name="connsiteY3845" fmla="*/ 3609329 h 6858000"/>
              <a:gd name="connsiteX3846" fmla="*/ 3869177 w 6858000"/>
              <a:gd name="connsiteY3846" fmla="*/ 3609329 h 6858000"/>
              <a:gd name="connsiteX3847" fmla="*/ 3869177 w 6858000"/>
              <a:gd name="connsiteY3847" fmla="*/ 3608885 h 6858000"/>
              <a:gd name="connsiteX3848" fmla="*/ 3745454 w 6858000"/>
              <a:gd name="connsiteY3848" fmla="*/ 3608663 h 6858000"/>
              <a:gd name="connsiteX3849" fmla="*/ 3745454 w 6858000"/>
              <a:gd name="connsiteY3849" fmla="*/ 3609515 h 6858000"/>
              <a:gd name="connsiteX3850" fmla="*/ 3746306 w 6858000"/>
              <a:gd name="connsiteY3850" fmla="*/ 3609515 h 6858000"/>
              <a:gd name="connsiteX3851" fmla="*/ 3746306 w 6858000"/>
              <a:gd name="connsiteY3851" fmla="*/ 3608663 h 6858000"/>
              <a:gd name="connsiteX3852" fmla="*/ 3622396 w 6858000"/>
              <a:gd name="connsiteY3852" fmla="*/ 3608663 h 6858000"/>
              <a:gd name="connsiteX3853" fmla="*/ 3622396 w 6858000"/>
              <a:gd name="connsiteY3853" fmla="*/ 3609515 h 6858000"/>
              <a:gd name="connsiteX3854" fmla="*/ 3623248 w 6858000"/>
              <a:gd name="connsiteY3854" fmla="*/ 3609515 h 6858000"/>
              <a:gd name="connsiteX3855" fmla="*/ 3623248 w 6858000"/>
              <a:gd name="connsiteY3855" fmla="*/ 3608663 h 6858000"/>
              <a:gd name="connsiteX3856" fmla="*/ 3499117 w 6858000"/>
              <a:gd name="connsiteY3856" fmla="*/ 3608441 h 6858000"/>
              <a:gd name="connsiteX3857" fmla="*/ 3499117 w 6858000"/>
              <a:gd name="connsiteY3857" fmla="*/ 3609737 h 6858000"/>
              <a:gd name="connsiteX3858" fmla="*/ 3500413 w 6858000"/>
              <a:gd name="connsiteY3858" fmla="*/ 3609737 h 6858000"/>
              <a:gd name="connsiteX3859" fmla="*/ 3500413 w 6858000"/>
              <a:gd name="connsiteY3859" fmla="*/ 3608441 h 6858000"/>
              <a:gd name="connsiteX3860" fmla="*/ 3375837 w 6858000"/>
              <a:gd name="connsiteY3860" fmla="*/ 3608219 h 6858000"/>
              <a:gd name="connsiteX3861" fmla="*/ 3375837 w 6858000"/>
              <a:gd name="connsiteY3861" fmla="*/ 3609959 h 6858000"/>
              <a:gd name="connsiteX3862" fmla="*/ 3377577 w 6858000"/>
              <a:gd name="connsiteY3862" fmla="*/ 3609959 h 6858000"/>
              <a:gd name="connsiteX3863" fmla="*/ 3377577 w 6858000"/>
              <a:gd name="connsiteY3863" fmla="*/ 3608219 h 6858000"/>
              <a:gd name="connsiteX3864" fmla="*/ 3252336 w 6858000"/>
              <a:gd name="connsiteY3864" fmla="*/ 3607774 h 6858000"/>
              <a:gd name="connsiteX3865" fmla="*/ 3252336 w 6858000"/>
              <a:gd name="connsiteY3865" fmla="*/ 3610366 h 6858000"/>
              <a:gd name="connsiteX3866" fmla="*/ 3254928 w 6858000"/>
              <a:gd name="connsiteY3866" fmla="*/ 3610366 h 6858000"/>
              <a:gd name="connsiteX3867" fmla="*/ 3254928 w 6858000"/>
              <a:gd name="connsiteY3867" fmla="*/ 3607774 h 6858000"/>
              <a:gd name="connsiteX3868" fmla="*/ 3128834 w 6858000"/>
              <a:gd name="connsiteY3868" fmla="*/ 3607330 h 6858000"/>
              <a:gd name="connsiteX3869" fmla="*/ 3128834 w 6858000"/>
              <a:gd name="connsiteY3869" fmla="*/ 3610811 h 6858000"/>
              <a:gd name="connsiteX3870" fmla="*/ 3132315 w 6858000"/>
              <a:gd name="connsiteY3870" fmla="*/ 3610811 h 6858000"/>
              <a:gd name="connsiteX3871" fmla="*/ 3132315 w 6858000"/>
              <a:gd name="connsiteY3871" fmla="*/ 3607330 h 6858000"/>
              <a:gd name="connsiteX3872" fmla="*/ 3005332 w 6858000"/>
              <a:gd name="connsiteY3872" fmla="*/ 3606922 h 6858000"/>
              <a:gd name="connsiteX3873" fmla="*/ 3005332 w 6858000"/>
              <a:gd name="connsiteY3873" fmla="*/ 3611255 h 6858000"/>
              <a:gd name="connsiteX3874" fmla="*/ 3009665 w 6858000"/>
              <a:gd name="connsiteY3874" fmla="*/ 3611255 h 6858000"/>
              <a:gd name="connsiteX3875" fmla="*/ 3009665 w 6858000"/>
              <a:gd name="connsiteY3875" fmla="*/ 3606922 h 6858000"/>
              <a:gd name="connsiteX3876" fmla="*/ 2881645 w 6858000"/>
              <a:gd name="connsiteY3876" fmla="*/ 3606256 h 6858000"/>
              <a:gd name="connsiteX3877" fmla="*/ 2881645 w 6858000"/>
              <a:gd name="connsiteY3877" fmla="*/ 3611885 h 6858000"/>
              <a:gd name="connsiteX3878" fmla="*/ 2887274 w 6858000"/>
              <a:gd name="connsiteY3878" fmla="*/ 3611885 h 6858000"/>
              <a:gd name="connsiteX3879" fmla="*/ 2887274 w 6858000"/>
              <a:gd name="connsiteY3879" fmla="*/ 3606256 h 6858000"/>
              <a:gd name="connsiteX3880" fmla="*/ 2757921 w 6858000"/>
              <a:gd name="connsiteY3880" fmla="*/ 3605626 h 6858000"/>
              <a:gd name="connsiteX3881" fmla="*/ 2757921 w 6858000"/>
              <a:gd name="connsiteY3881" fmla="*/ 3612588 h 6858000"/>
              <a:gd name="connsiteX3882" fmla="*/ 2764883 w 6858000"/>
              <a:gd name="connsiteY3882" fmla="*/ 3612588 h 6858000"/>
              <a:gd name="connsiteX3883" fmla="*/ 2764883 w 6858000"/>
              <a:gd name="connsiteY3883" fmla="*/ 3605626 h 6858000"/>
              <a:gd name="connsiteX3884" fmla="*/ 2634012 w 6858000"/>
              <a:gd name="connsiteY3884" fmla="*/ 3604738 h 6858000"/>
              <a:gd name="connsiteX3885" fmla="*/ 2634012 w 6858000"/>
              <a:gd name="connsiteY3885" fmla="*/ 3613440 h 6858000"/>
              <a:gd name="connsiteX3886" fmla="*/ 2642715 w 6858000"/>
              <a:gd name="connsiteY3886" fmla="*/ 3613440 h 6858000"/>
              <a:gd name="connsiteX3887" fmla="*/ 2642715 w 6858000"/>
              <a:gd name="connsiteY3887" fmla="*/ 3604738 h 6858000"/>
              <a:gd name="connsiteX3888" fmla="*/ 2510066 w 6858000"/>
              <a:gd name="connsiteY3888" fmla="*/ 3603886 h 6858000"/>
              <a:gd name="connsiteX3889" fmla="*/ 2510066 w 6858000"/>
              <a:gd name="connsiteY3889" fmla="*/ 3614292 h 6858000"/>
              <a:gd name="connsiteX3890" fmla="*/ 2520472 w 6858000"/>
              <a:gd name="connsiteY3890" fmla="*/ 3614292 h 6858000"/>
              <a:gd name="connsiteX3891" fmla="*/ 2520472 w 6858000"/>
              <a:gd name="connsiteY3891" fmla="*/ 3603886 h 6858000"/>
              <a:gd name="connsiteX3892" fmla="*/ 2385935 w 6858000"/>
              <a:gd name="connsiteY3892" fmla="*/ 3602775 h 6858000"/>
              <a:gd name="connsiteX3893" fmla="*/ 2385935 w 6858000"/>
              <a:gd name="connsiteY3893" fmla="*/ 3615366 h 6858000"/>
              <a:gd name="connsiteX3894" fmla="*/ 2398526 w 6858000"/>
              <a:gd name="connsiteY3894" fmla="*/ 3615366 h 6858000"/>
              <a:gd name="connsiteX3895" fmla="*/ 2398526 w 6858000"/>
              <a:gd name="connsiteY3895" fmla="*/ 3602775 h 6858000"/>
              <a:gd name="connsiteX3896" fmla="*/ 2261767 w 6858000"/>
              <a:gd name="connsiteY3896" fmla="*/ 3601701 h 6858000"/>
              <a:gd name="connsiteX3897" fmla="*/ 2261767 w 6858000"/>
              <a:gd name="connsiteY3897" fmla="*/ 3616477 h 6858000"/>
              <a:gd name="connsiteX3898" fmla="*/ 2276543 w 6858000"/>
              <a:gd name="connsiteY3898" fmla="*/ 3616477 h 6858000"/>
              <a:gd name="connsiteX3899" fmla="*/ 2276543 w 6858000"/>
              <a:gd name="connsiteY3899" fmla="*/ 3601701 h 6858000"/>
              <a:gd name="connsiteX3900" fmla="*/ 2137413 w 6858000"/>
              <a:gd name="connsiteY3900" fmla="*/ 3600405 h 6858000"/>
              <a:gd name="connsiteX3901" fmla="*/ 2137413 w 6858000"/>
              <a:gd name="connsiteY3901" fmla="*/ 3617773 h 6858000"/>
              <a:gd name="connsiteX3902" fmla="*/ 2154781 w 6858000"/>
              <a:gd name="connsiteY3902" fmla="*/ 3617773 h 6858000"/>
              <a:gd name="connsiteX3903" fmla="*/ 2154781 w 6858000"/>
              <a:gd name="connsiteY3903" fmla="*/ 3600405 h 6858000"/>
              <a:gd name="connsiteX3904" fmla="*/ 2013060 w 6858000"/>
              <a:gd name="connsiteY3904" fmla="*/ 3599109 h 6858000"/>
              <a:gd name="connsiteX3905" fmla="*/ 2013060 w 6858000"/>
              <a:gd name="connsiteY3905" fmla="*/ 3619106 h 6858000"/>
              <a:gd name="connsiteX3906" fmla="*/ 2033057 w 6858000"/>
              <a:gd name="connsiteY3906" fmla="*/ 3619106 h 6858000"/>
              <a:gd name="connsiteX3907" fmla="*/ 2033057 w 6858000"/>
              <a:gd name="connsiteY3907" fmla="*/ 3599109 h 6858000"/>
              <a:gd name="connsiteX3908" fmla="*/ 1888669 w 6858000"/>
              <a:gd name="connsiteY3908" fmla="*/ 3597776 h 6858000"/>
              <a:gd name="connsiteX3909" fmla="*/ 1888669 w 6858000"/>
              <a:gd name="connsiteY3909" fmla="*/ 3620365 h 6858000"/>
              <a:gd name="connsiteX3910" fmla="*/ 1911258 w 6858000"/>
              <a:gd name="connsiteY3910" fmla="*/ 3620365 h 6858000"/>
              <a:gd name="connsiteX3911" fmla="*/ 1911258 w 6858000"/>
              <a:gd name="connsiteY3911" fmla="*/ 3597776 h 6858000"/>
              <a:gd name="connsiteX3912" fmla="*/ 1764094 w 6858000"/>
              <a:gd name="connsiteY3912" fmla="*/ 3596257 h 6858000"/>
              <a:gd name="connsiteX3913" fmla="*/ 1764094 w 6858000"/>
              <a:gd name="connsiteY3913" fmla="*/ 3621883 h 6858000"/>
              <a:gd name="connsiteX3914" fmla="*/ 1789720 w 6858000"/>
              <a:gd name="connsiteY3914" fmla="*/ 3621883 h 6858000"/>
              <a:gd name="connsiteX3915" fmla="*/ 1789720 w 6858000"/>
              <a:gd name="connsiteY3915" fmla="*/ 3596257 h 6858000"/>
              <a:gd name="connsiteX3916" fmla="*/ 1639518 w 6858000"/>
              <a:gd name="connsiteY3916" fmla="*/ 3594739 h 6858000"/>
              <a:gd name="connsiteX3917" fmla="*/ 1639518 w 6858000"/>
              <a:gd name="connsiteY3917" fmla="*/ 3623402 h 6858000"/>
              <a:gd name="connsiteX3918" fmla="*/ 1668181 w 6858000"/>
              <a:gd name="connsiteY3918" fmla="*/ 3623402 h 6858000"/>
              <a:gd name="connsiteX3919" fmla="*/ 1668181 w 6858000"/>
              <a:gd name="connsiteY3919" fmla="*/ 3594739 h 6858000"/>
              <a:gd name="connsiteX3920" fmla="*/ 1514942 w 6858000"/>
              <a:gd name="connsiteY3920" fmla="*/ 3593221 h 6858000"/>
              <a:gd name="connsiteX3921" fmla="*/ 1514942 w 6858000"/>
              <a:gd name="connsiteY3921" fmla="*/ 3624920 h 6858000"/>
              <a:gd name="connsiteX3922" fmla="*/ 1546641 w 6858000"/>
              <a:gd name="connsiteY3922" fmla="*/ 3624920 h 6858000"/>
              <a:gd name="connsiteX3923" fmla="*/ 1546641 w 6858000"/>
              <a:gd name="connsiteY3923" fmla="*/ 3593221 h 6858000"/>
              <a:gd name="connsiteX3924" fmla="*/ 1390589 w 6858000"/>
              <a:gd name="connsiteY3924" fmla="*/ 3591924 h 6858000"/>
              <a:gd name="connsiteX3925" fmla="*/ 1390589 w 6858000"/>
              <a:gd name="connsiteY3925" fmla="*/ 3626253 h 6858000"/>
              <a:gd name="connsiteX3926" fmla="*/ 1424918 w 6858000"/>
              <a:gd name="connsiteY3926" fmla="*/ 3626253 h 6858000"/>
              <a:gd name="connsiteX3927" fmla="*/ 1424918 w 6858000"/>
              <a:gd name="connsiteY3927" fmla="*/ 3591924 h 6858000"/>
              <a:gd name="connsiteX3928" fmla="*/ 1266013 w 6858000"/>
              <a:gd name="connsiteY3928" fmla="*/ 3590406 h 6858000"/>
              <a:gd name="connsiteX3929" fmla="*/ 1266013 w 6858000"/>
              <a:gd name="connsiteY3929" fmla="*/ 3627771 h 6858000"/>
              <a:gd name="connsiteX3930" fmla="*/ 1303378 w 6858000"/>
              <a:gd name="connsiteY3930" fmla="*/ 3627771 h 6858000"/>
              <a:gd name="connsiteX3931" fmla="*/ 1303378 w 6858000"/>
              <a:gd name="connsiteY3931" fmla="*/ 3590406 h 6858000"/>
              <a:gd name="connsiteX3932" fmla="*/ 1141623 w 6858000"/>
              <a:gd name="connsiteY3932" fmla="*/ 3589110 h 6858000"/>
              <a:gd name="connsiteX3933" fmla="*/ 1141623 w 6858000"/>
              <a:gd name="connsiteY3933" fmla="*/ 3629068 h 6858000"/>
              <a:gd name="connsiteX3934" fmla="*/ 1181581 w 6858000"/>
              <a:gd name="connsiteY3934" fmla="*/ 3629068 h 6858000"/>
              <a:gd name="connsiteX3935" fmla="*/ 1181581 w 6858000"/>
              <a:gd name="connsiteY3935" fmla="*/ 3589110 h 6858000"/>
              <a:gd name="connsiteX3936" fmla="*/ 1017492 w 6858000"/>
              <a:gd name="connsiteY3936" fmla="*/ 3588036 h 6858000"/>
              <a:gd name="connsiteX3937" fmla="*/ 1017492 w 6858000"/>
              <a:gd name="connsiteY3937" fmla="*/ 3630178 h 6858000"/>
              <a:gd name="connsiteX3938" fmla="*/ 1059634 w 6858000"/>
              <a:gd name="connsiteY3938" fmla="*/ 3630178 h 6858000"/>
              <a:gd name="connsiteX3939" fmla="*/ 1059634 w 6858000"/>
              <a:gd name="connsiteY3939" fmla="*/ 3588036 h 6858000"/>
              <a:gd name="connsiteX3940" fmla="*/ 893360 w 6858000"/>
              <a:gd name="connsiteY3940" fmla="*/ 3586925 h 6858000"/>
              <a:gd name="connsiteX3941" fmla="*/ 893360 w 6858000"/>
              <a:gd name="connsiteY3941" fmla="*/ 3631215 h 6858000"/>
              <a:gd name="connsiteX3942" fmla="*/ 937650 w 6858000"/>
              <a:gd name="connsiteY3942" fmla="*/ 3631215 h 6858000"/>
              <a:gd name="connsiteX3943" fmla="*/ 937650 w 6858000"/>
              <a:gd name="connsiteY3943" fmla="*/ 3586925 h 6858000"/>
              <a:gd name="connsiteX3944" fmla="*/ 769192 w 6858000"/>
              <a:gd name="connsiteY3944" fmla="*/ 3585851 h 6858000"/>
              <a:gd name="connsiteX3945" fmla="*/ 769192 w 6858000"/>
              <a:gd name="connsiteY3945" fmla="*/ 3632326 h 6858000"/>
              <a:gd name="connsiteX3946" fmla="*/ 815667 w 6858000"/>
              <a:gd name="connsiteY3946" fmla="*/ 3632326 h 6858000"/>
              <a:gd name="connsiteX3947" fmla="*/ 815667 w 6858000"/>
              <a:gd name="connsiteY3947" fmla="*/ 3585851 h 6858000"/>
              <a:gd name="connsiteX3948" fmla="*/ 645283 w 6858000"/>
              <a:gd name="connsiteY3948" fmla="*/ 3584962 h 6858000"/>
              <a:gd name="connsiteX3949" fmla="*/ 645283 w 6858000"/>
              <a:gd name="connsiteY3949" fmla="*/ 3633178 h 6858000"/>
              <a:gd name="connsiteX3950" fmla="*/ 693499 w 6858000"/>
              <a:gd name="connsiteY3950" fmla="*/ 3633178 h 6858000"/>
              <a:gd name="connsiteX3951" fmla="*/ 693499 w 6858000"/>
              <a:gd name="connsiteY3951" fmla="*/ 3584962 h 6858000"/>
              <a:gd name="connsiteX3952" fmla="*/ 521337 w 6858000"/>
              <a:gd name="connsiteY3952" fmla="*/ 3584111 h 6858000"/>
              <a:gd name="connsiteX3953" fmla="*/ 521337 w 6858000"/>
              <a:gd name="connsiteY3953" fmla="*/ 3634067 h 6858000"/>
              <a:gd name="connsiteX3954" fmla="*/ 571293 w 6858000"/>
              <a:gd name="connsiteY3954" fmla="*/ 3634067 h 6858000"/>
              <a:gd name="connsiteX3955" fmla="*/ 571293 w 6858000"/>
              <a:gd name="connsiteY3955" fmla="*/ 3584111 h 6858000"/>
              <a:gd name="connsiteX3956" fmla="*/ 397613 w 6858000"/>
              <a:gd name="connsiteY3956" fmla="*/ 3583444 h 6858000"/>
              <a:gd name="connsiteX3957" fmla="*/ 397613 w 6858000"/>
              <a:gd name="connsiteY3957" fmla="*/ 3634696 h 6858000"/>
              <a:gd name="connsiteX3958" fmla="*/ 448865 w 6858000"/>
              <a:gd name="connsiteY3958" fmla="*/ 3634696 h 6858000"/>
              <a:gd name="connsiteX3959" fmla="*/ 448865 w 6858000"/>
              <a:gd name="connsiteY3959" fmla="*/ 3583444 h 6858000"/>
              <a:gd name="connsiteX3960" fmla="*/ 28219 w 6858000"/>
              <a:gd name="connsiteY3960" fmla="*/ 3583259 h 6858000"/>
              <a:gd name="connsiteX3961" fmla="*/ 28219 w 6858000"/>
              <a:gd name="connsiteY3961" fmla="*/ 3634956 h 6858000"/>
              <a:gd name="connsiteX3962" fmla="*/ 79916 w 6858000"/>
              <a:gd name="connsiteY3962" fmla="*/ 3634956 h 6858000"/>
              <a:gd name="connsiteX3963" fmla="*/ 79916 w 6858000"/>
              <a:gd name="connsiteY3963" fmla="*/ 3583259 h 6858000"/>
              <a:gd name="connsiteX3964" fmla="*/ 274148 w 6858000"/>
              <a:gd name="connsiteY3964" fmla="*/ 3583037 h 6858000"/>
              <a:gd name="connsiteX3965" fmla="*/ 274148 w 6858000"/>
              <a:gd name="connsiteY3965" fmla="*/ 3635141 h 6858000"/>
              <a:gd name="connsiteX3966" fmla="*/ 326252 w 6858000"/>
              <a:gd name="connsiteY3966" fmla="*/ 3635141 h 6858000"/>
              <a:gd name="connsiteX3967" fmla="*/ 326252 w 6858000"/>
              <a:gd name="connsiteY3967" fmla="*/ 3583037 h 6858000"/>
              <a:gd name="connsiteX3968" fmla="*/ 150647 w 6858000"/>
              <a:gd name="connsiteY3968" fmla="*/ 3582592 h 6858000"/>
              <a:gd name="connsiteX3969" fmla="*/ 150647 w 6858000"/>
              <a:gd name="connsiteY3969" fmla="*/ 3635585 h 6858000"/>
              <a:gd name="connsiteX3970" fmla="*/ 203640 w 6858000"/>
              <a:gd name="connsiteY3970" fmla="*/ 3635585 h 6858000"/>
              <a:gd name="connsiteX3971" fmla="*/ 203640 w 6858000"/>
              <a:gd name="connsiteY3971" fmla="*/ 3582592 h 6858000"/>
              <a:gd name="connsiteX3972" fmla="*/ 4484020 w 6858000"/>
              <a:gd name="connsiteY3972" fmla="*/ 3485791 h 6858000"/>
              <a:gd name="connsiteX3973" fmla="*/ 4484020 w 6858000"/>
              <a:gd name="connsiteY3973" fmla="*/ 3486235 h 6858000"/>
              <a:gd name="connsiteX3974" fmla="*/ 4484464 w 6858000"/>
              <a:gd name="connsiteY3974" fmla="*/ 3486235 h 6858000"/>
              <a:gd name="connsiteX3975" fmla="*/ 4484464 w 6858000"/>
              <a:gd name="connsiteY3975" fmla="*/ 3485791 h 6858000"/>
              <a:gd name="connsiteX3976" fmla="*/ 4360962 w 6858000"/>
              <a:gd name="connsiteY3976" fmla="*/ 3485791 h 6858000"/>
              <a:gd name="connsiteX3977" fmla="*/ 4360962 w 6858000"/>
              <a:gd name="connsiteY3977" fmla="*/ 3486235 h 6858000"/>
              <a:gd name="connsiteX3978" fmla="*/ 4361406 w 6858000"/>
              <a:gd name="connsiteY3978" fmla="*/ 3486235 h 6858000"/>
              <a:gd name="connsiteX3979" fmla="*/ 4361406 w 6858000"/>
              <a:gd name="connsiteY3979" fmla="*/ 3485791 h 6858000"/>
              <a:gd name="connsiteX3980" fmla="*/ 4237905 w 6858000"/>
              <a:gd name="connsiteY3980" fmla="*/ 3485791 h 6858000"/>
              <a:gd name="connsiteX3981" fmla="*/ 4237905 w 6858000"/>
              <a:gd name="connsiteY3981" fmla="*/ 3486235 h 6858000"/>
              <a:gd name="connsiteX3982" fmla="*/ 4238349 w 6858000"/>
              <a:gd name="connsiteY3982" fmla="*/ 3486235 h 6858000"/>
              <a:gd name="connsiteX3983" fmla="*/ 4238349 w 6858000"/>
              <a:gd name="connsiteY3983" fmla="*/ 3485791 h 6858000"/>
              <a:gd name="connsiteX3984" fmla="*/ 4114848 w 6858000"/>
              <a:gd name="connsiteY3984" fmla="*/ 3485791 h 6858000"/>
              <a:gd name="connsiteX3985" fmla="*/ 4114848 w 6858000"/>
              <a:gd name="connsiteY3985" fmla="*/ 3486235 h 6858000"/>
              <a:gd name="connsiteX3986" fmla="*/ 4115292 w 6858000"/>
              <a:gd name="connsiteY3986" fmla="*/ 3486235 h 6858000"/>
              <a:gd name="connsiteX3987" fmla="*/ 4115292 w 6858000"/>
              <a:gd name="connsiteY3987" fmla="*/ 3485791 h 6858000"/>
              <a:gd name="connsiteX3988" fmla="*/ 3991790 w 6858000"/>
              <a:gd name="connsiteY3988" fmla="*/ 3485791 h 6858000"/>
              <a:gd name="connsiteX3989" fmla="*/ 3991790 w 6858000"/>
              <a:gd name="connsiteY3989" fmla="*/ 3486235 h 6858000"/>
              <a:gd name="connsiteX3990" fmla="*/ 3992235 w 6858000"/>
              <a:gd name="connsiteY3990" fmla="*/ 3486235 h 6858000"/>
              <a:gd name="connsiteX3991" fmla="*/ 3992235 w 6858000"/>
              <a:gd name="connsiteY3991" fmla="*/ 3485791 h 6858000"/>
              <a:gd name="connsiteX3992" fmla="*/ 3868733 w 6858000"/>
              <a:gd name="connsiteY3992" fmla="*/ 3485791 h 6858000"/>
              <a:gd name="connsiteX3993" fmla="*/ 3868733 w 6858000"/>
              <a:gd name="connsiteY3993" fmla="*/ 3486235 h 6858000"/>
              <a:gd name="connsiteX3994" fmla="*/ 3869177 w 6858000"/>
              <a:gd name="connsiteY3994" fmla="*/ 3486235 h 6858000"/>
              <a:gd name="connsiteX3995" fmla="*/ 3869177 w 6858000"/>
              <a:gd name="connsiteY3995" fmla="*/ 3485791 h 6858000"/>
              <a:gd name="connsiteX3996" fmla="*/ 3745454 w 6858000"/>
              <a:gd name="connsiteY3996" fmla="*/ 3485606 h 6858000"/>
              <a:gd name="connsiteX3997" fmla="*/ 3745454 w 6858000"/>
              <a:gd name="connsiteY3997" fmla="*/ 3486458 h 6858000"/>
              <a:gd name="connsiteX3998" fmla="*/ 3746306 w 6858000"/>
              <a:gd name="connsiteY3998" fmla="*/ 3486458 h 6858000"/>
              <a:gd name="connsiteX3999" fmla="*/ 3746306 w 6858000"/>
              <a:gd name="connsiteY3999" fmla="*/ 3485606 h 6858000"/>
              <a:gd name="connsiteX4000" fmla="*/ 3622396 w 6858000"/>
              <a:gd name="connsiteY4000" fmla="*/ 3485606 h 6858000"/>
              <a:gd name="connsiteX4001" fmla="*/ 3622396 w 6858000"/>
              <a:gd name="connsiteY4001" fmla="*/ 3486458 h 6858000"/>
              <a:gd name="connsiteX4002" fmla="*/ 3623248 w 6858000"/>
              <a:gd name="connsiteY4002" fmla="*/ 3486458 h 6858000"/>
              <a:gd name="connsiteX4003" fmla="*/ 3623248 w 6858000"/>
              <a:gd name="connsiteY4003" fmla="*/ 3485606 h 6858000"/>
              <a:gd name="connsiteX4004" fmla="*/ 3499117 w 6858000"/>
              <a:gd name="connsiteY4004" fmla="*/ 3485383 h 6858000"/>
              <a:gd name="connsiteX4005" fmla="*/ 3499117 w 6858000"/>
              <a:gd name="connsiteY4005" fmla="*/ 3486679 h 6858000"/>
              <a:gd name="connsiteX4006" fmla="*/ 3500413 w 6858000"/>
              <a:gd name="connsiteY4006" fmla="*/ 3486679 h 6858000"/>
              <a:gd name="connsiteX4007" fmla="*/ 3500413 w 6858000"/>
              <a:gd name="connsiteY4007" fmla="*/ 3485383 h 6858000"/>
              <a:gd name="connsiteX4008" fmla="*/ 3375837 w 6858000"/>
              <a:gd name="connsiteY4008" fmla="*/ 3485161 h 6858000"/>
              <a:gd name="connsiteX4009" fmla="*/ 3375837 w 6858000"/>
              <a:gd name="connsiteY4009" fmla="*/ 3486901 h 6858000"/>
              <a:gd name="connsiteX4010" fmla="*/ 3377577 w 6858000"/>
              <a:gd name="connsiteY4010" fmla="*/ 3486901 h 6858000"/>
              <a:gd name="connsiteX4011" fmla="*/ 3377577 w 6858000"/>
              <a:gd name="connsiteY4011" fmla="*/ 3485161 h 6858000"/>
              <a:gd name="connsiteX4012" fmla="*/ 3252336 w 6858000"/>
              <a:gd name="connsiteY4012" fmla="*/ 3484717 h 6858000"/>
              <a:gd name="connsiteX4013" fmla="*/ 3252336 w 6858000"/>
              <a:gd name="connsiteY4013" fmla="*/ 3487309 h 6858000"/>
              <a:gd name="connsiteX4014" fmla="*/ 3254928 w 6858000"/>
              <a:gd name="connsiteY4014" fmla="*/ 3487309 h 6858000"/>
              <a:gd name="connsiteX4015" fmla="*/ 3254928 w 6858000"/>
              <a:gd name="connsiteY4015" fmla="*/ 3484717 h 6858000"/>
              <a:gd name="connsiteX4016" fmla="*/ 3129056 w 6858000"/>
              <a:gd name="connsiteY4016" fmla="*/ 3484495 h 6858000"/>
              <a:gd name="connsiteX4017" fmla="*/ 3129056 w 6858000"/>
              <a:gd name="connsiteY4017" fmla="*/ 3487532 h 6858000"/>
              <a:gd name="connsiteX4018" fmla="*/ 3132093 w 6858000"/>
              <a:gd name="connsiteY4018" fmla="*/ 3487532 h 6858000"/>
              <a:gd name="connsiteX4019" fmla="*/ 3132093 w 6858000"/>
              <a:gd name="connsiteY4019" fmla="*/ 3484495 h 6858000"/>
              <a:gd name="connsiteX4020" fmla="*/ 3005332 w 6858000"/>
              <a:gd name="connsiteY4020" fmla="*/ 3483865 h 6858000"/>
              <a:gd name="connsiteX4021" fmla="*/ 3005332 w 6858000"/>
              <a:gd name="connsiteY4021" fmla="*/ 3488198 h 6858000"/>
              <a:gd name="connsiteX4022" fmla="*/ 3009665 w 6858000"/>
              <a:gd name="connsiteY4022" fmla="*/ 3488198 h 6858000"/>
              <a:gd name="connsiteX4023" fmla="*/ 3009665 w 6858000"/>
              <a:gd name="connsiteY4023" fmla="*/ 3483865 h 6858000"/>
              <a:gd name="connsiteX4024" fmla="*/ 2881867 w 6858000"/>
              <a:gd name="connsiteY4024" fmla="*/ 3483421 h 6858000"/>
              <a:gd name="connsiteX4025" fmla="*/ 2881867 w 6858000"/>
              <a:gd name="connsiteY4025" fmla="*/ 3488642 h 6858000"/>
              <a:gd name="connsiteX4026" fmla="*/ 2887088 w 6858000"/>
              <a:gd name="connsiteY4026" fmla="*/ 3488642 h 6858000"/>
              <a:gd name="connsiteX4027" fmla="*/ 2887088 w 6858000"/>
              <a:gd name="connsiteY4027" fmla="*/ 3483421 h 6858000"/>
              <a:gd name="connsiteX4028" fmla="*/ 2758144 w 6858000"/>
              <a:gd name="connsiteY4028" fmla="*/ 3482754 h 6858000"/>
              <a:gd name="connsiteX4029" fmla="*/ 2758144 w 6858000"/>
              <a:gd name="connsiteY4029" fmla="*/ 3489272 h 6858000"/>
              <a:gd name="connsiteX4030" fmla="*/ 2764662 w 6858000"/>
              <a:gd name="connsiteY4030" fmla="*/ 3489272 h 6858000"/>
              <a:gd name="connsiteX4031" fmla="*/ 2764662 w 6858000"/>
              <a:gd name="connsiteY4031" fmla="*/ 3482754 h 6858000"/>
              <a:gd name="connsiteX4032" fmla="*/ 2634197 w 6858000"/>
              <a:gd name="connsiteY4032" fmla="*/ 3481902 h 6858000"/>
              <a:gd name="connsiteX4033" fmla="*/ 2634197 w 6858000"/>
              <a:gd name="connsiteY4033" fmla="*/ 3490160 h 6858000"/>
              <a:gd name="connsiteX4034" fmla="*/ 2642455 w 6858000"/>
              <a:gd name="connsiteY4034" fmla="*/ 3490160 h 6858000"/>
              <a:gd name="connsiteX4035" fmla="*/ 2642455 w 6858000"/>
              <a:gd name="connsiteY4035" fmla="*/ 3481902 h 6858000"/>
              <a:gd name="connsiteX4036" fmla="*/ 2510288 w 6858000"/>
              <a:gd name="connsiteY4036" fmla="*/ 3481014 h 6858000"/>
              <a:gd name="connsiteX4037" fmla="*/ 2510288 w 6858000"/>
              <a:gd name="connsiteY4037" fmla="*/ 3491013 h 6858000"/>
              <a:gd name="connsiteX4038" fmla="*/ 2520287 w 6858000"/>
              <a:gd name="connsiteY4038" fmla="*/ 3491013 h 6858000"/>
              <a:gd name="connsiteX4039" fmla="*/ 2520287 w 6858000"/>
              <a:gd name="connsiteY4039" fmla="*/ 3481014 h 6858000"/>
              <a:gd name="connsiteX4040" fmla="*/ 2386342 w 6858000"/>
              <a:gd name="connsiteY4040" fmla="*/ 3480162 h 6858000"/>
              <a:gd name="connsiteX4041" fmla="*/ 2386342 w 6858000"/>
              <a:gd name="connsiteY4041" fmla="*/ 3491901 h 6858000"/>
              <a:gd name="connsiteX4042" fmla="*/ 2398081 w 6858000"/>
              <a:gd name="connsiteY4042" fmla="*/ 3491901 h 6858000"/>
              <a:gd name="connsiteX4043" fmla="*/ 2398081 w 6858000"/>
              <a:gd name="connsiteY4043" fmla="*/ 3480162 h 6858000"/>
              <a:gd name="connsiteX4044" fmla="*/ 2262211 w 6858000"/>
              <a:gd name="connsiteY4044" fmla="*/ 3479088 h 6858000"/>
              <a:gd name="connsiteX4045" fmla="*/ 2262211 w 6858000"/>
              <a:gd name="connsiteY4045" fmla="*/ 3492975 h 6858000"/>
              <a:gd name="connsiteX4046" fmla="*/ 2276098 w 6858000"/>
              <a:gd name="connsiteY4046" fmla="*/ 3492975 h 6858000"/>
              <a:gd name="connsiteX4047" fmla="*/ 2276098 w 6858000"/>
              <a:gd name="connsiteY4047" fmla="*/ 3479088 h 6858000"/>
              <a:gd name="connsiteX4048" fmla="*/ 2138080 w 6858000"/>
              <a:gd name="connsiteY4048" fmla="*/ 3477977 h 6858000"/>
              <a:gd name="connsiteX4049" fmla="*/ 2138080 w 6858000"/>
              <a:gd name="connsiteY4049" fmla="*/ 3494049 h 6858000"/>
              <a:gd name="connsiteX4050" fmla="*/ 2154152 w 6858000"/>
              <a:gd name="connsiteY4050" fmla="*/ 3494049 h 6858000"/>
              <a:gd name="connsiteX4051" fmla="*/ 2154152 w 6858000"/>
              <a:gd name="connsiteY4051" fmla="*/ 3477977 h 6858000"/>
              <a:gd name="connsiteX4052" fmla="*/ 2013912 w 6858000"/>
              <a:gd name="connsiteY4052" fmla="*/ 3476903 h 6858000"/>
              <a:gd name="connsiteX4053" fmla="*/ 2013912 w 6858000"/>
              <a:gd name="connsiteY4053" fmla="*/ 3495160 h 6858000"/>
              <a:gd name="connsiteX4054" fmla="*/ 2032169 w 6858000"/>
              <a:gd name="connsiteY4054" fmla="*/ 3495160 h 6858000"/>
              <a:gd name="connsiteX4055" fmla="*/ 2032169 w 6858000"/>
              <a:gd name="connsiteY4055" fmla="*/ 3476903 h 6858000"/>
              <a:gd name="connsiteX4056" fmla="*/ 1889558 w 6858000"/>
              <a:gd name="connsiteY4056" fmla="*/ 3475607 h 6858000"/>
              <a:gd name="connsiteX4057" fmla="*/ 1889558 w 6858000"/>
              <a:gd name="connsiteY4057" fmla="*/ 3496456 h 6858000"/>
              <a:gd name="connsiteX4058" fmla="*/ 1910407 w 6858000"/>
              <a:gd name="connsiteY4058" fmla="*/ 3496456 h 6858000"/>
              <a:gd name="connsiteX4059" fmla="*/ 1910407 w 6858000"/>
              <a:gd name="connsiteY4059" fmla="*/ 3475607 h 6858000"/>
              <a:gd name="connsiteX4060" fmla="*/ 1764982 w 6858000"/>
              <a:gd name="connsiteY4060" fmla="*/ 3474089 h 6858000"/>
              <a:gd name="connsiteX4061" fmla="*/ 1764982 w 6858000"/>
              <a:gd name="connsiteY4061" fmla="*/ 3497975 h 6858000"/>
              <a:gd name="connsiteX4062" fmla="*/ 1788868 w 6858000"/>
              <a:gd name="connsiteY4062" fmla="*/ 3497975 h 6858000"/>
              <a:gd name="connsiteX4063" fmla="*/ 1788868 w 6858000"/>
              <a:gd name="connsiteY4063" fmla="*/ 3474089 h 6858000"/>
              <a:gd name="connsiteX4064" fmla="*/ 1640592 w 6858000"/>
              <a:gd name="connsiteY4064" fmla="*/ 3472793 h 6858000"/>
              <a:gd name="connsiteX4065" fmla="*/ 1640592 w 6858000"/>
              <a:gd name="connsiteY4065" fmla="*/ 3499271 h 6858000"/>
              <a:gd name="connsiteX4066" fmla="*/ 1667070 w 6858000"/>
              <a:gd name="connsiteY4066" fmla="*/ 3499271 h 6858000"/>
              <a:gd name="connsiteX4067" fmla="*/ 1667070 w 6858000"/>
              <a:gd name="connsiteY4067" fmla="*/ 3472793 h 6858000"/>
              <a:gd name="connsiteX4068" fmla="*/ 1516239 w 6858000"/>
              <a:gd name="connsiteY4068" fmla="*/ 3471459 h 6858000"/>
              <a:gd name="connsiteX4069" fmla="*/ 1516239 w 6858000"/>
              <a:gd name="connsiteY4069" fmla="*/ 3500566 h 6858000"/>
              <a:gd name="connsiteX4070" fmla="*/ 1545346 w 6858000"/>
              <a:gd name="connsiteY4070" fmla="*/ 3500566 h 6858000"/>
              <a:gd name="connsiteX4071" fmla="*/ 1545346 w 6858000"/>
              <a:gd name="connsiteY4071" fmla="*/ 3471459 h 6858000"/>
              <a:gd name="connsiteX4072" fmla="*/ 1392107 w 6858000"/>
              <a:gd name="connsiteY4072" fmla="*/ 3470385 h 6858000"/>
              <a:gd name="connsiteX4073" fmla="*/ 1392107 w 6858000"/>
              <a:gd name="connsiteY4073" fmla="*/ 3501640 h 6858000"/>
              <a:gd name="connsiteX4074" fmla="*/ 1423362 w 6858000"/>
              <a:gd name="connsiteY4074" fmla="*/ 3501640 h 6858000"/>
              <a:gd name="connsiteX4075" fmla="*/ 1423362 w 6858000"/>
              <a:gd name="connsiteY4075" fmla="*/ 3470385 h 6858000"/>
              <a:gd name="connsiteX4076" fmla="*/ 1267754 w 6858000"/>
              <a:gd name="connsiteY4076" fmla="*/ 3469089 h 6858000"/>
              <a:gd name="connsiteX4077" fmla="*/ 1267754 w 6858000"/>
              <a:gd name="connsiteY4077" fmla="*/ 3502973 h 6858000"/>
              <a:gd name="connsiteX4078" fmla="*/ 1301638 w 6858000"/>
              <a:gd name="connsiteY4078" fmla="*/ 3502973 h 6858000"/>
              <a:gd name="connsiteX4079" fmla="*/ 1301638 w 6858000"/>
              <a:gd name="connsiteY4079" fmla="*/ 3469089 h 6858000"/>
              <a:gd name="connsiteX4080" fmla="*/ 1143586 w 6858000"/>
              <a:gd name="connsiteY4080" fmla="*/ 3468015 h 6858000"/>
              <a:gd name="connsiteX4081" fmla="*/ 1143586 w 6858000"/>
              <a:gd name="connsiteY4081" fmla="*/ 3504047 h 6858000"/>
              <a:gd name="connsiteX4082" fmla="*/ 1179618 w 6858000"/>
              <a:gd name="connsiteY4082" fmla="*/ 3504047 h 6858000"/>
              <a:gd name="connsiteX4083" fmla="*/ 1179618 w 6858000"/>
              <a:gd name="connsiteY4083" fmla="*/ 3468015 h 6858000"/>
              <a:gd name="connsiteX4084" fmla="*/ 1019454 w 6858000"/>
              <a:gd name="connsiteY4084" fmla="*/ 3466904 h 6858000"/>
              <a:gd name="connsiteX4085" fmla="*/ 1019454 w 6858000"/>
              <a:gd name="connsiteY4085" fmla="*/ 3505121 h 6858000"/>
              <a:gd name="connsiteX4086" fmla="*/ 1057671 w 6858000"/>
              <a:gd name="connsiteY4086" fmla="*/ 3505121 h 6858000"/>
              <a:gd name="connsiteX4087" fmla="*/ 1057671 w 6858000"/>
              <a:gd name="connsiteY4087" fmla="*/ 3466904 h 6858000"/>
              <a:gd name="connsiteX4088" fmla="*/ 895286 w 6858000"/>
              <a:gd name="connsiteY4088" fmla="*/ 3465831 h 6858000"/>
              <a:gd name="connsiteX4089" fmla="*/ 895286 w 6858000"/>
              <a:gd name="connsiteY4089" fmla="*/ 3506233 h 6858000"/>
              <a:gd name="connsiteX4090" fmla="*/ 935688 w 6858000"/>
              <a:gd name="connsiteY4090" fmla="*/ 3506233 h 6858000"/>
              <a:gd name="connsiteX4091" fmla="*/ 935688 w 6858000"/>
              <a:gd name="connsiteY4091" fmla="*/ 3465831 h 6858000"/>
              <a:gd name="connsiteX4092" fmla="*/ 771377 w 6858000"/>
              <a:gd name="connsiteY4092" fmla="*/ 3464942 h 6858000"/>
              <a:gd name="connsiteX4093" fmla="*/ 771377 w 6858000"/>
              <a:gd name="connsiteY4093" fmla="*/ 3507084 h 6858000"/>
              <a:gd name="connsiteX4094" fmla="*/ 813519 w 6858000"/>
              <a:gd name="connsiteY4094" fmla="*/ 3507084 h 6858000"/>
              <a:gd name="connsiteX4095" fmla="*/ 813519 w 6858000"/>
              <a:gd name="connsiteY4095" fmla="*/ 3464942 h 6858000"/>
              <a:gd name="connsiteX4096" fmla="*/ 647431 w 6858000"/>
              <a:gd name="connsiteY4096" fmla="*/ 3464090 h 6858000"/>
              <a:gd name="connsiteX4097" fmla="*/ 647431 w 6858000"/>
              <a:gd name="connsiteY4097" fmla="*/ 3507973 h 6858000"/>
              <a:gd name="connsiteX4098" fmla="*/ 691314 w 6858000"/>
              <a:gd name="connsiteY4098" fmla="*/ 3507973 h 6858000"/>
              <a:gd name="connsiteX4099" fmla="*/ 691314 w 6858000"/>
              <a:gd name="connsiteY4099" fmla="*/ 3464090 h 6858000"/>
              <a:gd name="connsiteX4100" fmla="*/ 523744 w 6858000"/>
              <a:gd name="connsiteY4100" fmla="*/ 3463423 h 6858000"/>
              <a:gd name="connsiteX4101" fmla="*/ 523744 w 6858000"/>
              <a:gd name="connsiteY4101" fmla="*/ 3508602 h 6858000"/>
              <a:gd name="connsiteX4102" fmla="*/ 568923 w 6858000"/>
              <a:gd name="connsiteY4102" fmla="*/ 3508602 h 6858000"/>
              <a:gd name="connsiteX4103" fmla="*/ 568923 w 6858000"/>
              <a:gd name="connsiteY4103" fmla="*/ 3463423 h 6858000"/>
              <a:gd name="connsiteX4104" fmla="*/ 400020 w 6858000"/>
              <a:gd name="connsiteY4104" fmla="*/ 3462794 h 6858000"/>
              <a:gd name="connsiteX4105" fmla="*/ 400020 w 6858000"/>
              <a:gd name="connsiteY4105" fmla="*/ 3509269 h 6858000"/>
              <a:gd name="connsiteX4106" fmla="*/ 446495 w 6858000"/>
              <a:gd name="connsiteY4106" fmla="*/ 3509269 h 6858000"/>
              <a:gd name="connsiteX4107" fmla="*/ 446495 w 6858000"/>
              <a:gd name="connsiteY4107" fmla="*/ 3462794 h 6858000"/>
              <a:gd name="connsiteX4108" fmla="*/ 30626 w 6858000"/>
              <a:gd name="connsiteY4108" fmla="*/ 3462572 h 6858000"/>
              <a:gd name="connsiteX4109" fmla="*/ 30626 w 6858000"/>
              <a:gd name="connsiteY4109" fmla="*/ 3509491 h 6858000"/>
              <a:gd name="connsiteX4110" fmla="*/ 77546 w 6858000"/>
              <a:gd name="connsiteY4110" fmla="*/ 3509491 h 6858000"/>
              <a:gd name="connsiteX4111" fmla="*/ 77546 w 6858000"/>
              <a:gd name="connsiteY4111" fmla="*/ 3462572 h 6858000"/>
              <a:gd name="connsiteX4112" fmla="*/ 276518 w 6858000"/>
              <a:gd name="connsiteY4112" fmla="*/ 3462349 h 6858000"/>
              <a:gd name="connsiteX4113" fmla="*/ 276518 w 6858000"/>
              <a:gd name="connsiteY4113" fmla="*/ 3509676 h 6858000"/>
              <a:gd name="connsiteX4114" fmla="*/ 323845 w 6858000"/>
              <a:gd name="connsiteY4114" fmla="*/ 3509676 h 6858000"/>
              <a:gd name="connsiteX4115" fmla="*/ 323845 w 6858000"/>
              <a:gd name="connsiteY4115" fmla="*/ 3462349 h 6858000"/>
              <a:gd name="connsiteX4116" fmla="*/ 153239 w 6858000"/>
              <a:gd name="connsiteY4116" fmla="*/ 3462127 h 6858000"/>
              <a:gd name="connsiteX4117" fmla="*/ 153239 w 6858000"/>
              <a:gd name="connsiteY4117" fmla="*/ 3509898 h 6858000"/>
              <a:gd name="connsiteX4118" fmla="*/ 201010 w 6858000"/>
              <a:gd name="connsiteY4118" fmla="*/ 3509898 h 6858000"/>
              <a:gd name="connsiteX4119" fmla="*/ 201010 w 6858000"/>
              <a:gd name="connsiteY4119" fmla="*/ 3462127 h 6858000"/>
              <a:gd name="connsiteX4120" fmla="*/ 4484020 w 6858000"/>
              <a:gd name="connsiteY4120" fmla="*/ 3362733 h 6858000"/>
              <a:gd name="connsiteX4121" fmla="*/ 4484020 w 6858000"/>
              <a:gd name="connsiteY4121" fmla="*/ 3363177 h 6858000"/>
              <a:gd name="connsiteX4122" fmla="*/ 4484464 w 6858000"/>
              <a:gd name="connsiteY4122" fmla="*/ 3363177 h 6858000"/>
              <a:gd name="connsiteX4123" fmla="*/ 4484464 w 6858000"/>
              <a:gd name="connsiteY4123" fmla="*/ 3362733 h 6858000"/>
              <a:gd name="connsiteX4124" fmla="*/ 4360962 w 6858000"/>
              <a:gd name="connsiteY4124" fmla="*/ 3362733 h 6858000"/>
              <a:gd name="connsiteX4125" fmla="*/ 4360962 w 6858000"/>
              <a:gd name="connsiteY4125" fmla="*/ 3363177 h 6858000"/>
              <a:gd name="connsiteX4126" fmla="*/ 4361406 w 6858000"/>
              <a:gd name="connsiteY4126" fmla="*/ 3363177 h 6858000"/>
              <a:gd name="connsiteX4127" fmla="*/ 4361406 w 6858000"/>
              <a:gd name="connsiteY4127" fmla="*/ 3362733 h 6858000"/>
              <a:gd name="connsiteX4128" fmla="*/ 4237905 w 6858000"/>
              <a:gd name="connsiteY4128" fmla="*/ 3362733 h 6858000"/>
              <a:gd name="connsiteX4129" fmla="*/ 4237905 w 6858000"/>
              <a:gd name="connsiteY4129" fmla="*/ 3363177 h 6858000"/>
              <a:gd name="connsiteX4130" fmla="*/ 4238349 w 6858000"/>
              <a:gd name="connsiteY4130" fmla="*/ 3363177 h 6858000"/>
              <a:gd name="connsiteX4131" fmla="*/ 4238349 w 6858000"/>
              <a:gd name="connsiteY4131" fmla="*/ 3362733 h 6858000"/>
              <a:gd name="connsiteX4132" fmla="*/ 4114848 w 6858000"/>
              <a:gd name="connsiteY4132" fmla="*/ 3362733 h 6858000"/>
              <a:gd name="connsiteX4133" fmla="*/ 4114848 w 6858000"/>
              <a:gd name="connsiteY4133" fmla="*/ 3363177 h 6858000"/>
              <a:gd name="connsiteX4134" fmla="*/ 4115292 w 6858000"/>
              <a:gd name="connsiteY4134" fmla="*/ 3363177 h 6858000"/>
              <a:gd name="connsiteX4135" fmla="*/ 4115292 w 6858000"/>
              <a:gd name="connsiteY4135" fmla="*/ 3362733 h 6858000"/>
              <a:gd name="connsiteX4136" fmla="*/ 3991790 w 6858000"/>
              <a:gd name="connsiteY4136" fmla="*/ 3362733 h 6858000"/>
              <a:gd name="connsiteX4137" fmla="*/ 3991790 w 6858000"/>
              <a:gd name="connsiteY4137" fmla="*/ 3363177 h 6858000"/>
              <a:gd name="connsiteX4138" fmla="*/ 3992235 w 6858000"/>
              <a:gd name="connsiteY4138" fmla="*/ 3363177 h 6858000"/>
              <a:gd name="connsiteX4139" fmla="*/ 3992235 w 6858000"/>
              <a:gd name="connsiteY4139" fmla="*/ 3362733 h 6858000"/>
              <a:gd name="connsiteX4140" fmla="*/ 3868733 w 6858000"/>
              <a:gd name="connsiteY4140" fmla="*/ 3362733 h 6858000"/>
              <a:gd name="connsiteX4141" fmla="*/ 3868733 w 6858000"/>
              <a:gd name="connsiteY4141" fmla="*/ 3363177 h 6858000"/>
              <a:gd name="connsiteX4142" fmla="*/ 3869177 w 6858000"/>
              <a:gd name="connsiteY4142" fmla="*/ 3363177 h 6858000"/>
              <a:gd name="connsiteX4143" fmla="*/ 3869177 w 6858000"/>
              <a:gd name="connsiteY4143" fmla="*/ 3362733 h 6858000"/>
              <a:gd name="connsiteX4144" fmla="*/ 3745454 w 6858000"/>
              <a:gd name="connsiteY4144" fmla="*/ 3362548 h 6858000"/>
              <a:gd name="connsiteX4145" fmla="*/ 3745454 w 6858000"/>
              <a:gd name="connsiteY4145" fmla="*/ 3363400 h 6858000"/>
              <a:gd name="connsiteX4146" fmla="*/ 3746306 w 6858000"/>
              <a:gd name="connsiteY4146" fmla="*/ 3363400 h 6858000"/>
              <a:gd name="connsiteX4147" fmla="*/ 3746306 w 6858000"/>
              <a:gd name="connsiteY4147" fmla="*/ 3362548 h 6858000"/>
              <a:gd name="connsiteX4148" fmla="*/ 3622396 w 6858000"/>
              <a:gd name="connsiteY4148" fmla="*/ 3362548 h 6858000"/>
              <a:gd name="connsiteX4149" fmla="*/ 3622396 w 6858000"/>
              <a:gd name="connsiteY4149" fmla="*/ 3363400 h 6858000"/>
              <a:gd name="connsiteX4150" fmla="*/ 3623248 w 6858000"/>
              <a:gd name="connsiteY4150" fmla="*/ 3363400 h 6858000"/>
              <a:gd name="connsiteX4151" fmla="*/ 3623248 w 6858000"/>
              <a:gd name="connsiteY4151" fmla="*/ 3362548 h 6858000"/>
              <a:gd name="connsiteX4152" fmla="*/ 3499117 w 6858000"/>
              <a:gd name="connsiteY4152" fmla="*/ 3362326 h 6858000"/>
              <a:gd name="connsiteX4153" fmla="*/ 3499117 w 6858000"/>
              <a:gd name="connsiteY4153" fmla="*/ 3363622 h 6858000"/>
              <a:gd name="connsiteX4154" fmla="*/ 3500413 w 6858000"/>
              <a:gd name="connsiteY4154" fmla="*/ 3363622 h 6858000"/>
              <a:gd name="connsiteX4155" fmla="*/ 3500413 w 6858000"/>
              <a:gd name="connsiteY4155" fmla="*/ 3362326 h 6858000"/>
              <a:gd name="connsiteX4156" fmla="*/ 3375837 w 6858000"/>
              <a:gd name="connsiteY4156" fmla="*/ 3362104 h 6858000"/>
              <a:gd name="connsiteX4157" fmla="*/ 3375837 w 6858000"/>
              <a:gd name="connsiteY4157" fmla="*/ 3363844 h 6858000"/>
              <a:gd name="connsiteX4158" fmla="*/ 3377577 w 6858000"/>
              <a:gd name="connsiteY4158" fmla="*/ 3363844 h 6858000"/>
              <a:gd name="connsiteX4159" fmla="*/ 3377577 w 6858000"/>
              <a:gd name="connsiteY4159" fmla="*/ 3362104 h 6858000"/>
              <a:gd name="connsiteX4160" fmla="*/ 3252336 w 6858000"/>
              <a:gd name="connsiteY4160" fmla="*/ 3361659 h 6858000"/>
              <a:gd name="connsiteX4161" fmla="*/ 3252336 w 6858000"/>
              <a:gd name="connsiteY4161" fmla="*/ 3364251 h 6858000"/>
              <a:gd name="connsiteX4162" fmla="*/ 3254928 w 6858000"/>
              <a:gd name="connsiteY4162" fmla="*/ 3364251 h 6858000"/>
              <a:gd name="connsiteX4163" fmla="*/ 3254928 w 6858000"/>
              <a:gd name="connsiteY4163" fmla="*/ 3361659 h 6858000"/>
              <a:gd name="connsiteX4164" fmla="*/ 3129056 w 6858000"/>
              <a:gd name="connsiteY4164" fmla="*/ 3361437 h 6858000"/>
              <a:gd name="connsiteX4165" fmla="*/ 3129056 w 6858000"/>
              <a:gd name="connsiteY4165" fmla="*/ 3364474 h 6858000"/>
              <a:gd name="connsiteX4166" fmla="*/ 3132093 w 6858000"/>
              <a:gd name="connsiteY4166" fmla="*/ 3364474 h 6858000"/>
              <a:gd name="connsiteX4167" fmla="*/ 3132093 w 6858000"/>
              <a:gd name="connsiteY4167" fmla="*/ 3361437 h 6858000"/>
              <a:gd name="connsiteX4168" fmla="*/ 3005554 w 6858000"/>
              <a:gd name="connsiteY4168" fmla="*/ 3360993 h 6858000"/>
              <a:gd name="connsiteX4169" fmla="*/ 3005554 w 6858000"/>
              <a:gd name="connsiteY4169" fmla="*/ 3364918 h 6858000"/>
              <a:gd name="connsiteX4170" fmla="*/ 3009479 w 6858000"/>
              <a:gd name="connsiteY4170" fmla="*/ 3364918 h 6858000"/>
              <a:gd name="connsiteX4171" fmla="*/ 3009479 w 6858000"/>
              <a:gd name="connsiteY4171" fmla="*/ 3360993 h 6858000"/>
              <a:gd name="connsiteX4172" fmla="*/ 2881867 w 6858000"/>
              <a:gd name="connsiteY4172" fmla="*/ 3360363 h 6858000"/>
              <a:gd name="connsiteX4173" fmla="*/ 2881867 w 6858000"/>
              <a:gd name="connsiteY4173" fmla="*/ 3365584 h 6858000"/>
              <a:gd name="connsiteX4174" fmla="*/ 2887088 w 6858000"/>
              <a:gd name="connsiteY4174" fmla="*/ 3365584 h 6858000"/>
              <a:gd name="connsiteX4175" fmla="*/ 2887088 w 6858000"/>
              <a:gd name="connsiteY4175" fmla="*/ 3360363 h 6858000"/>
              <a:gd name="connsiteX4176" fmla="*/ 2758366 w 6858000"/>
              <a:gd name="connsiteY4176" fmla="*/ 3359919 h 6858000"/>
              <a:gd name="connsiteX4177" fmla="*/ 2758366 w 6858000"/>
              <a:gd name="connsiteY4177" fmla="*/ 3365992 h 6858000"/>
              <a:gd name="connsiteX4178" fmla="*/ 2764439 w 6858000"/>
              <a:gd name="connsiteY4178" fmla="*/ 3365992 h 6858000"/>
              <a:gd name="connsiteX4179" fmla="*/ 2764439 w 6858000"/>
              <a:gd name="connsiteY4179" fmla="*/ 3359919 h 6858000"/>
              <a:gd name="connsiteX4180" fmla="*/ 2634420 w 6858000"/>
              <a:gd name="connsiteY4180" fmla="*/ 3359067 h 6858000"/>
              <a:gd name="connsiteX4181" fmla="*/ 2634420 w 6858000"/>
              <a:gd name="connsiteY4181" fmla="*/ 3366881 h 6858000"/>
              <a:gd name="connsiteX4182" fmla="*/ 2642234 w 6858000"/>
              <a:gd name="connsiteY4182" fmla="*/ 3366881 h 6858000"/>
              <a:gd name="connsiteX4183" fmla="*/ 2642234 w 6858000"/>
              <a:gd name="connsiteY4183" fmla="*/ 3359067 h 6858000"/>
              <a:gd name="connsiteX4184" fmla="*/ 2510733 w 6858000"/>
              <a:gd name="connsiteY4184" fmla="*/ 3358401 h 6858000"/>
              <a:gd name="connsiteX4185" fmla="*/ 2510733 w 6858000"/>
              <a:gd name="connsiteY4185" fmla="*/ 3367511 h 6858000"/>
              <a:gd name="connsiteX4186" fmla="*/ 2519843 w 6858000"/>
              <a:gd name="connsiteY4186" fmla="*/ 3367511 h 6858000"/>
              <a:gd name="connsiteX4187" fmla="*/ 2519843 w 6858000"/>
              <a:gd name="connsiteY4187" fmla="*/ 3358401 h 6858000"/>
              <a:gd name="connsiteX4188" fmla="*/ 2386787 w 6858000"/>
              <a:gd name="connsiteY4188" fmla="*/ 3357549 h 6858000"/>
              <a:gd name="connsiteX4189" fmla="*/ 2386787 w 6858000"/>
              <a:gd name="connsiteY4189" fmla="*/ 3368399 h 6858000"/>
              <a:gd name="connsiteX4190" fmla="*/ 2397637 w 6858000"/>
              <a:gd name="connsiteY4190" fmla="*/ 3368399 h 6858000"/>
              <a:gd name="connsiteX4191" fmla="*/ 2397637 w 6858000"/>
              <a:gd name="connsiteY4191" fmla="*/ 3357549 h 6858000"/>
              <a:gd name="connsiteX4192" fmla="*/ 2262655 w 6858000"/>
              <a:gd name="connsiteY4192" fmla="*/ 3356438 h 6858000"/>
              <a:gd name="connsiteX4193" fmla="*/ 2262655 w 6858000"/>
              <a:gd name="connsiteY4193" fmla="*/ 3369473 h 6858000"/>
              <a:gd name="connsiteX4194" fmla="*/ 2275690 w 6858000"/>
              <a:gd name="connsiteY4194" fmla="*/ 3369473 h 6858000"/>
              <a:gd name="connsiteX4195" fmla="*/ 2275690 w 6858000"/>
              <a:gd name="connsiteY4195" fmla="*/ 3356438 h 6858000"/>
              <a:gd name="connsiteX4196" fmla="*/ 2138709 w 6858000"/>
              <a:gd name="connsiteY4196" fmla="*/ 3355586 h 6858000"/>
              <a:gd name="connsiteX4197" fmla="*/ 2138709 w 6858000"/>
              <a:gd name="connsiteY4197" fmla="*/ 3370362 h 6858000"/>
              <a:gd name="connsiteX4198" fmla="*/ 2153485 w 6858000"/>
              <a:gd name="connsiteY4198" fmla="*/ 3370362 h 6858000"/>
              <a:gd name="connsiteX4199" fmla="*/ 2153485 w 6858000"/>
              <a:gd name="connsiteY4199" fmla="*/ 3355586 h 6858000"/>
              <a:gd name="connsiteX4200" fmla="*/ 2014578 w 6858000"/>
              <a:gd name="connsiteY4200" fmla="*/ 3354512 h 6858000"/>
              <a:gd name="connsiteX4201" fmla="*/ 2014578 w 6858000"/>
              <a:gd name="connsiteY4201" fmla="*/ 3371436 h 6858000"/>
              <a:gd name="connsiteX4202" fmla="*/ 2031502 w 6858000"/>
              <a:gd name="connsiteY4202" fmla="*/ 3371436 h 6858000"/>
              <a:gd name="connsiteX4203" fmla="*/ 2031502 w 6858000"/>
              <a:gd name="connsiteY4203" fmla="*/ 3354512 h 6858000"/>
              <a:gd name="connsiteX4204" fmla="*/ 1890410 w 6858000"/>
              <a:gd name="connsiteY4204" fmla="*/ 3353401 h 6858000"/>
              <a:gd name="connsiteX4205" fmla="*/ 1890410 w 6858000"/>
              <a:gd name="connsiteY4205" fmla="*/ 3372509 h 6858000"/>
              <a:gd name="connsiteX4206" fmla="*/ 1909519 w 6858000"/>
              <a:gd name="connsiteY4206" fmla="*/ 3372509 h 6858000"/>
              <a:gd name="connsiteX4207" fmla="*/ 1909519 w 6858000"/>
              <a:gd name="connsiteY4207" fmla="*/ 3353401 h 6858000"/>
              <a:gd name="connsiteX4208" fmla="*/ 1766056 w 6858000"/>
              <a:gd name="connsiteY4208" fmla="*/ 3352105 h 6858000"/>
              <a:gd name="connsiteX4209" fmla="*/ 1766056 w 6858000"/>
              <a:gd name="connsiteY4209" fmla="*/ 3373806 h 6858000"/>
              <a:gd name="connsiteX4210" fmla="*/ 1787757 w 6858000"/>
              <a:gd name="connsiteY4210" fmla="*/ 3373806 h 6858000"/>
              <a:gd name="connsiteX4211" fmla="*/ 1787757 w 6858000"/>
              <a:gd name="connsiteY4211" fmla="*/ 3352105 h 6858000"/>
              <a:gd name="connsiteX4212" fmla="*/ 1641925 w 6858000"/>
              <a:gd name="connsiteY4212" fmla="*/ 3351031 h 6858000"/>
              <a:gd name="connsiteX4213" fmla="*/ 1641925 w 6858000"/>
              <a:gd name="connsiteY4213" fmla="*/ 3374917 h 6858000"/>
              <a:gd name="connsiteX4214" fmla="*/ 1665811 w 6858000"/>
              <a:gd name="connsiteY4214" fmla="*/ 3374917 h 6858000"/>
              <a:gd name="connsiteX4215" fmla="*/ 1665811 w 6858000"/>
              <a:gd name="connsiteY4215" fmla="*/ 3351031 h 6858000"/>
              <a:gd name="connsiteX4216" fmla="*/ 1517757 w 6858000"/>
              <a:gd name="connsiteY4216" fmla="*/ 3349920 h 6858000"/>
              <a:gd name="connsiteX4217" fmla="*/ 1517757 w 6858000"/>
              <a:gd name="connsiteY4217" fmla="*/ 3375990 h 6858000"/>
              <a:gd name="connsiteX4218" fmla="*/ 1543828 w 6858000"/>
              <a:gd name="connsiteY4218" fmla="*/ 3375990 h 6858000"/>
              <a:gd name="connsiteX4219" fmla="*/ 1543828 w 6858000"/>
              <a:gd name="connsiteY4219" fmla="*/ 3349920 h 6858000"/>
              <a:gd name="connsiteX4220" fmla="*/ 1393403 w 6858000"/>
              <a:gd name="connsiteY4220" fmla="*/ 3348624 h 6858000"/>
              <a:gd name="connsiteX4221" fmla="*/ 1393403 w 6858000"/>
              <a:gd name="connsiteY4221" fmla="*/ 3377287 h 6858000"/>
              <a:gd name="connsiteX4222" fmla="*/ 1422066 w 6858000"/>
              <a:gd name="connsiteY4222" fmla="*/ 3377287 h 6858000"/>
              <a:gd name="connsiteX4223" fmla="*/ 1422066 w 6858000"/>
              <a:gd name="connsiteY4223" fmla="*/ 3348624 h 6858000"/>
              <a:gd name="connsiteX4224" fmla="*/ 1269457 w 6858000"/>
              <a:gd name="connsiteY4224" fmla="*/ 3347772 h 6858000"/>
              <a:gd name="connsiteX4225" fmla="*/ 1269457 w 6858000"/>
              <a:gd name="connsiteY4225" fmla="*/ 3378175 h 6858000"/>
              <a:gd name="connsiteX4226" fmla="*/ 1299860 w 6858000"/>
              <a:gd name="connsiteY4226" fmla="*/ 3378175 h 6858000"/>
              <a:gd name="connsiteX4227" fmla="*/ 1299860 w 6858000"/>
              <a:gd name="connsiteY4227" fmla="*/ 3347772 h 6858000"/>
              <a:gd name="connsiteX4228" fmla="*/ 1145326 w 6858000"/>
              <a:gd name="connsiteY4228" fmla="*/ 3346662 h 6858000"/>
              <a:gd name="connsiteX4229" fmla="*/ 1145326 w 6858000"/>
              <a:gd name="connsiteY4229" fmla="*/ 3379250 h 6858000"/>
              <a:gd name="connsiteX4230" fmla="*/ 1177914 w 6858000"/>
              <a:gd name="connsiteY4230" fmla="*/ 3379250 h 6858000"/>
              <a:gd name="connsiteX4231" fmla="*/ 1177914 w 6858000"/>
              <a:gd name="connsiteY4231" fmla="*/ 3346662 h 6858000"/>
              <a:gd name="connsiteX4232" fmla="*/ 1021417 w 6858000"/>
              <a:gd name="connsiteY4232" fmla="*/ 3345810 h 6858000"/>
              <a:gd name="connsiteX4233" fmla="*/ 1021417 w 6858000"/>
              <a:gd name="connsiteY4233" fmla="*/ 3380139 h 6858000"/>
              <a:gd name="connsiteX4234" fmla="*/ 1055746 w 6858000"/>
              <a:gd name="connsiteY4234" fmla="*/ 3380139 h 6858000"/>
              <a:gd name="connsiteX4235" fmla="*/ 1055746 w 6858000"/>
              <a:gd name="connsiteY4235" fmla="*/ 3345810 h 6858000"/>
              <a:gd name="connsiteX4236" fmla="*/ 897249 w 6858000"/>
              <a:gd name="connsiteY4236" fmla="*/ 3344736 h 6858000"/>
              <a:gd name="connsiteX4237" fmla="*/ 897249 w 6858000"/>
              <a:gd name="connsiteY4237" fmla="*/ 3381212 h 6858000"/>
              <a:gd name="connsiteX4238" fmla="*/ 933726 w 6858000"/>
              <a:gd name="connsiteY4238" fmla="*/ 3381212 h 6858000"/>
              <a:gd name="connsiteX4239" fmla="*/ 933726 w 6858000"/>
              <a:gd name="connsiteY4239" fmla="*/ 3344736 h 6858000"/>
              <a:gd name="connsiteX4240" fmla="*/ 773340 w 6858000"/>
              <a:gd name="connsiteY4240" fmla="*/ 3343847 h 6858000"/>
              <a:gd name="connsiteX4241" fmla="*/ 773340 w 6858000"/>
              <a:gd name="connsiteY4241" fmla="*/ 3382064 h 6858000"/>
              <a:gd name="connsiteX4242" fmla="*/ 811557 w 6858000"/>
              <a:gd name="connsiteY4242" fmla="*/ 3382064 h 6858000"/>
              <a:gd name="connsiteX4243" fmla="*/ 811557 w 6858000"/>
              <a:gd name="connsiteY4243" fmla="*/ 3343847 h 6858000"/>
              <a:gd name="connsiteX4244" fmla="*/ 649616 w 6858000"/>
              <a:gd name="connsiteY4244" fmla="*/ 3343218 h 6858000"/>
              <a:gd name="connsiteX4245" fmla="*/ 649616 w 6858000"/>
              <a:gd name="connsiteY4245" fmla="*/ 3382731 h 6858000"/>
              <a:gd name="connsiteX4246" fmla="*/ 689129 w 6858000"/>
              <a:gd name="connsiteY4246" fmla="*/ 3382731 h 6858000"/>
              <a:gd name="connsiteX4247" fmla="*/ 689129 w 6858000"/>
              <a:gd name="connsiteY4247" fmla="*/ 3343218 h 6858000"/>
              <a:gd name="connsiteX4248" fmla="*/ 525892 w 6858000"/>
              <a:gd name="connsiteY4248" fmla="*/ 3342551 h 6858000"/>
              <a:gd name="connsiteX4249" fmla="*/ 525892 w 6858000"/>
              <a:gd name="connsiteY4249" fmla="*/ 3383360 h 6858000"/>
              <a:gd name="connsiteX4250" fmla="*/ 566701 w 6858000"/>
              <a:gd name="connsiteY4250" fmla="*/ 3383360 h 6858000"/>
              <a:gd name="connsiteX4251" fmla="*/ 566701 w 6858000"/>
              <a:gd name="connsiteY4251" fmla="*/ 3342551 h 6858000"/>
              <a:gd name="connsiteX4252" fmla="*/ 402390 w 6858000"/>
              <a:gd name="connsiteY4252" fmla="*/ 3342107 h 6858000"/>
              <a:gd name="connsiteX4253" fmla="*/ 402390 w 6858000"/>
              <a:gd name="connsiteY4253" fmla="*/ 3383805 h 6858000"/>
              <a:gd name="connsiteX4254" fmla="*/ 444088 w 6858000"/>
              <a:gd name="connsiteY4254" fmla="*/ 3383805 h 6858000"/>
              <a:gd name="connsiteX4255" fmla="*/ 444088 w 6858000"/>
              <a:gd name="connsiteY4255" fmla="*/ 3342107 h 6858000"/>
              <a:gd name="connsiteX4256" fmla="*/ 32996 w 6858000"/>
              <a:gd name="connsiteY4256" fmla="*/ 3341884 h 6858000"/>
              <a:gd name="connsiteX4257" fmla="*/ 32996 w 6858000"/>
              <a:gd name="connsiteY4257" fmla="*/ 3384027 h 6858000"/>
              <a:gd name="connsiteX4258" fmla="*/ 75138 w 6858000"/>
              <a:gd name="connsiteY4258" fmla="*/ 3384027 h 6858000"/>
              <a:gd name="connsiteX4259" fmla="*/ 75138 w 6858000"/>
              <a:gd name="connsiteY4259" fmla="*/ 3341884 h 6858000"/>
              <a:gd name="connsiteX4260" fmla="*/ 278925 w 6858000"/>
              <a:gd name="connsiteY4260" fmla="*/ 3341699 h 6858000"/>
              <a:gd name="connsiteX4261" fmla="*/ 278925 w 6858000"/>
              <a:gd name="connsiteY4261" fmla="*/ 3384249 h 6858000"/>
              <a:gd name="connsiteX4262" fmla="*/ 321475 w 6858000"/>
              <a:gd name="connsiteY4262" fmla="*/ 3384249 h 6858000"/>
              <a:gd name="connsiteX4263" fmla="*/ 321475 w 6858000"/>
              <a:gd name="connsiteY4263" fmla="*/ 3341699 h 6858000"/>
              <a:gd name="connsiteX4264" fmla="*/ 155646 w 6858000"/>
              <a:gd name="connsiteY4264" fmla="*/ 3341477 h 6858000"/>
              <a:gd name="connsiteX4265" fmla="*/ 155646 w 6858000"/>
              <a:gd name="connsiteY4265" fmla="*/ 3384471 h 6858000"/>
              <a:gd name="connsiteX4266" fmla="*/ 198640 w 6858000"/>
              <a:gd name="connsiteY4266" fmla="*/ 3384471 h 6858000"/>
              <a:gd name="connsiteX4267" fmla="*/ 198640 w 6858000"/>
              <a:gd name="connsiteY4267" fmla="*/ 3341477 h 6858000"/>
              <a:gd name="connsiteX4268" fmla="*/ 4484020 w 6858000"/>
              <a:gd name="connsiteY4268" fmla="*/ 3239676 h 6858000"/>
              <a:gd name="connsiteX4269" fmla="*/ 4484020 w 6858000"/>
              <a:gd name="connsiteY4269" fmla="*/ 3240120 h 6858000"/>
              <a:gd name="connsiteX4270" fmla="*/ 4484464 w 6858000"/>
              <a:gd name="connsiteY4270" fmla="*/ 3240120 h 6858000"/>
              <a:gd name="connsiteX4271" fmla="*/ 4484464 w 6858000"/>
              <a:gd name="connsiteY4271" fmla="*/ 3239676 h 6858000"/>
              <a:gd name="connsiteX4272" fmla="*/ 4360962 w 6858000"/>
              <a:gd name="connsiteY4272" fmla="*/ 3239676 h 6858000"/>
              <a:gd name="connsiteX4273" fmla="*/ 4360962 w 6858000"/>
              <a:gd name="connsiteY4273" fmla="*/ 3240120 h 6858000"/>
              <a:gd name="connsiteX4274" fmla="*/ 4361406 w 6858000"/>
              <a:gd name="connsiteY4274" fmla="*/ 3240120 h 6858000"/>
              <a:gd name="connsiteX4275" fmla="*/ 4361406 w 6858000"/>
              <a:gd name="connsiteY4275" fmla="*/ 3239676 h 6858000"/>
              <a:gd name="connsiteX4276" fmla="*/ 4237905 w 6858000"/>
              <a:gd name="connsiteY4276" fmla="*/ 3239676 h 6858000"/>
              <a:gd name="connsiteX4277" fmla="*/ 4237905 w 6858000"/>
              <a:gd name="connsiteY4277" fmla="*/ 3240120 h 6858000"/>
              <a:gd name="connsiteX4278" fmla="*/ 4238349 w 6858000"/>
              <a:gd name="connsiteY4278" fmla="*/ 3240120 h 6858000"/>
              <a:gd name="connsiteX4279" fmla="*/ 4238349 w 6858000"/>
              <a:gd name="connsiteY4279" fmla="*/ 3239676 h 6858000"/>
              <a:gd name="connsiteX4280" fmla="*/ 4114848 w 6858000"/>
              <a:gd name="connsiteY4280" fmla="*/ 3239676 h 6858000"/>
              <a:gd name="connsiteX4281" fmla="*/ 4114848 w 6858000"/>
              <a:gd name="connsiteY4281" fmla="*/ 3240120 h 6858000"/>
              <a:gd name="connsiteX4282" fmla="*/ 4115292 w 6858000"/>
              <a:gd name="connsiteY4282" fmla="*/ 3240120 h 6858000"/>
              <a:gd name="connsiteX4283" fmla="*/ 4115292 w 6858000"/>
              <a:gd name="connsiteY4283" fmla="*/ 3239676 h 6858000"/>
              <a:gd name="connsiteX4284" fmla="*/ 3991790 w 6858000"/>
              <a:gd name="connsiteY4284" fmla="*/ 3239676 h 6858000"/>
              <a:gd name="connsiteX4285" fmla="*/ 3991790 w 6858000"/>
              <a:gd name="connsiteY4285" fmla="*/ 3240120 h 6858000"/>
              <a:gd name="connsiteX4286" fmla="*/ 3992235 w 6858000"/>
              <a:gd name="connsiteY4286" fmla="*/ 3240120 h 6858000"/>
              <a:gd name="connsiteX4287" fmla="*/ 3992235 w 6858000"/>
              <a:gd name="connsiteY4287" fmla="*/ 3239676 h 6858000"/>
              <a:gd name="connsiteX4288" fmla="*/ 3868733 w 6858000"/>
              <a:gd name="connsiteY4288" fmla="*/ 3239676 h 6858000"/>
              <a:gd name="connsiteX4289" fmla="*/ 3868733 w 6858000"/>
              <a:gd name="connsiteY4289" fmla="*/ 3240120 h 6858000"/>
              <a:gd name="connsiteX4290" fmla="*/ 3869177 w 6858000"/>
              <a:gd name="connsiteY4290" fmla="*/ 3240120 h 6858000"/>
              <a:gd name="connsiteX4291" fmla="*/ 3869177 w 6858000"/>
              <a:gd name="connsiteY4291" fmla="*/ 3239676 h 6858000"/>
              <a:gd name="connsiteX4292" fmla="*/ 3745454 w 6858000"/>
              <a:gd name="connsiteY4292" fmla="*/ 3239454 h 6858000"/>
              <a:gd name="connsiteX4293" fmla="*/ 3745454 w 6858000"/>
              <a:gd name="connsiteY4293" fmla="*/ 3240306 h 6858000"/>
              <a:gd name="connsiteX4294" fmla="*/ 3746306 w 6858000"/>
              <a:gd name="connsiteY4294" fmla="*/ 3240306 h 6858000"/>
              <a:gd name="connsiteX4295" fmla="*/ 3746306 w 6858000"/>
              <a:gd name="connsiteY4295" fmla="*/ 3239454 h 6858000"/>
              <a:gd name="connsiteX4296" fmla="*/ 3622396 w 6858000"/>
              <a:gd name="connsiteY4296" fmla="*/ 3239454 h 6858000"/>
              <a:gd name="connsiteX4297" fmla="*/ 3622396 w 6858000"/>
              <a:gd name="connsiteY4297" fmla="*/ 3240306 h 6858000"/>
              <a:gd name="connsiteX4298" fmla="*/ 3623248 w 6858000"/>
              <a:gd name="connsiteY4298" fmla="*/ 3240306 h 6858000"/>
              <a:gd name="connsiteX4299" fmla="*/ 3623248 w 6858000"/>
              <a:gd name="connsiteY4299" fmla="*/ 3239454 h 6858000"/>
              <a:gd name="connsiteX4300" fmla="*/ 3499117 w 6858000"/>
              <a:gd name="connsiteY4300" fmla="*/ 3239269 h 6858000"/>
              <a:gd name="connsiteX4301" fmla="*/ 3499117 w 6858000"/>
              <a:gd name="connsiteY4301" fmla="*/ 3240565 h 6858000"/>
              <a:gd name="connsiteX4302" fmla="*/ 3500413 w 6858000"/>
              <a:gd name="connsiteY4302" fmla="*/ 3240565 h 6858000"/>
              <a:gd name="connsiteX4303" fmla="*/ 3500413 w 6858000"/>
              <a:gd name="connsiteY4303" fmla="*/ 3239269 h 6858000"/>
              <a:gd name="connsiteX4304" fmla="*/ 3375837 w 6858000"/>
              <a:gd name="connsiteY4304" fmla="*/ 3239047 h 6858000"/>
              <a:gd name="connsiteX4305" fmla="*/ 3375837 w 6858000"/>
              <a:gd name="connsiteY4305" fmla="*/ 3240787 h 6858000"/>
              <a:gd name="connsiteX4306" fmla="*/ 3377577 w 6858000"/>
              <a:gd name="connsiteY4306" fmla="*/ 3240787 h 6858000"/>
              <a:gd name="connsiteX4307" fmla="*/ 3377577 w 6858000"/>
              <a:gd name="connsiteY4307" fmla="*/ 3239047 h 6858000"/>
              <a:gd name="connsiteX4308" fmla="*/ 3252558 w 6858000"/>
              <a:gd name="connsiteY4308" fmla="*/ 3238824 h 6858000"/>
              <a:gd name="connsiteX4309" fmla="*/ 3252558 w 6858000"/>
              <a:gd name="connsiteY4309" fmla="*/ 3241009 h 6858000"/>
              <a:gd name="connsiteX4310" fmla="*/ 3254743 w 6858000"/>
              <a:gd name="connsiteY4310" fmla="*/ 3241009 h 6858000"/>
              <a:gd name="connsiteX4311" fmla="*/ 3254743 w 6858000"/>
              <a:gd name="connsiteY4311" fmla="*/ 3238824 h 6858000"/>
              <a:gd name="connsiteX4312" fmla="*/ 3129056 w 6858000"/>
              <a:gd name="connsiteY4312" fmla="*/ 3238380 h 6858000"/>
              <a:gd name="connsiteX4313" fmla="*/ 3129056 w 6858000"/>
              <a:gd name="connsiteY4313" fmla="*/ 3241417 h 6858000"/>
              <a:gd name="connsiteX4314" fmla="*/ 3132093 w 6858000"/>
              <a:gd name="connsiteY4314" fmla="*/ 3241417 h 6858000"/>
              <a:gd name="connsiteX4315" fmla="*/ 3132093 w 6858000"/>
              <a:gd name="connsiteY4315" fmla="*/ 3238380 h 6858000"/>
              <a:gd name="connsiteX4316" fmla="*/ 3005554 w 6858000"/>
              <a:gd name="connsiteY4316" fmla="*/ 3237936 h 6858000"/>
              <a:gd name="connsiteX4317" fmla="*/ 3005554 w 6858000"/>
              <a:gd name="connsiteY4317" fmla="*/ 3241861 h 6858000"/>
              <a:gd name="connsiteX4318" fmla="*/ 3009479 w 6858000"/>
              <a:gd name="connsiteY4318" fmla="*/ 3241861 h 6858000"/>
              <a:gd name="connsiteX4319" fmla="*/ 3009479 w 6858000"/>
              <a:gd name="connsiteY4319" fmla="*/ 3237936 h 6858000"/>
              <a:gd name="connsiteX4320" fmla="*/ 2882053 w 6858000"/>
              <a:gd name="connsiteY4320" fmla="*/ 3237528 h 6858000"/>
              <a:gd name="connsiteX4321" fmla="*/ 2882053 w 6858000"/>
              <a:gd name="connsiteY4321" fmla="*/ 3242305 h 6858000"/>
              <a:gd name="connsiteX4322" fmla="*/ 2886830 w 6858000"/>
              <a:gd name="connsiteY4322" fmla="*/ 3242305 h 6858000"/>
              <a:gd name="connsiteX4323" fmla="*/ 2886830 w 6858000"/>
              <a:gd name="connsiteY4323" fmla="*/ 3237528 h 6858000"/>
              <a:gd name="connsiteX4324" fmla="*/ 2758366 w 6858000"/>
              <a:gd name="connsiteY4324" fmla="*/ 3236862 h 6858000"/>
              <a:gd name="connsiteX4325" fmla="*/ 2758366 w 6858000"/>
              <a:gd name="connsiteY4325" fmla="*/ 3242935 h 6858000"/>
              <a:gd name="connsiteX4326" fmla="*/ 2764439 w 6858000"/>
              <a:gd name="connsiteY4326" fmla="*/ 3242935 h 6858000"/>
              <a:gd name="connsiteX4327" fmla="*/ 2764439 w 6858000"/>
              <a:gd name="connsiteY4327" fmla="*/ 3236862 h 6858000"/>
              <a:gd name="connsiteX4328" fmla="*/ 2634642 w 6858000"/>
              <a:gd name="connsiteY4328" fmla="*/ 3236195 h 6858000"/>
              <a:gd name="connsiteX4329" fmla="*/ 2634642 w 6858000"/>
              <a:gd name="connsiteY4329" fmla="*/ 3243564 h 6858000"/>
              <a:gd name="connsiteX4330" fmla="*/ 2642011 w 6858000"/>
              <a:gd name="connsiteY4330" fmla="*/ 3243564 h 6858000"/>
              <a:gd name="connsiteX4331" fmla="*/ 2642011 w 6858000"/>
              <a:gd name="connsiteY4331" fmla="*/ 3236195 h 6858000"/>
              <a:gd name="connsiteX4332" fmla="*/ 2510918 w 6858000"/>
              <a:gd name="connsiteY4332" fmla="*/ 3235566 h 6858000"/>
              <a:gd name="connsiteX4333" fmla="*/ 2510918 w 6858000"/>
              <a:gd name="connsiteY4333" fmla="*/ 3244268 h 6858000"/>
              <a:gd name="connsiteX4334" fmla="*/ 2519620 w 6858000"/>
              <a:gd name="connsiteY4334" fmla="*/ 3244268 h 6858000"/>
              <a:gd name="connsiteX4335" fmla="*/ 2519620 w 6858000"/>
              <a:gd name="connsiteY4335" fmla="*/ 3235566 h 6858000"/>
              <a:gd name="connsiteX4336" fmla="*/ 2387231 w 6858000"/>
              <a:gd name="connsiteY4336" fmla="*/ 3234899 h 6858000"/>
              <a:gd name="connsiteX4337" fmla="*/ 2387231 w 6858000"/>
              <a:gd name="connsiteY4337" fmla="*/ 3244898 h 6858000"/>
              <a:gd name="connsiteX4338" fmla="*/ 2397230 w 6858000"/>
              <a:gd name="connsiteY4338" fmla="*/ 3244898 h 6858000"/>
              <a:gd name="connsiteX4339" fmla="*/ 2397230 w 6858000"/>
              <a:gd name="connsiteY4339" fmla="*/ 3234899 h 6858000"/>
              <a:gd name="connsiteX4340" fmla="*/ 2263285 w 6858000"/>
              <a:gd name="connsiteY4340" fmla="*/ 3234047 h 6858000"/>
              <a:gd name="connsiteX4341" fmla="*/ 2263285 w 6858000"/>
              <a:gd name="connsiteY4341" fmla="*/ 3245786 h 6858000"/>
              <a:gd name="connsiteX4342" fmla="*/ 2275024 w 6858000"/>
              <a:gd name="connsiteY4342" fmla="*/ 3245786 h 6858000"/>
              <a:gd name="connsiteX4343" fmla="*/ 2275024 w 6858000"/>
              <a:gd name="connsiteY4343" fmla="*/ 3234047 h 6858000"/>
              <a:gd name="connsiteX4344" fmla="*/ 2139376 w 6858000"/>
              <a:gd name="connsiteY4344" fmla="*/ 3233158 h 6858000"/>
              <a:gd name="connsiteX4345" fmla="*/ 2139376 w 6858000"/>
              <a:gd name="connsiteY4345" fmla="*/ 3246638 h 6858000"/>
              <a:gd name="connsiteX4346" fmla="*/ 2152856 w 6858000"/>
              <a:gd name="connsiteY4346" fmla="*/ 3246638 h 6858000"/>
              <a:gd name="connsiteX4347" fmla="*/ 2152856 w 6858000"/>
              <a:gd name="connsiteY4347" fmla="*/ 3233158 h 6858000"/>
              <a:gd name="connsiteX4348" fmla="*/ 2015430 w 6858000"/>
              <a:gd name="connsiteY4348" fmla="*/ 3232307 h 6858000"/>
              <a:gd name="connsiteX4349" fmla="*/ 2015430 w 6858000"/>
              <a:gd name="connsiteY4349" fmla="*/ 3247490 h 6858000"/>
              <a:gd name="connsiteX4350" fmla="*/ 2030613 w 6858000"/>
              <a:gd name="connsiteY4350" fmla="*/ 3247490 h 6858000"/>
              <a:gd name="connsiteX4351" fmla="*/ 2030613 w 6858000"/>
              <a:gd name="connsiteY4351" fmla="*/ 3232307 h 6858000"/>
              <a:gd name="connsiteX4352" fmla="*/ 1891299 w 6858000"/>
              <a:gd name="connsiteY4352" fmla="*/ 3231233 h 6858000"/>
              <a:gd name="connsiteX4353" fmla="*/ 1891299 w 6858000"/>
              <a:gd name="connsiteY4353" fmla="*/ 3248601 h 6858000"/>
              <a:gd name="connsiteX4354" fmla="*/ 1908667 w 6858000"/>
              <a:gd name="connsiteY4354" fmla="*/ 3248601 h 6858000"/>
              <a:gd name="connsiteX4355" fmla="*/ 1908667 w 6858000"/>
              <a:gd name="connsiteY4355" fmla="*/ 3231233 h 6858000"/>
              <a:gd name="connsiteX4356" fmla="*/ 1767130 w 6858000"/>
              <a:gd name="connsiteY4356" fmla="*/ 3230122 h 6858000"/>
              <a:gd name="connsiteX4357" fmla="*/ 1767130 w 6858000"/>
              <a:gd name="connsiteY4357" fmla="*/ 3249675 h 6858000"/>
              <a:gd name="connsiteX4358" fmla="*/ 1786683 w 6858000"/>
              <a:gd name="connsiteY4358" fmla="*/ 3249675 h 6858000"/>
              <a:gd name="connsiteX4359" fmla="*/ 1786683 w 6858000"/>
              <a:gd name="connsiteY4359" fmla="*/ 3230122 h 6858000"/>
              <a:gd name="connsiteX4360" fmla="*/ 1643221 w 6858000"/>
              <a:gd name="connsiteY4360" fmla="*/ 3229270 h 6858000"/>
              <a:gd name="connsiteX4361" fmla="*/ 1643221 w 6858000"/>
              <a:gd name="connsiteY4361" fmla="*/ 3250563 h 6858000"/>
              <a:gd name="connsiteX4362" fmla="*/ 1664514 w 6858000"/>
              <a:gd name="connsiteY4362" fmla="*/ 3250563 h 6858000"/>
              <a:gd name="connsiteX4363" fmla="*/ 1664514 w 6858000"/>
              <a:gd name="connsiteY4363" fmla="*/ 3229270 h 6858000"/>
              <a:gd name="connsiteX4364" fmla="*/ 1519053 w 6858000"/>
              <a:gd name="connsiteY4364" fmla="*/ 3228196 h 6858000"/>
              <a:gd name="connsiteX4365" fmla="*/ 1519053 w 6858000"/>
              <a:gd name="connsiteY4365" fmla="*/ 3251637 h 6858000"/>
              <a:gd name="connsiteX4366" fmla="*/ 1542494 w 6858000"/>
              <a:gd name="connsiteY4366" fmla="*/ 3251637 h 6858000"/>
              <a:gd name="connsiteX4367" fmla="*/ 1542494 w 6858000"/>
              <a:gd name="connsiteY4367" fmla="*/ 3228196 h 6858000"/>
              <a:gd name="connsiteX4368" fmla="*/ 1395144 w 6858000"/>
              <a:gd name="connsiteY4368" fmla="*/ 3227307 h 6858000"/>
              <a:gd name="connsiteX4369" fmla="*/ 1395144 w 6858000"/>
              <a:gd name="connsiteY4369" fmla="*/ 3252489 h 6858000"/>
              <a:gd name="connsiteX4370" fmla="*/ 1420326 w 6858000"/>
              <a:gd name="connsiteY4370" fmla="*/ 3252489 h 6858000"/>
              <a:gd name="connsiteX4371" fmla="*/ 1420326 w 6858000"/>
              <a:gd name="connsiteY4371" fmla="*/ 3227307 h 6858000"/>
              <a:gd name="connsiteX4372" fmla="*/ 1271013 w 6858000"/>
              <a:gd name="connsiteY4372" fmla="*/ 3226233 h 6858000"/>
              <a:gd name="connsiteX4373" fmla="*/ 1271013 w 6858000"/>
              <a:gd name="connsiteY4373" fmla="*/ 3253600 h 6858000"/>
              <a:gd name="connsiteX4374" fmla="*/ 1298380 w 6858000"/>
              <a:gd name="connsiteY4374" fmla="*/ 3253600 h 6858000"/>
              <a:gd name="connsiteX4375" fmla="*/ 1298380 w 6858000"/>
              <a:gd name="connsiteY4375" fmla="*/ 3226233 h 6858000"/>
              <a:gd name="connsiteX4376" fmla="*/ 1147067 w 6858000"/>
              <a:gd name="connsiteY4376" fmla="*/ 3225345 h 6858000"/>
              <a:gd name="connsiteX4377" fmla="*/ 1147067 w 6858000"/>
              <a:gd name="connsiteY4377" fmla="*/ 3254452 h 6858000"/>
              <a:gd name="connsiteX4378" fmla="*/ 1176174 w 6858000"/>
              <a:gd name="connsiteY4378" fmla="*/ 3254452 h 6858000"/>
              <a:gd name="connsiteX4379" fmla="*/ 1176174 w 6858000"/>
              <a:gd name="connsiteY4379" fmla="*/ 3225345 h 6858000"/>
              <a:gd name="connsiteX4380" fmla="*/ 1023120 w 6858000"/>
              <a:gd name="connsiteY4380" fmla="*/ 3224493 h 6858000"/>
              <a:gd name="connsiteX4381" fmla="*/ 1023120 w 6858000"/>
              <a:gd name="connsiteY4381" fmla="*/ 3255341 h 6858000"/>
              <a:gd name="connsiteX4382" fmla="*/ 1053968 w 6858000"/>
              <a:gd name="connsiteY4382" fmla="*/ 3255341 h 6858000"/>
              <a:gd name="connsiteX4383" fmla="*/ 1053968 w 6858000"/>
              <a:gd name="connsiteY4383" fmla="*/ 3224493 h 6858000"/>
              <a:gd name="connsiteX4384" fmla="*/ 899211 w 6858000"/>
              <a:gd name="connsiteY4384" fmla="*/ 3223604 h 6858000"/>
              <a:gd name="connsiteX4385" fmla="*/ 899211 w 6858000"/>
              <a:gd name="connsiteY4385" fmla="*/ 3256192 h 6858000"/>
              <a:gd name="connsiteX4386" fmla="*/ 931799 w 6858000"/>
              <a:gd name="connsiteY4386" fmla="*/ 3256192 h 6858000"/>
              <a:gd name="connsiteX4387" fmla="*/ 931799 w 6858000"/>
              <a:gd name="connsiteY4387" fmla="*/ 3223604 h 6858000"/>
              <a:gd name="connsiteX4388" fmla="*/ 775488 w 6858000"/>
              <a:gd name="connsiteY4388" fmla="*/ 3222975 h 6858000"/>
              <a:gd name="connsiteX4389" fmla="*/ 775488 w 6858000"/>
              <a:gd name="connsiteY4389" fmla="*/ 3256859 h 6858000"/>
              <a:gd name="connsiteX4390" fmla="*/ 809372 w 6858000"/>
              <a:gd name="connsiteY4390" fmla="*/ 3256859 h 6858000"/>
              <a:gd name="connsiteX4391" fmla="*/ 809372 w 6858000"/>
              <a:gd name="connsiteY4391" fmla="*/ 3222975 h 6858000"/>
              <a:gd name="connsiteX4392" fmla="*/ 651801 w 6858000"/>
              <a:gd name="connsiteY4392" fmla="*/ 3222308 h 6858000"/>
              <a:gd name="connsiteX4393" fmla="*/ 651801 w 6858000"/>
              <a:gd name="connsiteY4393" fmla="*/ 3257488 h 6858000"/>
              <a:gd name="connsiteX4394" fmla="*/ 686981 w 6858000"/>
              <a:gd name="connsiteY4394" fmla="*/ 3257488 h 6858000"/>
              <a:gd name="connsiteX4395" fmla="*/ 686981 w 6858000"/>
              <a:gd name="connsiteY4395" fmla="*/ 3222308 h 6858000"/>
              <a:gd name="connsiteX4396" fmla="*/ 528299 w 6858000"/>
              <a:gd name="connsiteY4396" fmla="*/ 3221864 h 6858000"/>
              <a:gd name="connsiteX4397" fmla="*/ 528299 w 6858000"/>
              <a:gd name="connsiteY4397" fmla="*/ 3257896 h 6858000"/>
              <a:gd name="connsiteX4398" fmla="*/ 564331 w 6858000"/>
              <a:gd name="connsiteY4398" fmla="*/ 3257896 h 6858000"/>
              <a:gd name="connsiteX4399" fmla="*/ 564331 w 6858000"/>
              <a:gd name="connsiteY4399" fmla="*/ 3221864 h 6858000"/>
              <a:gd name="connsiteX4400" fmla="*/ 404797 w 6858000"/>
              <a:gd name="connsiteY4400" fmla="*/ 3221456 h 6858000"/>
              <a:gd name="connsiteX4401" fmla="*/ 404797 w 6858000"/>
              <a:gd name="connsiteY4401" fmla="*/ 3258377 h 6858000"/>
              <a:gd name="connsiteX4402" fmla="*/ 441718 w 6858000"/>
              <a:gd name="connsiteY4402" fmla="*/ 3258377 h 6858000"/>
              <a:gd name="connsiteX4403" fmla="*/ 441718 w 6858000"/>
              <a:gd name="connsiteY4403" fmla="*/ 3221456 h 6858000"/>
              <a:gd name="connsiteX4404" fmla="*/ 35403 w 6858000"/>
              <a:gd name="connsiteY4404" fmla="*/ 3221234 h 6858000"/>
              <a:gd name="connsiteX4405" fmla="*/ 35403 w 6858000"/>
              <a:gd name="connsiteY4405" fmla="*/ 3258599 h 6858000"/>
              <a:gd name="connsiteX4406" fmla="*/ 72768 w 6858000"/>
              <a:gd name="connsiteY4406" fmla="*/ 3258599 h 6858000"/>
              <a:gd name="connsiteX4407" fmla="*/ 72768 w 6858000"/>
              <a:gd name="connsiteY4407" fmla="*/ 3221234 h 6858000"/>
              <a:gd name="connsiteX4408" fmla="*/ 281296 w 6858000"/>
              <a:gd name="connsiteY4408" fmla="*/ 3221012 h 6858000"/>
              <a:gd name="connsiteX4409" fmla="*/ 281296 w 6858000"/>
              <a:gd name="connsiteY4409" fmla="*/ 3258785 h 6858000"/>
              <a:gd name="connsiteX4410" fmla="*/ 319069 w 6858000"/>
              <a:gd name="connsiteY4410" fmla="*/ 3258785 h 6858000"/>
              <a:gd name="connsiteX4411" fmla="*/ 319069 w 6858000"/>
              <a:gd name="connsiteY4411" fmla="*/ 3221012 h 6858000"/>
              <a:gd name="connsiteX4412" fmla="*/ 158016 w 6858000"/>
              <a:gd name="connsiteY4412" fmla="*/ 3220790 h 6858000"/>
              <a:gd name="connsiteX4413" fmla="*/ 158016 w 6858000"/>
              <a:gd name="connsiteY4413" fmla="*/ 3259007 h 6858000"/>
              <a:gd name="connsiteX4414" fmla="*/ 196233 w 6858000"/>
              <a:gd name="connsiteY4414" fmla="*/ 3259007 h 6858000"/>
              <a:gd name="connsiteX4415" fmla="*/ 196233 w 6858000"/>
              <a:gd name="connsiteY4415" fmla="*/ 3220790 h 6858000"/>
              <a:gd name="connsiteX4416" fmla="*/ 4484020 w 6858000"/>
              <a:gd name="connsiteY4416" fmla="*/ 3116619 h 6858000"/>
              <a:gd name="connsiteX4417" fmla="*/ 4484020 w 6858000"/>
              <a:gd name="connsiteY4417" fmla="*/ 3117063 h 6858000"/>
              <a:gd name="connsiteX4418" fmla="*/ 4484464 w 6858000"/>
              <a:gd name="connsiteY4418" fmla="*/ 3117063 h 6858000"/>
              <a:gd name="connsiteX4419" fmla="*/ 4484464 w 6858000"/>
              <a:gd name="connsiteY4419" fmla="*/ 3116619 h 6858000"/>
              <a:gd name="connsiteX4420" fmla="*/ 4360962 w 6858000"/>
              <a:gd name="connsiteY4420" fmla="*/ 3116619 h 6858000"/>
              <a:gd name="connsiteX4421" fmla="*/ 4360962 w 6858000"/>
              <a:gd name="connsiteY4421" fmla="*/ 3117063 h 6858000"/>
              <a:gd name="connsiteX4422" fmla="*/ 4361406 w 6858000"/>
              <a:gd name="connsiteY4422" fmla="*/ 3117063 h 6858000"/>
              <a:gd name="connsiteX4423" fmla="*/ 4361406 w 6858000"/>
              <a:gd name="connsiteY4423" fmla="*/ 3116619 h 6858000"/>
              <a:gd name="connsiteX4424" fmla="*/ 4237905 w 6858000"/>
              <a:gd name="connsiteY4424" fmla="*/ 3116619 h 6858000"/>
              <a:gd name="connsiteX4425" fmla="*/ 4237905 w 6858000"/>
              <a:gd name="connsiteY4425" fmla="*/ 3117063 h 6858000"/>
              <a:gd name="connsiteX4426" fmla="*/ 4238349 w 6858000"/>
              <a:gd name="connsiteY4426" fmla="*/ 3117063 h 6858000"/>
              <a:gd name="connsiteX4427" fmla="*/ 4238349 w 6858000"/>
              <a:gd name="connsiteY4427" fmla="*/ 3116619 h 6858000"/>
              <a:gd name="connsiteX4428" fmla="*/ 4114848 w 6858000"/>
              <a:gd name="connsiteY4428" fmla="*/ 3116619 h 6858000"/>
              <a:gd name="connsiteX4429" fmla="*/ 4114848 w 6858000"/>
              <a:gd name="connsiteY4429" fmla="*/ 3117063 h 6858000"/>
              <a:gd name="connsiteX4430" fmla="*/ 4115292 w 6858000"/>
              <a:gd name="connsiteY4430" fmla="*/ 3117063 h 6858000"/>
              <a:gd name="connsiteX4431" fmla="*/ 4115292 w 6858000"/>
              <a:gd name="connsiteY4431" fmla="*/ 3116619 h 6858000"/>
              <a:gd name="connsiteX4432" fmla="*/ 3991790 w 6858000"/>
              <a:gd name="connsiteY4432" fmla="*/ 3116619 h 6858000"/>
              <a:gd name="connsiteX4433" fmla="*/ 3991790 w 6858000"/>
              <a:gd name="connsiteY4433" fmla="*/ 3117063 h 6858000"/>
              <a:gd name="connsiteX4434" fmla="*/ 3992235 w 6858000"/>
              <a:gd name="connsiteY4434" fmla="*/ 3117063 h 6858000"/>
              <a:gd name="connsiteX4435" fmla="*/ 3992235 w 6858000"/>
              <a:gd name="connsiteY4435" fmla="*/ 3116619 h 6858000"/>
              <a:gd name="connsiteX4436" fmla="*/ 3868733 w 6858000"/>
              <a:gd name="connsiteY4436" fmla="*/ 3116619 h 6858000"/>
              <a:gd name="connsiteX4437" fmla="*/ 3868733 w 6858000"/>
              <a:gd name="connsiteY4437" fmla="*/ 3117063 h 6858000"/>
              <a:gd name="connsiteX4438" fmla="*/ 3869177 w 6858000"/>
              <a:gd name="connsiteY4438" fmla="*/ 3117063 h 6858000"/>
              <a:gd name="connsiteX4439" fmla="*/ 3869177 w 6858000"/>
              <a:gd name="connsiteY4439" fmla="*/ 3116619 h 6858000"/>
              <a:gd name="connsiteX4440" fmla="*/ 3745454 w 6858000"/>
              <a:gd name="connsiteY4440" fmla="*/ 3116397 h 6858000"/>
              <a:gd name="connsiteX4441" fmla="*/ 3745454 w 6858000"/>
              <a:gd name="connsiteY4441" fmla="*/ 3117249 h 6858000"/>
              <a:gd name="connsiteX4442" fmla="*/ 3746306 w 6858000"/>
              <a:gd name="connsiteY4442" fmla="*/ 3117249 h 6858000"/>
              <a:gd name="connsiteX4443" fmla="*/ 3746306 w 6858000"/>
              <a:gd name="connsiteY4443" fmla="*/ 3116397 h 6858000"/>
              <a:gd name="connsiteX4444" fmla="*/ 3622396 w 6858000"/>
              <a:gd name="connsiteY4444" fmla="*/ 3116397 h 6858000"/>
              <a:gd name="connsiteX4445" fmla="*/ 3622396 w 6858000"/>
              <a:gd name="connsiteY4445" fmla="*/ 3117249 h 6858000"/>
              <a:gd name="connsiteX4446" fmla="*/ 3623248 w 6858000"/>
              <a:gd name="connsiteY4446" fmla="*/ 3117249 h 6858000"/>
              <a:gd name="connsiteX4447" fmla="*/ 3623248 w 6858000"/>
              <a:gd name="connsiteY4447" fmla="*/ 3116397 h 6858000"/>
              <a:gd name="connsiteX4448" fmla="*/ 3499117 w 6858000"/>
              <a:gd name="connsiteY4448" fmla="*/ 3116211 h 6858000"/>
              <a:gd name="connsiteX4449" fmla="*/ 3499117 w 6858000"/>
              <a:gd name="connsiteY4449" fmla="*/ 3117507 h 6858000"/>
              <a:gd name="connsiteX4450" fmla="*/ 3500413 w 6858000"/>
              <a:gd name="connsiteY4450" fmla="*/ 3117507 h 6858000"/>
              <a:gd name="connsiteX4451" fmla="*/ 3500413 w 6858000"/>
              <a:gd name="connsiteY4451" fmla="*/ 3116211 h 6858000"/>
              <a:gd name="connsiteX4452" fmla="*/ 3375837 w 6858000"/>
              <a:gd name="connsiteY4452" fmla="*/ 3115989 h 6858000"/>
              <a:gd name="connsiteX4453" fmla="*/ 3375837 w 6858000"/>
              <a:gd name="connsiteY4453" fmla="*/ 3117729 h 6858000"/>
              <a:gd name="connsiteX4454" fmla="*/ 3377577 w 6858000"/>
              <a:gd name="connsiteY4454" fmla="*/ 3117729 h 6858000"/>
              <a:gd name="connsiteX4455" fmla="*/ 3377577 w 6858000"/>
              <a:gd name="connsiteY4455" fmla="*/ 3115989 h 6858000"/>
              <a:gd name="connsiteX4456" fmla="*/ 3252558 w 6858000"/>
              <a:gd name="connsiteY4456" fmla="*/ 3115767 h 6858000"/>
              <a:gd name="connsiteX4457" fmla="*/ 3252558 w 6858000"/>
              <a:gd name="connsiteY4457" fmla="*/ 3117952 h 6858000"/>
              <a:gd name="connsiteX4458" fmla="*/ 3254743 w 6858000"/>
              <a:gd name="connsiteY4458" fmla="*/ 3117952 h 6858000"/>
              <a:gd name="connsiteX4459" fmla="*/ 3254743 w 6858000"/>
              <a:gd name="connsiteY4459" fmla="*/ 3115767 h 6858000"/>
              <a:gd name="connsiteX4460" fmla="*/ 3129056 w 6858000"/>
              <a:gd name="connsiteY4460" fmla="*/ 3115323 h 6858000"/>
              <a:gd name="connsiteX4461" fmla="*/ 3129056 w 6858000"/>
              <a:gd name="connsiteY4461" fmla="*/ 3118360 h 6858000"/>
              <a:gd name="connsiteX4462" fmla="*/ 3132093 w 6858000"/>
              <a:gd name="connsiteY4462" fmla="*/ 3118360 h 6858000"/>
              <a:gd name="connsiteX4463" fmla="*/ 3132093 w 6858000"/>
              <a:gd name="connsiteY4463" fmla="*/ 3115323 h 6858000"/>
              <a:gd name="connsiteX4464" fmla="*/ 3005777 w 6858000"/>
              <a:gd name="connsiteY4464" fmla="*/ 3115100 h 6858000"/>
              <a:gd name="connsiteX4465" fmla="*/ 3005777 w 6858000"/>
              <a:gd name="connsiteY4465" fmla="*/ 3118581 h 6858000"/>
              <a:gd name="connsiteX4466" fmla="*/ 3009258 w 6858000"/>
              <a:gd name="connsiteY4466" fmla="*/ 3118581 h 6858000"/>
              <a:gd name="connsiteX4467" fmla="*/ 3009258 w 6858000"/>
              <a:gd name="connsiteY4467" fmla="*/ 3115100 h 6858000"/>
              <a:gd name="connsiteX4468" fmla="*/ 2882275 w 6858000"/>
              <a:gd name="connsiteY4468" fmla="*/ 3114656 h 6858000"/>
              <a:gd name="connsiteX4469" fmla="*/ 2882275 w 6858000"/>
              <a:gd name="connsiteY4469" fmla="*/ 3118989 h 6858000"/>
              <a:gd name="connsiteX4470" fmla="*/ 2886608 w 6858000"/>
              <a:gd name="connsiteY4470" fmla="*/ 3118989 h 6858000"/>
              <a:gd name="connsiteX4471" fmla="*/ 2886608 w 6858000"/>
              <a:gd name="connsiteY4471" fmla="*/ 3114656 h 6858000"/>
              <a:gd name="connsiteX4472" fmla="*/ 2758588 w 6858000"/>
              <a:gd name="connsiteY4472" fmla="*/ 3114027 h 6858000"/>
              <a:gd name="connsiteX4473" fmla="*/ 2758588 w 6858000"/>
              <a:gd name="connsiteY4473" fmla="*/ 3119656 h 6858000"/>
              <a:gd name="connsiteX4474" fmla="*/ 2764217 w 6858000"/>
              <a:gd name="connsiteY4474" fmla="*/ 3119656 h 6858000"/>
              <a:gd name="connsiteX4475" fmla="*/ 2764217 w 6858000"/>
              <a:gd name="connsiteY4475" fmla="*/ 3114027 h 6858000"/>
              <a:gd name="connsiteX4476" fmla="*/ 2635086 w 6858000"/>
              <a:gd name="connsiteY4476" fmla="*/ 3113582 h 6858000"/>
              <a:gd name="connsiteX4477" fmla="*/ 2635086 w 6858000"/>
              <a:gd name="connsiteY4477" fmla="*/ 3120100 h 6858000"/>
              <a:gd name="connsiteX4478" fmla="*/ 2641604 w 6858000"/>
              <a:gd name="connsiteY4478" fmla="*/ 3120100 h 6858000"/>
              <a:gd name="connsiteX4479" fmla="*/ 2641604 w 6858000"/>
              <a:gd name="connsiteY4479" fmla="*/ 3113582 h 6858000"/>
              <a:gd name="connsiteX4480" fmla="*/ 2511362 w 6858000"/>
              <a:gd name="connsiteY4480" fmla="*/ 3112953 h 6858000"/>
              <a:gd name="connsiteX4481" fmla="*/ 2511362 w 6858000"/>
              <a:gd name="connsiteY4481" fmla="*/ 3120767 h 6858000"/>
              <a:gd name="connsiteX4482" fmla="*/ 2519176 w 6858000"/>
              <a:gd name="connsiteY4482" fmla="*/ 3120767 h 6858000"/>
              <a:gd name="connsiteX4483" fmla="*/ 2519176 w 6858000"/>
              <a:gd name="connsiteY4483" fmla="*/ 3112953 h 6858000"/>
              <a:gd name="connsiteX4484" fmla="*/ 2387675 w 6858000"/>
              <a:gd name="connsiteY4484" fmla="*/ 3112286 h 6858000"/>
              <a:gd name="connsiteX4485" fmla="*/ 2387675 w 6858000"/>
              <a:gd name="connsiteY4485" fmla="*/ 3121396 h 6858000"/>
              <a:gd name="connsiteX4486" fmla="*/ 2396785 w 6858000"/>
              <a:gd name="connsiteY4486" fmla="*/ 3121396 h 6858000"/>
              <a:gd name="connsiteX4487" fmla="*/ 2396785 w 6858000"/>
              <a:gd name="connsiteY4487" fmla="*/ 3112286 h 6858000"/>
              <a:gd name="connsiteX4488" fmla="*/ 2263729 w 6858000"/>
              <a:gd name="connsiteY4488" fmla="*/ 3111397 h 6858000"/>
              <a:gd name="connsiteX4489" fmla="*/ 2263729 w 6858000"/>
              <a:gd name="connsiteY4489" fmla="*/ 3122247 h 6858000"/>
              <a:gd name="connsiteX4490" fmla="*/ 2274579 w 6858000"/>
              <a:gd name="connsiteY4490" fmla="*/ 3122247 h 6858000"/>
              <a:gd name="connsiteX4491" fmla="*/ 2274579 w 6858000"/>
              <a:gd name="connsiteY4491" fmla="*/ 3111397 h 6858000"/>
              <a:gd name="connsiteX4492" fmla="*/ 2140005 w 6858000"/>
              <a:gd name="connsiteY4492" fmla="*/ 3110768 h 6858000"/>
              <a:gd name="connsiteX4493" fmla="*/ 2140005 w 6858000"/>
              <a:gd name="connsiteY4493" fmla="*/ 3122915 h 6858000"/>
              <a:gd name="connsiteX4494" fmla="*/ 2152152 w 6858000"/>
              <a:gd name="connsiteY4494" fmla="*/ 3122915 h 6858000"/>
              <a:gd name="connsiteX4495" fmla="*/ 2152152 w 6858000"/>
              <a:gd name="connsiteY4495" fmla="*/ 3110768 h 6858000"/>
              <a:gd name="connsiteX4496" fmla="*/ 2016096 w 6858000"/>
              <a:gd name="connsiteY4496" fmla="*/ 3109879 h 6858000"/>
              <a:gd name="connsiteX4497" fmla="*/ 2016096 w 6858000"/>
              <a:gd name="connsiteY4497" fmla="*/ 3123766 h 6858000"/>
              <a:gd name="connsiteX4498" fmla="*/ 2029983 w 6858000"/>
              <a:gd name="connsiteY4498" fmla="*/ 3123766 h 6858000"/>
              <a:gd name="connsiteX4499" fmla="*/ 2029983 w 6858000"/>
              <a:gd name="connsiteY4499" fmla="*/ 3109879 h 6858000"/>
              <a:gd name="connsiteX4500" fmla="*/ 1892150 w 6858000"/>
              <a:gd name="connsiteY4500" fmla="*/ 3109027 h 6858000"/>
              <a:gd name="connsiteX4501" fmla="*/ 1892150 w 6858000"/>
              <a:gd name="connsiteY4501" fmla="*/ 3124654 h 6858000"/>
              <a:gd name="connsiteX4502" fmla="*/ 1907777 w 6858000"/>
              <a:gd name="connsiteY4502" fmla="*/ 3124654 h 6858000"/>
              <a:gd name="connsiteX4503" fmla="*/ 1907777 w 6858000"/>
              <a:gd name="connsiteY4503" fmla="*/ 3109027 h 6858000"/>
              <a:gd name="connsiteX4504" fmla="*/ 1768241 w 6858000"/>
              <a:gd name="connsiteY4504" fmla="*/ 3108175 h 6858000"/>
              <a:gd name="connsiteX4505" fmla="*/ 1768241 w 6858000"/>
              <a:gd name="connsiteY4505" fmla="*/ 3125543 h 6858000"/>
              <a:gd name="connsiteX4506" fmla="*/ 1785609 w 6858000"/>
              <a:gd name="connsiteY4506" fmla="*/ 3125543 h 6858000"/>
              <a:gd name="connsiteX4507" fmla="*/ 1785609 w 6858000"/>
              <a:gd name="connsiteY4507" fmla="*/ 3108175 h 6858000"/>
              <a:gd name="connsiteX4508" fmla="*/ 1644295 w 6858000"/>
              <a:gd name="connsiteY4508" fmla="*/ 3107287 h 6858000"/>
              <a:gd name="connsiteX4509" fmla="*/ 1644295 w 6858000"/>
              <a:gd name="connsiteY4509" fmla="*/ 3126395 h 6858000"/>
              <a:gd name="connsiteX4510" fmla="*/ 1663403 w 6858000"/>
              <a:gd name="connsiteY4510" fmla="*/ 3126395 h 6858000"/>
              <a:gd name="connsiteX4511" fmla="*/ 1663403 w 6858000"/>
              <a:gd name="connsiteY4511" fmla="*/ 3107287 h 6858000"/>
              <a:gd name="connsiteX4512" fmla="*/ 1520386 w 6858000"/>
              <a:gd name="connsiteY4512" fmla="*/ 3106435 h 6858000"/>
              <a:gd name="connsiteX4513" fmla="*/ 1520386 w 6858000"/>
              <a:gd name="connsiteY4513" fmla="*/ 3127284 h 6858000"/>
              <a:gd name="connsiteX4514" fmla="*/ 1541235 w 6858000"/>
              <a:gd name="connsiteY4514" fmla="*/ 3127284 h 6858000"/>
              <a:gd name="connsiteX4515" fmla="*/ 1541235 w 6858000"/>
              <a:gd name="connsiteY4515" fmla="*/ 3106435 h 6858000"/>
              <a:gd name="connsiteX4516" fmla="*/ 1396440 w 6858000"/>
              <a:gd name="connsiteY4516" fmla="*/ 3105546 h 6858000"/>
              <a:gd name="connsiteX4517" fmla="*/ 1396440 w 6858000"/>
              <a:gd name="connsiteY4517" fmla="*/ 3128135 h 6858000"/>
              <a:gd name="connsiteX4518" fmla="*/ 1419030 w 6858000"/>
              <a:gd name="connsiteY4518" fmla="*/ 3128135 h 6858000"/>
              <a:gd name="connsiteX4519" fmla="*/ 1419030 w 6858000"/>
              <a:gd name="connsiteY4519" fmla="*/ 3105546 h 6858000"/>
              <a:gd name="connsiteX4520" fmla="*/ 1272531 w 6858000"/>
              <a:gd name="connsiteY4520" fmla="*/ 3104694 h 6858000"/>
              <a:gd name="connsiteX4521" fmla="*/ 1272531 w 6858000"/>
              <a:gd name="connsiteY4521" fmla="*/ 3129024 h 6858000"/>
              <a:gd name="connsiteX4522" fmla="*/ 1296861 w 6858000"/>
              <a:gd name="connsiteY4522" fmla="*/ 3129024 h 6858000"/>
              <a:gd name="connsiteX4523" fmla="*/ 1296861 w 6858000"/>
              <a:gd name="connsiteY4523" fmla="*/ 3104694 h 6858000"/>
              <a:gd name="connsiteX4524" fmla="*/ 1148807 w 6858000"/>
              <a:gd name="connsiteY4524" fmla="*/ 3104028 h 6858000"/>
              <a:gd name="connsiteX4525" fmla="*/ 1148807 w 6858000"/>
              <a:gd name="connsiteY4525" fmla="*/ 3129654 h 6858000"/>
              <a:gd name="connsiteX4526" fmla="*/ 1174433 w 6858000"/>
              <a:gd name="connsiteY4526" fmla="*/ 3129654 h 6858000"/>
              <a:gd name="connsiteX4527" fmla="*/ 1174433 w 6858000"/>
              <a:gd name="connsiteY4527" fmla="*/ 3104028 h 6858000"/>
              <a:gd name="connsiteX4528" fmla="*/ 1024861 w 6858000"/>
              <a:gd name="connsiteY4528" fmla="*/ 3103176 h 6858000"/>
              <a:gd name="connsiteX4529" fmla="*/ 1024861 w 6858000"/>
              <a:gd name="connsiteY4529" fmla="*/ 3130543 h 6858000"/>
              <a:gd name="connsiteX4530" fmla="*/ 1052228 w 6858000"/>
              <a:gd name="connsiteY4530" fmla="*/ 3130543 h 6858000"/>
              <a:gd name="connsiteX4531" fmla="*/ 1052228 w 6858000"/>
              <a:gd name="connsiteY4531" fmla="*/ 3103176 h 6858000"/>
              <a:gd name="connsiteX4532" fmla="*/ 901174 w 6858000"/>
              <a:gd name="connsiteY4532" fmla="*/ 3102510 h 6858000"/>
              <a:gd name="connsiteX4533" fmla="*/ 901174 w 6858000"/>
              <a:gd name="connsiteY4533" fmla="*/ 3131173 h 6858000"/>
              <a:gd name="connsiteX4534" fmla="*/ 929837 w 6858000"/>
              <a:gd name="connsiteY4534" fmla="*/ 3131173 h 6858000"/>
              <a:gd name="connsiteX4535" fmla="*/ 929837 w 6858000"/>
              <a:gd name="connsiteY4535" fmla="*/ 3102510 h 6858000"/>
              <a:gd name="connsiteX4536" fmla="*/ 777450 w 6858000"/>
              <a:gd name="connsiteY4536" fmla="*/ 3101843 h 6858000"/>
              <a:gd name="connsiteX4537" fmla="*/ 777450 w 6858000"/>
              <a:gd name="connsiteY4537" fmla="*/ 3131802 h 6858000"/>
              <a:gd name="connsiteX4538" fmla="*/ 807409 w 6858000"/>
              <a:gd name="connsiteY4538" fmla="*/ 3131802 h 6858000"/>
              <a:gd name="connsiteX4539" fmla="*/ 807409 w 6858000"/>
              <a:gd name="connsiteY4539" fmla="*/ 3101843 h 6858000"/>
              <a:gd name="connsiteX4540" fmla="*/ 653949 w 6858000"/>
              <a:gd name="connsiteY4540" fmla="*/ 3101436 h 6858000"/>
              <a:gd name="connsiteX4541" fmla="*/ 653949 w 6858000"/>
              <a:gd name="connsiteY4541" fmla="*/ 3132284 h 6858000"/>
              <a:gd name="connsiteX4542" fmla="*/ 684797 w 6858000"/>
              <a:gd name="connsiteY4542" fmla="*/ 3132284 h 6858000"/>
              <a:gd name="connsiteX4543" fmla="*/ 684797 w 6858000"/>
              <a:gd name="connsiteY4543" fmla="*/ 3101436 h 6858000"/>
              <a:gd name="connsiteX4544" fmla="*/ 530447 w 6858000"/>
              <a:gd name="connsiteY4544" fmla="*/ 3100991 h 6858000"/>
              <a:gd name="connsiteX4545" fmla="*/ 530447 w 6858000"/>
              <a:gd name="connsiteY4545" fmla="*/ 3132690 h 6858000"/>
              <a:gd name="connsiteX4546" fmla="*/ 562146 w 6858000"/>
              <a:gd name="connsiteY4546" fmla="*/ 3132690 h 6858000"/>
              <a:gd name="connsiteX4547" fmla="*/ 562146 w 6858000"/>
              <a:gd name="connsiteY4547" fmla="*/ 3100991 h 6858000"/>
              <a:gd name="connsiteX4548" fmla="*/ 406982 w 6858000"/>
              <a:gd name="connsiteY4548" fmla="*/ 3100547 h 6858000"/>
              <a:gd name="connsiteX4549" fmla="*/ 406982 w 6858000"/>
              <a:gd name="connsiteY4549" fmla="*/ 3133135 h 6858000"/>
              <a:gd name="connsiteX4550" fmla="*/ 439570 w 6858000"/>
              <a:gd name="connsiteY4550" fmla="*/ 3133135 h 6858000"/>
              <a:gd name="connsiteX4551" fmla="*/ 439570 w 6858000"/>
              <a:gd name="connsiteY4551" fmla="*/ 3100547 h 6858000"/>
              <a:gd name="connsiteX4552" fmla="*/ 283703 w 6858000"/>
              <a:gd name="connsiteY4552" fmla="*/ 3100325 h 6858000"/>
              <a:gd name="connsiteX4553" fmla="*/ 283703 w 6858000"/>
              <a:gd name="connsiteY4553" fmla="*/ 3133320 h 6858000"/>
              <a:gd name="connsiteX4554" fmla="*/ 316699 w 6858000"/>
              <a:gd name="connsiteY4554" fmla="*/ 3133320 h 6858000"/>
              <a:gd name="connsiteX4555" fmla="*/ 316699 w 6858000"/>
              <a:gd name="connsiteY4555" fmla="*/ 3100325 h 6858000"/>
              <a:gd name="connsiteX4556" fmla="*/ 37588 w 6858000"/>
              <a:gd name="connsiteY4556" fmla="*/ 3100325 h 6858000"/>
              <a:gd name="connsiteX4557" fmla="*/ 37588 w 6858000"/>
              <a:gd name="connsiteY4557" fmla="*/ 3133320 h 6858000"/>
              <a:gd name="connsiteX4558" fmla="*/ 70584 w 6858000"/>
              <a:gd name="connsiteY4558" fmla="*/ 3133320 h 6858000"/>
              <a:gd name="connsiteX4559" fmla="*/ 70584 w 6858000"/>
              <a:gd name="connsiteY4559" fmla="*/ 3100325 h 6858000"/>
              <a:gd name="connsiteX4560" fmla="*/ 160423 w 6858000"/>
              <a:gd name="connsiteY4560" fmla="*/ 3100140 h 6858000"/>
              <a:gd name="connsiteX4561" fmla="*/ 160423 w 6858000"/>
              <a:gd name="connsiteY4561" fmla="*/ 3133580 h 6858000"/>
              <a:gd name="connsiteX4562" fmla="*/ 193863 w 6858000"/>
              <a:gd name="connsiteY4562" fmla="*/ 3133580 h 6858000"/>
              <a:gd name="connsiteX4563" fmla="*/ 193863 w 6858000"/>
              <a:gd name="connsiteY4563" fmla="*/ 3100140 h 6858000"/>
              <a:gd name="connsiteX4564" fmla="*/ 4484020 w 6858000"/>
              <a:gd name="connsiteY4564" fmla="*/ 2993561 h 6858000"/>
              <a:gd name="connsiteX4565" fmla="*/ 4484020 w 6858000"/>
              <a:gd name="connsiteY4565" fmla="*/ 2994005 h 6858000"/>
              <a:gd name="connsiteX4566" fmla="*/ 4484464 w 6858000"/>
              <a:gd name="connsiteY4566" fmla="*/ 2994005 h 6858000"/>
              <a:gd name="connsiteX4567" fmla="*/ 4484464 w 6858000"/>
              <a:gd name="connsiteY4567" fmla="*/ 2993561 h 6858000"/>
              <a:gd name="connsiteX4568" fmla="*/ 4360962 w 6858000"/>
              <a:gd name="connsiteY4568" fmla="*/ 2993561 h 6858000"/>
              <a:gd name="connsiteX4569" fmla="*/ 4360962 w 6858000"/>
              <a:gd name="connsiteY4569" fmla="*/ 2994005 h 6858000"/>
              <a:gd name="connsiteX4570" fmla="*/ 4361406 w 6858000"/>
              <a:gd name="connsiteY4570" fmla="*/ 2994005 h 6858000"/>
              <a:gd name="connsiteX4571" fmla="*/ 4361406 w 6858000"/>
              <a:gd name="connsiteY4571" fmla="*/ 2993561 h 6858000"/>
              <a:gd name="connsiteX4572" fmla="*/ 4237905 w 6858000"/>
              <a:gd name="connsiteY4572" fmla="*/ 2993561 h 6858000"/>
              <a:gd name="connsiteX4573" fmla="*/ 4237905 w 6858000"/>
              <a:gd name="connsiteY4573" fmla="*/ 2994005 h 6858000"/>
              <a:gd name="connsiteX4574" fmla="*/ 4238349 w 6858000"/>
              <a:gd name="connsiteY4574" fmla="*/ 2994005 h 6858000"/>
              <a:gd name="connsiteX4575" fmla="*/ 4238349 w 6858000"/>
              <a:gd name="connsiteY4575" fmla="*/ 2993561 h 6858000"/>
              <a:gd name="connsiteX4576" fmla="*/ 4114848 w 6858000"/>
              <a:gd name="connsiteY4576" fmla="*/ 2993561 h 6858000"/>
              <a:gd name="connsiteX4577" fmla="*/ 4114848 w 6858000"/>
              <a:gd name="connsiteY4577" fmla="*/ 2994005 h 6858000"/>
              <a:gd name="connsiteX4578" fmla="*/ 4115292 w 6858000"/>
              <a:gd name="connsiteY4578" fmla="*/ 2994005 h 6858000"/>
              <a:gd name="connsiteX4579" fmla="*/ 4115292 w 6858000"/>
              <a:gd name="connsiteY4579" fmla="*/ 2993561 h 6858000"/>
              <a:gd name="connsiteX4580" fmla="*/ 3991790 w 6858000"/>
              <a:gd name="connsiteY4580" fmla="*/ 2993561 h 6858000"/>
              <a:gd name="connsiteX4581" fmla="*/ 3991790 w 6858000"/>
              <a:gd name="connsiteY4581" fmla="*/ 2994005 h 6858000"/>
              <a:gd name="connsiteX4582" fmla="*/ 3992235 w 6858000"/>
              <a:gd name="connsiteY4582" fmla="*/ 2994005 h 6858000"/>
              <a:gd name="connsiteX4583" fmla="*/ 3992235 w 6858000"/>
              <a:gd name="connsiteY4583" fmla="*/ 2993561 h 6858000"/>
              <a:gd name="connsiteX4584" fmla="*/ 3868733 w 6858000"/>
              <a:gd name="connsiteY4584" fmla="*/ 2993561 h 6858000"/>
              <a:gd name="connsiteX4585" fmla="*/ 3868733 w 6858000"/>
              <a:gd name="connsiteY4585" fmla="*/ 2994005 h 6858000"/>
              <a:gd name="connsiteX4586" fmla="*/ 3869177 w 6858000"/>
              <a:gd name="connsiteY4586" fmla="*/ 2994005 h 6858000"/>
              <a:gd name="connsiteX4587" fmla="*/ 3869177 w 6858000"/>
              <a:gd name="connsiteY4587" fmla="*/ 2993561 h 6858000"/>
              <a:gd name="connsiteX4588" fmla="*/ 3745454 w 6858000"/>
              <a:gd name="connsiteY4588" fmla="*/ 2993339 h 6858000"/>
              <a:gd name="connsiteX4589" fmla="*/ 3745454 w 6858000"/>
              <a:gd name="connsiteY4589" fmla="*/ 2994191 h 6858000"/>
              <a:gd name="connsiteX4590" fmla="*/ 3746306 w 6858000"/>
              <a:gd name="connsiteY4590" fmla="*/ 2994191 h 6858000"/>
              <a:gd name="connsiteX4591" fmla="*/ 3746306 w 6858000"/>
              <a:gd name="connsiteY4591" fmla="*/ 2993339 h 6858000"/>
              <a:gd name="connsiteX4592" fmla="*/ 3622396 w 6858000"/>
              <a:gd name="connsiteY4592" fmla="*/ 2993339 h 6858000"/>
              <a:gd name="connsiteX4593" fmla="*/ 3622396 w 6858000"/>
              <a:gd name="connsiteY4593" fmla="*/ 2994191 h 6858000"/>
              <a:gd name="connsiteX4594" fmla="*/ 3623248 w 6858000"/>
              <a:gd name="connsiteY4594" fmla="*/ 2994191 h 6858000"/>
              <a:gd name="connsiteX4595" fmla="*/ 3623248 w 6858000"/>
              <a:gd name="connsiteY4595" fmla="*/ 2993339 h 6858000"/>
              <a:gd name="connsiteX4596" fmla="*/ 3499117 w 6858000"/>
              <a:gd name="connsiteY4596" fmla="*/ 2993117 h 6858000"/>
              <a:gd name="connsiteX4597" fmla="*/ 3499117 w 6858000"/>
              <a:gd name="connsiteY4597" fmla="*/ 2994413 h 6858000"/>
              <a:gd name="connsiteX4598" fmla="*/ 3500413 w 6858000"/>
              <a:gd name="connsiteY4598" fmla="*/ 2994413 h 6858000"/>
              <a:gd name="connsiteX4599" fmla="*/ 3500413 w 6858000"/>
              <a:gd name="connsiteY4599" fmla="*/ 2993117 h 6858000"/>
              <a:gd name="connsiteX4600" fmla="*/ 3375837 w 6858000"/>
              <a:gd name="connsiteY4600" fmla="*/ 2992932 h 6858000"/>
              <a:gd name="connsiteX4601" fmla="*/ 3375837 w 6858000"/>
              <a:gd name="connsiteY4601" fmla="*/ 2994673 h 6858000"/>
              <a:gd name="connsiteX4602" fmla="*/ 3377577 w 6858000"/>
              <a:gd name="connsiteY4602" fmla="*/ 2994673 h 6858000"/>
              <a:gd name="connsiteX4603" fmla="*/ 3377577 w 6858000"/>
              <a:gd name="connsiteY4603" fmla="*/ 2992932 h 6858000"/>
              <a:gd name="connsiteX4604" fmla="*/ 3252558 w 6858000"/>
              <a:gd name="connsiteY4604" fmla="*/ 2992710 h 6858000"/>
              <a:gd name="connsiteX4605" fmla="*/ 3252558 w 6858000"/>
              <a:gd name="connsiteY4605" fmla="*/ 2994895 h 6858000"/>
              <a:gd name="connsiteX4606" fmla="*/ 3254743 w 6858000"/>
              <a:gd name="connsiteY4606" fmla="*/ 2994895 h 6858000"/>
              <a:gd name="connsiteX4607" fmla="*/ 3254743 w 6858000"/>
              <a:gd name="connsiteY4607" fmla="*/ 2992710 h 6858000"/>
              <a:gd name="connsiteX4608" fmla="*/ 3129278 w 6858000"/>
              <a:gd name="connsiteY4608" fmla="*/ 2992488 h 6858000"/>
              <a:gd name="connsiteX4609" fmla="*/ 3129278 w 6858000"/>
              <a:gd name="connsiteY4609" fmla="*/ 2995080 h 6858000"/>
              <a:gd name="connsiteX4610" fmla="*/ 3131870 w 6858000"/>
              <a:gd name="connsiteY4610" fmla="*/ 2995080 h 6858000"/>
              <a:gd name="connsiteX4611" fmla="*/ 3131870 w 6858000"/>
              <a:gd name="connsiteY4611" fmla="*/ 2992488 h 6858000"/>
              <a:gd name="connsiteX4612" fmla="*/ 3005777 w 6858000"/>
              <a:gd name="connsiteY4612" fmla="*/ 2992043 h 6858000"/>
              <a:gd name="connsiteX4613" fmla="*/ 3005777 w 6858000"/>
              <a:gd name="connsiteY4613" fmla="*/ 2995524 h 6858000"/>
              <a:gd name="connsiteX4614" fmla="*/ 3009258 w 6858000"/>
              <a:gd name="connsiteY4614" fmla="*/ 2995524 h 6858000"/>
              <a:gd name="connsiteX4615" fmla="*/ 3009258 w 6858000"/>
              <a:gd name="connsiteY4615" fmla="*/ 2992043 h 6858000"/>
              <a:gd name="connsiteX4616" fmla="*/ 2882497 w 6858000"/>
              <a:gd name="connsiteY4616" fmla="*/ 2991821 h 6858000"/>
              <a:gd name="connsiteX4617" fmla="*/ 2882497 w 6858000"/>
              <a:gd name="connsiteY4617" fmla="*/ 2995746 h 6858000"/>
              <a:gd name="connsiteX4618" fmla="*/ 2886422 w 6858000"/>
              <a:gd name="connsiteY4618" fmla="*/ 2995746 h 6858000"/>
              <a:gd name="connsiteX4619" fmla="*/ 2886422 w 6858000"/>
              <a:gd name="connsiteY4619" fmla="*/ 2991821 h 6858000"/>
              <a:gd name="connsiteX4620" fmla="*/ 2758995 w 6858000"/>
              <a:gd name="connsiteY4620" fmla="*/ 2991414 h 6858000"/>
              <a:gd name="connsiteX4621" fmla="*/ 2758995 w 6858000"/>
              <a:gd name="connsiteY4621" fmla="*/ 2996191 h 6858000"/>
              <a:gd name="connsiteX4622" fmla="*/ 2763772 w 6858000"/>
              <a:gd name="connsiteY4622" fmla="*/ 2996191 h 6858000"/>
              <a:gd name="connsiteX4623" fmla="*/ 2763772 w 6858000"/>
              <a:gd name="connsiteY4623" fmla="*/ 2991414 h 6858000"/>
              <a:gd name="connsiteX4624" fmla="*/ 2635308 w 6858000"/>
              <a:gd name="connsiteY4624" fmla="*/ 2990747 h 6858000"/>
              <a:gd name="connsiteX4625" fmla="*/ 2635308 w 6858000"/>
              <a:gd name="connsiteY4625" fmla="*/ 2996820 h 6858000"/>
              <a:gd name="connsiteX4626" fmla="*/ 2641381 w 6858000"/>
              <a:gd name="connsiteY4626" fmla="*/ 2996820 h 6858000"/>
              <a:gd name="connsiteX4627" fmla="*/ 2641381 w 6858000"/>
              <a:gd name="connsiteY4627" fmla="*/ 2990747 h 6858000"/>
              <a:gd name="connsiteX4628" fmla="*/ 2511807 w 6858000"/>
              <a:gd name="connsiteY4628" fmla="*/ 2990303 h 6858000"/>
              <a:gd name="connsiteX4629" fmla="*/ 2511807 w 6858000"/>
              <a:gd name="connsiteY4629" fmla="*/ 2997265 h 6858000"/>
              <a:gd name="connsiteX4630" fmla="*/ 2518769 w 6858000"/>
              <a:gd name="connsiteY4630" fmla="*/ 2997265 h 6858000"/>
              <a:gd name="connsiteX4631" fmla="*/ 2518769 w 6858000"/>
              <a:gd name="connsiteY4631" fmla="*/ 2990303 h 6858000"/>
              <a:gd name="connsiteX4632" fmla="*/ 2388083 w 6858000"/>
              <a:gd name="connsiteY4632" fmla="*/ 2989673 h 6858000"/>
              <a:gd name="connsiteX4633" fmla="*/ 2388083 w 6858000"/>
              <a:gd name="connsiteY4633" fmla="*/ 2997931 h 6858000"/>
              <a:gd name="connsiteX4634" fmla="*/ 2396341 w 6858000"/>
              <a:gd name="connsiteY4634" fmla="*/ 2997931 h 6858000"/>
              <a:gd name="connsiteX4635" fmla="*/ 2396341 w 6858000"/>
              <a:gd name="connsiteY4635" fmla="*/ 2989673 h 6858000"/>
              <a:gd name="connsiteX4636" fmla="*/ 2264396 w 6858000"/>
              <a:gd name="connsiteY4636" fmla="*/ 2989007 h 6858000"/>
              <a:gd name="connsiteX4637" fmla="*/ 2264396 w 6858000"/>
              <a:gd name="connsiteY4637" fmla="*/ 2998561 h 6858000"/>
              <a:gd name="connsiteX4638" fmla="*/ 2273950 w 6858000"/>
              <a:gd name="connsiteY4638" fmla="*/ 2998561 h 6858000"/>
              <a:gd name="connsiteX4639" fmla="*/ 2273950 w 6858000"/>
              <a:gd name="connsiteY4639" fmla="*/ 2989007 h 6858000"/>
              <a:gd name="connsiteX4640" fmla="*/ 2140672 w 6858000"/>
              <a:gd name="connsiteY4640" fmla="*/ 2988340 h 6858000"/>
              <a:gd name="connsiteX4641" fmla="*/ 2140672 w 6858000"/>
              <a:gd name="connsiteY4641" fmla="*/ 2999190 h 6858000"/>
              <a:gd name="connsiteX4642" fmla="*/ 2151522 w 6858000"/>
              <a:gd name="connsiteY4642" fmla="*/ 2999190 h 6858000"/>
              <a:gd name="connsiteX4643" fmla="*/ 2151522 w 6858000"/>
              <a:gd name="connsiteY4643" fmla="*/ 2988340 h 6858000"/>
              <a:gd name="connsiteX4644" fmla="*/ 2016948 w 6858000"/>
              <a:gd name="connsiteY4644" fmla="*/ 2987710 h 6858000"/>
              <a:gd name="connsiteX4645" fmla="*/ 2016948 w 6858000"/>
              <a:gd name="connsiteY4645" fmla="*/ 2999857 h 6858000"/>
              <a:gd name="connsiteX4646" fmla="*/ 2029095 w 6858000"/>
              <a:gd name="connsiteY4646" fmla="*/ 2999857 h 6858000"/>
              <a:gd name="connsiteX4647" fmla="*/ 2029095 w 6858000"/>
              <a:gd name="connsiteY4647" fmla="*/ 2987710 h 6858000"/>
              <a:gd name="connsiteX4648" fmla="*/ 1893039 w 6858000"/>
              <a:gd name="connsiteY4648" fmla="*/ 2986822 h 6858000"/>
              <a:gd name="connsiteX4649" fmla="*/ 1893039 w 6858000"/>
              <a:gd name="connsiteY4649" fmla="*/ 3000709 h 6858000"/>
              <a:gd name="connsiteX4650" fmla="*/ 1906926 w 6858000"/>
              <a:gd name="connsiteY4650" fmla="*/ 3000709 h 6858000"/>
              <a:gd name="connsiteX4651" fmla="*/ 1906926 w 6858000"/>
              <a:gd name="connsiteY4651" fmla="*/ 2986822 h 6858000"/>
              <a:gd name="connsiteX4652" fmla="*/ 1769093 w 6858000"/>
              <a:gd name="connsiteY4652" fmla="*/ 2985970 h 6858000"/>
              <a:gd name="connsiteX4653" fmla="*/ 1769093 w 6858000"/>
              <a:gd name="connsiteY4653" fmla="*/ 3001598 h 6858000"/>
              <a:gd name="connsiteX4654" fmla="*/ 1784721 w 6858000"/>
              <a:gd name="connsiteY4654" fmla="*/ 3001598 h 6858000"/>
              <a:gd name="connsiteX4655" fmla="*/ 1784721 w 6858000"/>
              <a:gd name="connsiteY4655" fmla="*/ 2985970 h 6858000"/>
              <a:gd name="connsiteX4656" fmla="*/ 1645369 w 6858000"/>
              <a:gd name="connsiteY4656" fmla="*/ 2985303 h 6858000"/>
              <a:gd name="connsiteX4657" fmla="*/ 1645369 w 6858000"/>
              <a:gd name="connsiteY4657" fmla="*/ 3002227 h 6858000"/>
              <a:gd name="connsiteX4658" fmla="*/ 1662293 w 6858000"/>
              <a:gd name="connsiteY4658" fmla="*/ 3002227 h 6858000"/>
              <a:gd name="connsiteX4659" fmla="*/ 1662293 w 6858000"/>
              <a:gd name="connsiteY4659" fmla="*/ 2985303 h 6858000"/>
              <a:gd name="connsiteX4660" fmla="*/ 1521682 w 6858000"/>
              <a:gd name="connsiteY4660" fmla="*/ 2984674 h 6858000"/>
              <a:gd name="connsiteX4661" fmla="*/ 1521682 w 6858000"/>
              <a:gd name="connsiteY4661" fmla="*/ 3002931 h 6858000"/>
              <a:gd name="connsiteX4662" fmla="*/ 1539939 w 6858000"/>
              <a:gd name="connsiteY4662" fmla="*/ 3002931 h 6858000"/>
              <a:gd name="connsiteX4663" fmla="*/ 1539939 w 6858000"/>
              <a:gd name="connsiteY4663" fmla="*/ 2984674 h 6858000"/>
              <a:gd name="connsiteX4664" fmla="*/ 1397736 w 6858000"/>
              <a:gd name="connsiteY4664" fmla="*/ 2983785 h 6858000"/>
              <a:gd name="connsiteX4665" fmla="*/ 1397736 w 6858000"/>
              <a:gd name="connsiteY4665" fmla="*/ 3003782 h 6858000"/>
              <a:gd name="connsiteX4666" fmla="*/ 1417733 w 6858000"/>
              <a:gd name="connsiteY4666" fmla="*/ 3003782 h 6858000"/>
              <a:gd name="connsiteX4667" fmla="*/ 1417733 w 6858000"/>
              <a:gd name="connsiteY4667" fmla="*/ 2983785 h 6858000"/>
              <a:gd name="connsiteX4668" fmla="*/ 1274049 w 6858000"/>
              <a:gd name="connsiteY4668" fmla="*/ 2983155 h 6858000"/>
              <a:gd name="connsiteX4669" fmla="*/ 1274049 w 6858000"/>
              <a:gd name="connsiteY4669" fmla="*/ 3004448 h 6858000"/>
              <a:gd name="connsiteX4670" fmla="*/ 1295342 w 6858000"/>
              <a:gd name="connsiteY4670" fmla="*/ 3004448 h 6858000"/>
              <a:gd name="connsiteX4671" fmla="*/ 1295342 w 6858000"/>
              <a:gd name="connsiteY4671" fmla="*/ 2983155 h 6858000"/>
              <a:gd name="connsiteX4672" fmla="*/ 1150325 w 6858000"/>
              <a:gd name="connsiteY4672" fmla="*/ 2982489 h 6858000"/>
              <a:gd name="connsiteX4673" fmla="*/ 1150325 w 6858000"/>
              <a:gd name="connsiteY4673" fmla="*/ 3005079 h 6858000"/>
              <a:gd name="connsiteX4674" fmla="*/ 1172915 w 6858000"/>
              <a:gd name="connsiteY4674" fmla="*/ 3005079 h 6858000"/>
              <a:gd name="connsiteX4675" fmla="*/ 1172915 w 6858000"/>
              <a:gd name="connsiteY4675" fmla="*/ 2982489 h 6858000"/>
              <a:gd name="connsiteX4676" fmla="*/ 1026601 w 6858000"/>
              <a:gd name="connsiteY4676" fmla="*/ 2981822 h 6858000"/>
              <a:gd name="connsiteX4677" fmla="*/ 1026601 w 6858000"/>
              <a:gd name="connsiteY4677" fmla="*/ 3005708 h 6858000"/>
              <a:gd name="connsiteX4678" fmla="*/ 1050487 w 6858000"/>
              <a:gd name="connsiteY4678" fmla="*/ 3005708 h 6858000"/>
              <a:gd name="connsiteX4679" fmla="*/ 1050487 w 6858000"/>
              <a:gd name="connsiteY4679" fmla="*/ 2981822 h 6858000"/>
              <a:gd name="connsiteX4680" fmla="*/ 903100 w 6858000"/>
              <a:gd name="connsiteY4680" fmla="*/ 2981415 h 6858000"/>
              <a:gd name="connsiteX4681" fmla="*/ 903100 w 6858000"/>
              <a:gd name="connsiteY4681" fmla="*/ 3006189 h 6858000"/>
              <a:gd name="connsiteX4682" fmla="*/ 927874 w 6858000"/>
              <a:gd name="connsiteY4682" fmla="*/ 3006189 h 6858000"/>
              <a:gd name="connsiteX4683" fmla="*/ 927874 w 6858000"/>
              <a:gd name="connsiteY4683" fmla="*/ 2981415 h 6858000"/>
              <a:gd name="connsiteX4684" fmla="*/ 779413 w 6858000"/>
              <a:gd name="connsiteY4684" fmla="*/ 2980748 h 6858000"/>
              <a:gd name="connsiteX4685" fmla="*/ 779413 w 6858000"/>
              <a:gd name="connsiteY4685" fmla="*/ 3006819 h 6858000"/>
              <a:gd name="connsiteX4686" fmla="*/ 805484 w 6858000"/>
              <a:gd name="connsiteY4686" fmla="*/ 3006819 h 6858000"/>
              <a:gd name="connsiteX4687" fmla="*/ 805484 w 6858000"/>
              <a:gd name="connsiteY4687" fmla="*/ 2980748 h 6858000"/>
              <a:gd name="connsiteX4688" fmla="*/ 655911 w 6858000"/>
              <a:gd name="connsiteY4688" fmla="*/ 2980304 h 6858000"/>
              <a:gd name="connsiteX4689" fmla="*/ 655911 w 6858000"/>
              <a:gd name="connsiteY4689" fmla="*/ 3007226 h 6858000"/>
              <a:gd name="connsiteX4690" fmla="*/ 682833 w 6858000"/>
              <a:gd name="connsiteY4690" fmla="*/ 3007226 h 6858000"/>
              <a:gd name="connsiteX4691" fmla="*/ 682833 w 6858000"/>
              <a:gd name="connsiteY4691" fmla="*/ 2980304 h 6858000"/>
              <a:gd name="connsiteX4692" fmla="*/ 532410 w 6858000"/>
              <a:gd name="connsiteY4692" fmla="*/ 2979897 h 6858000"/>
              <a:gd name="connsiteX4693" fmla="*/ 532410 w 6858000"/>
              <a:gd name="connsiteY4693" fmla="*/ 3007708 h 6858000"/>
              <a:gd name="connsiteX4694" fmla="*/ 560221 w 6858000"/>
              <a:gd name="connsiteY4694" fmla="*/ 3007708 h 6858000"/>
              <a:gd name="connsiteX4695" fmla="*/ 560221 w 6858000"/>
              <a:gd name="connsiteY4695" fmla="*/ 2979897 h 6858000"/>
              <a:gd name="connsiteX4696" fmla="*/ 409130 w 6858000"/>
              <a:gd name="connsiteY4696" fmla="*/ 2979674 h 6858000"/>
              <a:gd name="connsiteX4697" fmla="*/ 409130 w 6858000"/>
              <a:gd name="connsiteY4697" fmla="*/ 3007892 h 6858000"/>
              <a:gd name="connsiteX4698" fmla="*/ 437348 w 6858000"/>
              <a:gd name="connsiteY4698" fmla="*/ 3007892 h 6858000"/>
              <a:gd name="connsiteX4699" fmla="*/ 437348 w 6858000"/>
              <a:gd name="connsiteY4699" fmla="*/ 2979674 h 6858000"/>
              <a:gd name="connsiteX4700" fmla="*/ 285850 w 6858000"/>
              <a:gd name="connsiteY4700" fmla="*/ 2979452 h 6858000"/>
              <a:gd name="connsiteX4701" fmla="*/ 285850 w 6858000"/>
              <a:gd name="connsiteY4701" fmla="*/ 3008115 h 6858000"/>
              <a:gd name="connsiteX4702" fmla="*/ 314513 w 6858000"/>
              <a:gd name="connsiteY4702" fmla="*/ 3008115 h 6858000"/>
              <a:gd name="connsiteX4703" fmla="*/ 314513 w 6858000"/>
              <a:gd name="connsiteY4703" fmla="*/ 2979452 h 6858000"/>
              <a:gd name="connsiteX4704" fmla="*/ 39736 w 6858000"/>
              <a:gd name="connsiteY4704" fmla="*/ 2979452 h 6858000"/>
              <a:gd name="connsiteX4705" fmla="*/ 39736 w 6858000"/>
              <a:gd name="connsiteY4705" fmla="*/ 3008115 h 6858000"/>
              <a:gd name="connsiteX4706" fmla="*/ 68399 w 6858000"/>
              <a:gd name="connsiteY4706" fmla="*/ 3008115 h 6858000"/>
              <a:gd name="connsiteX4707" fmla="*/ 68399 w 6858000"/>
              <a:gd name="connsiteY4707" fmla="*/ 2979452 h 6858000"/>
              <a:gd name="connsiteX4708" fmla="*/ 162571 w 6858000"/>
              <a:gd name="connsiteY4708" fmla="*/ 2979230 h 6858000"/>
              <a:gd name="connsiteX4709" fmla="*/ 162571 w 6858000"/>
              <a:gd name="connsiteY4709" fmla="*/ 3008337 h 6858000"/>
              <a:gd name="connsiteX4710" fmla="*/ 191678 w 6858000"/>
              <a:gd name="connsiteY4710" fmla="*/ 3008337 h 6858000"/>
              <a:gd name="connsiteX4711" fmla="*/ 191678 w 6858000"/>
              <a:gd name="connsiteY4711" fmla="*/ 2979230 h 6858000"/>
              <a:gd name="connsiteX4712" fmla="*/ 4484020 w 6858000"/>
              <a:gd name="connsiteY4712" fmla="*/ 2870504 h 6858000"/>
              <a:gd name="connsiteX4713" fmla="*/ 4484020 w 6858000"/>
              <a:gd name="connsiteY4713" fmla="*/ 2870948 h 6858000"/>
              <a:gd name="connsiteX4714" fmla="*/ 4484464 w 6858000"/>
              <a:gd name="connsiteY4714" fmla="*/ 2870948 h 6858000"/>
              <a:gd name="connsiteX4715" fmla="*/ 4484464 w 6858000"/>
              <a:gd name="connsiteY4715" fmla="*/ 2870504 h 6858000"/>
              <a:gd name="connsiteX4716" fmla="*/ 4360962 w 6858000"/>
              <a:gd name="connsiteY4716" fmla="*/ 2870504 h 6858000"/>
              <a:gd name="connsiteX4717" fmla="*/ 4360962 w 6858000"/>
              <a:gd name="connsiteY4717" fmla="*/ 2870948 h 6858000"/>
              <a:gd name="connsiteX4718" fmla="*/ 4361406 w 6858000"/>
              <a:gd name="connsiteY4718" fmla="*/ 2870948 h 6858000"/>
              <a:gd name="connsiteX4719" fmla="*/ 4361406 w 6858000"/>
              <a:gd name="connsiteY4719" fmla="*/ 2870504 h 6858000"/>
              <a:gd name="connsiteX4720" fmla="*/ 4237905 w 6858000"/>
              <a:gd name="connsiteY4720" fmla="*/ 2870504 h 6858000"/>
              <a:gd name="connsiteX4721" fmla="*/ 4237905 w 6858000"/>
              <a:gd name="connsiteY4721" fmla="*/ 2870948 h 6858000"/>
              <a:gd name="connsiteX4722" fmla="*/ 4238349 w 6858000"/>
              <a:gd name="connsiteY4722" fmla="*/ 2870948 h 6858000"/>
              <a:gd name="connsiteX4723" fmla="*/ 4238349 w 6858000"/>
              <a:gd name="connsiteY4723" fmla="*/ 2870504 h 6858000"/>
              <a:gd name="connsiteX4724" fmla="*/ 4114848 w 6858000"/>
              <a:gd name="connsiteY4724" fmla="*/ 2870504 h 6858000"/>
              <a:gd name="connsiteX4725" fmla="*/ 4114848 w 6858000"/>
              <a:gd name="connsiteY4725" fmla="*/ 2870948 h 6858000"/>
              <a:gd name="connsiteX4726" fmla="*/ 4115292 w 6858000"/>
              <a:gd name="connsiteY4726" fmla="*/ 2870948 h 6858000"/>
              <a:gd name="connsiteX4727" fmla="*/ 4115292 w 6858000"/>
              <a:gd name="connsiteY4727" fmla="*/ 2870504 h 6858000"/>
              <a:gd name="connsiteX4728" fmla="*/ 3991790 w 6858000"/>
              <a:gd name="connsiteY4728" fmla="*/ 2870504 h 6858000"/>
              <a:gd name="connsiteX4729" fmla="*/ 3991790 w 6858000"/>
              <a:gd name="connsiteY4729" fmla="*/ 2870948 h 6858000"/>
              <a:gd name="connsiteX4730" fmla="*/ 3992235 w 6858000"/>
              <a:gd name="connsiteY4730" fmla="*/ 2870948 h 6858000"/>
              <a:gd name="connsiteX4731" fmla="*/ 3992235 w 6858000"/>
              <a:gd name="connsiteY4731" fmla="*/ 2870504 h 6858000"/>
              <a:gd name="connsiteX4732" fmla="*/ 3868733 w 6858000"/>
              <a:gd name="connsiteY4732" fmla="*/ 2870504 h 6858000"/>
              <a:gd name="connsiteX4733" fmla="*/ 3868733 w 6858000"/>
              <a:gd name="connsiteY4733" fmla="*/ 2870948 h 6858000"/>
              <a:gd name="connsiteX4734" fmla="*/ 3869177 w 6858000"/>
              <a:gd name="connsiteY4734" fmla="*/ 2870948 h 6858000"/>
              <a:gd name="connsiteX4735" fmla="*/ 3869177 w 6858000"/>
              <a:gd name="connsiteY4735" fmla="*/ 2870504 h 6858000"/>
              <a:gd name="connsiteX4736" fmla="*/ 3745454 w 6858000"/>
              <a:gd name="connsiteY4736" fmla="*/ 2870282 h 6858000"/>
              <a:gd name="connsiteX4737" fmla="*/ 3745454 w 6858000"/>
              <a:gd name="connsiteY4737" fmla="*/ 2871134 h 6858000"/>
              <a:gd name="connsiteX4738" fmla="*/ 3746306 w 6858000"/>
              <a:gd name="connsiteY4738" fmla="*/ 2871134 h 6858000"/>
              <a:gd name="connsiteX4739" fmla="*/ 3746306 w 6858000"/>
              <a:gd name="connsiteY4739" fmla="*/ 2870282 h 6858000"/>
              <a:gd name="connsiteX4740" fmla="*/ 3622396 w 6858000"/>
              <a:gd name="connsiteY4740" fmla="*/ 2870282 h 6858000"/>
              <a:gd name="connsiteX4741" fmla="*/ 3622396 w 6858000"/>
              <a:gd name="connsiteY4741" fmla="*/ 2871134 h 6858000"/>
              <a:gd name="connsiteX4742" fmla="*/ 3623248 w 6858000"/>
              <a:gd name="connsiteY4742" fmla="*/ 2871134 h 6858000"/>
              <a:gd name="connsiteX4743" fmla="*/ 3623248 w 6858000"/>
              <a:gd name="connsiteY4743" fmla="*/ 2870282 h 6858000"/>
              <a:gd name="connsiteX4744" fmla="*/ 3499117 w 6858000"/>
              <a:gd name="connsiteY4744" fmla="*/ 2870060 h 6858000"/>
              <a:gd name="connsiteX4745" fmla="*/ 3499117 w 6858000"/>
              <a:gd name="connsiteY4745" fmla="*/ 2871356 h 6858000"/>
              <a:gd name="connsiteX4746" fmla="*/ 3500413 w 6858000"/>
              <a:gd name="connsiteY4746" fmla="*/ 2871356 h 6858000"/>
              <a:gd name="connsiteX4747" fmla="*/ 3500413 w 6858000"/>
              <a:gd name="connsiteY4747" fmla="*/ 2870060 h 6858000"/>
              <a:gd name="connsiteX4748" fmla="*/ 3376059 w 6858000"/>
              <a:gd name="connsiteY4748" fmla="*/ 2870060 h 6858000"/>
              <a:gd name="connsiteX4749" fmla="*/ 3376059 w 6858000"/>
              <a:gd name="connsiteY4749" fmla="*/ 2871356 h 6858000"/>
              <a:gd name="connsiteX4750" fmla="*/ 3377355 w 6858000"/>
              <a:gd name="connsiteY4750" fmla="*/ 2871356 h 6858000"/>
              <a:gd name="connsiteX4751" fmla="*/ 3377355 w 6858000"/>
              <a:gd name="connsiteY4751" fmla="*/ 2870060 h 6858000"/>
              <a:gd name="connsiteX4752" fmla="*/ 3252780 w 6858000"/>
              <a:gd name="connsiteY4752" fmla="*/ 2869838 h 6858000"/>
              <a:gd name="connsiteX4753" fmla="*/ 3252780 w 6858000"/>
              <a:gd name="connsiteY4753" fmla="*/ 2871578 h 6858000"/>
              <a:gd name="connsiteX4754" fmla="*/ 3254520 w 6858000"/>
              <a:gd name="connsiteY4754" fmla="*/ 2871578 h 6858000"/>
              <a:gd name="connsiteX4755" fmla="*/ 3254520 w 6858000"/>
              <a:gd name="connsiteY4755" fmla="*/ 2869838 h 6858000"/>
              <a:gd name="connsiteX4756" fmla="*/ 3129278 w 6858000"/>
              <a:gd name="connsiteY4756" fmla="*/ 2869430 h 6858000"/>
              <a:gd name="connsiteX4757" fmla="*/ 3129278 w 6858000"/>
              <a:gd name="connsiteY4757" fmla="*/ 2872022 h 6858000"/>
              <a:gd name="connsiteX4758" fmla="*/ 3131870 w 6858000"/>
              <a:gd name="connsiteY4758" fmla="*/ 2872022 h 6858000"/>
              <a:gd name="connsiteX4759" fmla="*/ 3131870 w 6858000"/>
              <a:gd name="connsiteY4759" fmla="*/ 2869430 h 6858000"/>
              <a:gd name="connsiteX4760" fmla="*/ 3005999 w 6858000"/>
              <a:gd name="connsiteY4760" fmla="*/ 2869208 h 6858000"/>
              <a:gd name="connsiteX4761" fmla="*/ 3005999 w 6858000"/>
              <a:gd name="connsiteY4761" fmla="*/ 2872245 h 6858000"/>
              <a:gd name="connsiteX4762" fmla="*/ 3009036 w 6858000"/>
              <a:gd name="connsiteY4762" fmla="*/ 2872245 h 6858000"/>
              <a:gd name="connsiteX4763" fmla="*/ 3009036 w 6858000"/>
              <a:gd name="connsiteY4763" fmla="*/ 2869208 h 6858000"/>
              <a:gd name="connsiteX4764" fmla="*/ 2882497 w 6858000"/>
              <a:gd name="connsiteY4764" fmla="*/ 2868764 h 6858000"/>
              <a:gd name="connsiteX4765" fmla="*/ 2882497 w 6858000"/>
              <a:gd name="connsiteY4765" fmla="*/ 2872689 h 6858000"/>
              <a:gd name="connsiteX4766" fmla="*/ 2886422 w 6858000"/>
              <a:gd name="connsiteY4766" fmla="*/ 2872689 h 6858000"/>
              <a:gd name="connsiteX4767" fmla="*/ 2886422 w 6858000"/>
              <a:gd name="connsiteY4767" fmla="*/ 2868764 h 6858000"/>
              <a:gd name="connsiteX4768" fmla="*/ 2759217 w 6858000"/>
              <a:gd name="connsiteY4768" fmla="*/ 2868541 h 6858000"/>
              <a:gd name="connsiteX4769" fmla="*/ 2759217 w 6858000"/>
              <a:gd name="connsiteY4769" fmla="*/ 2872874 h 6858000"/>
              <a:gd name="connsiteX4770" fmla="*/ 2763550 w 6858000"/>
              <a:gd name="connsiteY4770" fmla="*/ 2872874 h 6858000"/>
              <a:gd name="connsiteX4771" fmla="*/ 2763550 w 6858000"/>
              <a:gd name="connsiteY4771" fmla="*/ 2868541 h 6858000"/>
              <a:gd name="connsiteX4772" fmla="*/ 2635716 w 6858000"/>
              <a:gd name="connsiteY4772" fmla="*/ 2868134 h 6858000"/>
              <a:gd name="connsiteX4773" fmla="*/ 2635716 w 6858000"/>
              <a:gd name="connsiteY4773" fmla="*/ 2873356 h 6858000"/>
              <a:gd name="connsiteX4774" fmla="*/ 2640937 w 6858000"/>
              <a:gd name="connsiteY4774" fmla="*/ 2873356 h 6858000"/>
              <a:gd name="connsiteX4775" fmla="*/ 2640937 w 6858000"/>
              <a:gd name="connsiteY4775" fmla="*/ 2868134 h 6858000"/>
              <a:gd name="connsiteX4776" fmla="*/ 2512029 w 6858000"/>
              <a:gd name="connsiteY4776" fmla="*/ 2867467 h 6858000"/>
              <a:gd name="connsiteX4777" fmla="*/ 2512029 w 6858000"/>
              <a:gd name="connsiteY4777" fmla="*/ 2873985 h 6858000"/>
              <a:gd name="connsiteX4778" fmla="*/ 2518547 w 6858000"/>
              <a:gd name="connsiteY4778" fmla="*/ 2873985 h 6858000"/>
              <a:gd name="connsiteX4779" fmla="*/ 2518547 w 6858000"/>
              <a:gd name="connsiteY4779" fmla="*/ 2867467 h 6858000"/>
              <a:gd name="connsiteX4780" fmla="*/ 2388527 w 6858000"/>
              <a:gd name="connsiteY4780" fmla="*/ 2867023 h 6858000"/>
              <a:gd name="connsiteX4781" fmla="*/ 2388527 w 6858000"/>
              <a:gd name="connsiteY4781" fmla="*/ 2874392 h 6858000"/>
              <a:gd name="connsiteX4782" fmla="*/ 2395896 w 6858000"/>
              <a:gd name="connsiteY4782" fmla="*/ 2874392 h 6858000"/>
              <a:gd name="connsiteX4783" fmla="*/ 2395896 w 6858000"/>
              <a:gd name="connsiteY4783" fmla="*/ 2867023 h 6858000"/>
              <a:gd name="connsiteX4784" fmla="*/ 2264803 w 6858000"/>
              <a:gd name="connsiteY4784" fmla="*/ 2866394 h 6858000"/>
              <a:gd name="connsiteX4785" fmla="*/ 2264803 w 6858000"/>
              <a:gd name="connsiteY4785" fmla="*/ 2875097 h 6858000"/>
              <a:gd name="connsiteX4786" fmla="*/ 2273505 w 6858000"/>
              <a:gd name="connsiteY4786" fmla="*/ 2875097 h 6858000"/>
              <a:gd name="connsiteX4787" fmla="*/ 2273505 w 6858000"/>
              <a:gd name="connsiteY4787" fmla="*/ 2866394 h 6858000"/>
              <a:gd name="connsiteX4788" fmla="*/ 2141302 w 6858000"/>
              <a:gd name="connsiteY4788" fmla="*/ 2865949 h 6858000"/>
              <a:gd name="connsiteX4789" fmla="*/ 2141302 w 6858000"/>
              <a:gd name="connsiteY4789" fmla="*/ 2875503 h 6858000"/>
              <a:gd name="connsiteX4790" fmla="*/ 2150856 w 6858000"/>
              <a:gd name="connsiteY4790" fmla="*/ 2875503 h 6858000"/>
              <a:gd name="connsiteX4791" fmla="*/ 2150856 w 6858000"/>
              <a:gd name="connsiteY4791" fmla="*/ 2865949 h 6858000"/>
              <a:gd name="connsiteX4792" fmla="*/ 2017615 w 6858000"/>
              <a:gd name="connsiteY4792" fmla="*/ 2865283 h 6858000"/>
              <a:gd name="connsiteX4793" fmla="*/ 2017615 w 6858000"/>
              <a:gd name="connsiteY4793" fmla="*/ 2876133 h 6858000"/>
              <a:gd name="connsiteX4794" fmla="*/ 2028465 w 6858000"/>
              <a:gd name="connsiteY4794" fmla="*/ 2876133 h 6858000"/>
              <a:gd name="connsiteX4795" fmla="*/ 2028465 w 6858000"/>
              <a:gd name="connsiteY4795" fmla="*/ 2865283 h 6858000"/>
              <a:gd name="connsiteX4796" fmla="*/ 1893891 w 6858000"/>
              <a:gd name="connsiteY4796" fmla="*/ 2864653 h 6858000"/>
              <a:gd name="connsiteX4797" fmla="*/ 1893891 w 6858000"/>
              <a:gd name="connsiteY4797" fmla="*/ 2876799 h 6858000"/>
              <a:gd name="connsiteX4798" fmla="*/ 1906038 w 6858000"/>
              <a:gd name="connsiteY4798" fmla="*/ 2876799 h 6858000"/>
              <a:gd name="connsiteX4799" fmla="*/ 1906038 w 6858000"/>
              <a:gd name="connsiteY4799" fmla="*/ 2864653 h 6858000"/>
              <a:gd name="connsiteX4800" fmla="*/ 1770167 w 6858000"/>
              <a:gd name="connsiteY4800" fmla="*/ 2863986 h 6858000"/>
              <a:gd name="connsiteX4801" fmla="*/ 1770167 w 6858000"/>
              <a:gd name="connsiteY4801" fmla="*/ 2877466 h 6858000"/>
              <a:gd name="connsiteX4802" fmla="*/ 1783647 w 6858000"/>
              <a:gd name="connsiteY4802" fmla="*/ 2877466 h 6858000"/>
              <a:gd name="connsiteX4803" fmla="*/ 1783647 w 6858000"/>
              <a:gd name="connsiteY4803" fmla="*/ 2863986 h 6858000"/>
              <a:gd name="connsiteX4804" fmla="*/ 1646480 w 6858000"/>
              <a:gd name="connsiteY4804" fmla="*/ 2863357 h 6858000"/>
              <a:gd name="connsiteX4805" fmla="*/ 1646480 w 6858000"/>
              <a:gd name="connsiteY4805" fmla="*/ 2878133 h 6858000"/>
              <a:gd name="connsiteX4806" fmla="*/ 1661256 w 6858000"/>
              <a:gd name="connsiteY4806" fmla="*/ 2878133 h 6858000"/>
              <a:gd name="connsiteX4807" fmla="*/ 1661256 w 6858000"/>
              <a:gd name="connsiteY4807" fmla="*/ 2863357 h 6858000"/>
              <a:gd name="connsiteX4808" fmla="*/ 1522756 w 6858000"/>
              <a:gd name="connsiteY4808" fmla="*/ 2862690 h 6858000"/>
              <a:gd name="connsiteX4809" fmla="*/ 1522756 w 6858000"/>
              <a:gd name="connsiteY4809" fmla="*/ 2878762 h 6858000"/>
              <a:gd name="connsiteX4810" fmla="*/ 1538828 w 6858000"/>
              <a:gd name="connsiteY4810" fmla="*/ 2878762 h 6858000"/>
              <a:gd name="connsiteX4811" fmla="*/ 1538828 w 6858000"/>
              <a:gd name="connsiteY4811" fmla="*/ 2862690 h 6858000"/>
              <a:gd name="connsiteX4812" fmla="*/ 1399032 w 6858000"/>
              <a:gd name="connsiteY4812" fmla="*/ 2862024 h 6858000"/>
              <a:gd name="connsiteX4813" fmla="*/ 1399032 w 6858000"/>
              <a:gd name="connsiteY4813" fmla="*/ 2879392 h 6858000"/>
              <a:gd name="connsiteX4814" fmla="*/ 1416400 w 6858000"/>
              <a:gd name="connsiteY4814" fmla="*/ 2879392 h 6858000"/>
              <a:gd name="connsiteX4815" fmla="*/ 1416400 w 6858000"/>
              <a:gd name="connsiteY4815" fmla="*/ 2862024 h 6858000"/>
              <a:gd name="connsiteX4816" fmla="*/ 1275568 w 6858000"/>
              <a:gd name="connsiteY4816" fmla="*/ 2861616 h 6858000"/>
              <a:gd name="connsiteX4817" fmla="*/ 1275568 w 6858000"/>
              <a:gd name="connsiteY4817" fmla="*/ 2879873 h 6858000"/>
              <a:gd name="connsiteX4818" fmla="*/ 1293825 w 6858000"/>
              <a:gd name="connsiteY4818" fmla="*/ 2879873 h 6858000"/>
              <a:gd name="connsiteX4819" fmla="*/ 1293825 w 6858000"/>
              <a:gd name="connsiteY4819" fmla="*/ 2861616 h 6858000"/>
              <a:gd name="connsiteX4820" fmla="*/ 1151844 w 6858000"/>
              <a:gd name="connsiteY4820" fmla="*/ 2860950 h 6858000"/>
              <a:gd name="connsiteX4821" fmla="*/ 1151844 w 6858000"/>
              <a:gd name="connsiteY4821" fmla="*/ 2880503 h 6858000"/>
              <a:gd name="connsiteX4822" fmla="*/ 1171397 w 6858000"/>
              <a:gd name="connsiteY4822" fmla="*/ 2880503 h 6858000"/>
              <a:gd name="connsiteX4823" fmla="*/ 1171397 w 6858000"/>
              <a:gd name="connsiteY4823" fmla="*/ 2860950 h 6858000"/>
              <a:gd name="connsiteX4824" fmla="*/ 1028342 w 6858000"/>
              <a:gd name="connsiteY4824" fmla="*/ 2860505 h 6858000"/>
              <a:gd name="connsiteX4825" fmla="*/ 1028342 w 6858000"/>
              <a:gd name="connsiteY4825" fmla="*/ 2880910 h 6858000"/>
              <a:gd name="connsiteX4826" fmla="*/ 1048747 w 6858000"/>
              <a:gd name="connsiteY4826" fmla="*/ 2880910 h 6858000"/>
              <a:gd name="connsiteX4827" fmla="*/ 1048747 w 6858000"/>
              <a:gd name="connsiteY4827" fmla="*/ 2860505 h 6858000"/>
              <a:gd name="connsiteX4828" fmla="*/ 904840 w 6858000"/>
              <a:gd name="connsiteY4828" fmla="*/ 2860098 h 6858000"/>
              <a:gd name="connsiteX4829" fmla="*/ 904840 w 6858000"/>
              <a:gd name="connsiteY4829" fmla="*/ 2881391 h 6858000"/>
              <a:gd name="connsiteX4830" fmla="*/ 926133 w 6858000"/>
              <a:gd name="connsiteY4830" fmla="*/ 2881391 h 6858000"/>
              <a:gd name="connsiteX4831" fmla="*/ 926133 w 6858000"/>
              <a:gd name="connsiteY4831" fmla="*/ 2860098 h 6858000"/>
              <a:gd name="connsiteX4832" fmla="*/ 781376 w 6858000"/>
              <a:gd name="connsiteY4832" fmla="*/ 2859654 h 6858000"/>
              <a:gd name="connsiteX4833" fmla="*/ 781376 w 6858000"/>
              <a:gd name="connsiteY4833" fmla="*/ 2881799 h 6858000"/>
              <a:gd name="connsiteX4834" fmla="*/ 803521 w 6858000"/>
              <a:gd name="connsiteY4834" fmla="*/ 2881799 h 6858000"/>
              <a:gd name="connsiteX4835" fmla="*/ 803521 w 6858000"/>
              <a:gd name="connsiteY4835" fmla="*/ 2859654 h 6858000"/>
              <a:gd name="connsiteX4836" fmla="*/ 657874 w 6858000"/>
              <a:gd name="connsiteY4836" fmla="*/ 2859209 h 6858000"/>
              <a:gd name="connsiteX4837" fmla="*/ 657874 w 6858000"/>
              <a:gd name="connsiteY4837" fmla="*/ 2882243 h 6858000"/>
              <a:gd name="connsiteX4838" fmla="*/ 680908 w 6858000"/>
              <a:gd name="connsiteY4838" fmla="*/ 2882243 h 6858000"/>
              <a:gd name="connsiteX4839" fmla="*/ 680908 w 6858000"/>
              <a:gd name="connsiteY4839" fmla="*/ 2859209 h 6858000"/>
              <a:gd name="connsiteX4840" fmla="*/ 534594 w 6858000"/>
              <a:gd name="connsiteY4840" fmla="*/ 2858987 h 6858000"/>
              <a:gd name="connsiteX4841" fmla="*/ 534594 w 6858000"/>
              <a:gd name="connsiteY4841" fmla="*/ 2882428 h 6858000"/>
              <a:gd name="connsiteX4842" fmla="*/ 558035 w 6858000"/>
              <a:gd name="connsiteY4842" fmla="*/ 2882428 h 6858000"/>
              <a:gd name="connsiteX4843" fmla="*/ 558035 w 6858000"/>
              <a:gd name="connsiteY4843" fmla="*/ 2858987 h 6858000"/>
              <a:gd name="connsiteX4844" fmla="*/ 411315 w 6858000"/>
              <a:gd name="connsiteY4844" fmla="*/ 2858765 h 6858000"/>
              <a:gd name="connsiteX4845" fmla="*/ 411315 w 6858000"/>
              <a:gd name="connsiteY4845" fmla="*/ 2882651 h 6858000"/>
              <a:gd name="connsiteX4846" fmla="*/ 435201 w 6858000"/>
              <a:gd name="connsiteY4846" fmla="*/ 2882651 h 6858000"/>
              <a:gd name="connsiteX4847" fmla="*/ 435201 w 6858000"/>
              <a:gd name="connsiteY4847" fmla="*/ 2858765 h 6858000"/>
              <a:gd name="connsiteX4848" fmla="*/ 41921 w 6858000"/>
              <a:gd name="connsiteY4848" fmla="*/ 2858580 h 6858000"/>
              <a:gd name="connsiteX4849" fmla="*/ 41921 w 6858000"/>
              <a:gd name="connsiteY4849" fmla="*/ 2882910 h 6858000"/>
              <a:gd name="connsiteX4850" fmla="*/ 66251 w 6858000"/>
              <a:gd name="connsiteY4850" fmla="*/ 2882910 h 6858000"/>
              <a:gd name="connsiteX4851" fmla="*/ 66251 w 6858000"/>
              <a:gd name="connsiteY4851" fmla="*/ 2858580 h 6858000"/>
              <a:gd name="connsiteX4852" fmla="*/ 287813 w 6858000"/>
              <a:gd name="connsiteY4852" fmla="*/ 2858358 h 6858000"/>
              <a:gd name="connsiteX4853" fmla="*/ 287813 w 6858000"/>
              <a:gd name="connsiteY4853" fmla="*/ 2883132 h 6858000"/>
              <a:gd name="connsiteX4854" fmla="*/ 312587 w 6858000"/>
              <a:gd name="connsiteY4854" fmla="*/ 2883132 h 6858000"/>
              <a:gd name="connsiteX4855" fmla="*/ 312587 w 6858000"/>
              <a:gd name="connsiteY4855" fmla="*/ 2858358 h 6858000"/>
              <a:gd name="connsiteX4856" fmla="*/ 164756 w 6858000"/>
              <a:gd name="connsiteY4856" fmla="*/ 2858358 h 6858000"/>
              <a:gd name="connsiteX4857" fmla="*/ 164756 w 6858000"/>
              <a:gd name="connsiteY4857" fmla="*/ 2883132 h 6858000"/>
              <a:gd name="connsiteX4858" fmla="*/ 189530 w 6858000"/>
              <a:gd name="connsiteY4858" fmla="*/ 2883132 h 6858000"/>
              <a:gd name="connsiteX4859" fmla="*/ 189530 w 6858000"/>
              <a:gd name="connsiteY4859" fmla="*/ 2858358 h 6858000"/>
              <a:gd name="connsiteX4860" fmla="*/ 4484020 w 6858000"/>
              <a:gd name="connsiteY4860" fmla="*/ 2747447 h 6858000"/>
              <a:gd name="connsiteX4861" fmla="*/ 4484020 w 6858000"/>
              <a:gd name="connsiteY4861" fmla="*/ 2747891 h 6858000"/>
              <a:gd name="connsiteX4862" fmla="*/ 4484464 w 6858000"/>
              <a:gd name="connsiteY4862" fmla="*/ 2747891 h 6858000"/>
              <a:gd name="connsiteX4863" fmla="*/ 4484464 w 6858000"/>
              <a:gd name="connsiteY4863" fmla="*/ 2747447 h 6858000"/>
              <a:gd name="connsiteX4864" fmla="*/ 4360962 w 6858000"/>
              <a:gd name="connsiteY4864" fmla="*/ 2747447 h 6858000"/>
              <a:gd name="connsiteX4865" fmla="*/ 4360962 w 6858000"/>
              <a:gd name="connsiteY4865" fmla="*/ 2747891 h 6858000"/>
              <a:gd name="connsiteX4866" fmla="*/ 4361406 w 6858000"/>
              <a:gd name="connsiteY4866" fmla="*/ 2747891 h 6858000"/>
              <a:gd name="connsiteX4867" fmla="*/ 4361406 w 6858000"/>
              <a:gd name="connsiteY4867" fmla="*/ 2747447 h 6858000"/>
              <a:gd name="connsiteX4868" fmla="*/ 4237905 w 6858000"/>
              <a:gd name="connsiteY4868" fmla="*/ 2747447 h 6858000"/>
              <a:gd name="connsiteX4869" fmla="*/ 4237905 w 6858000"/>
              <a:gd name="connsiteY4869" fmla="*/ 2747891 h 6858000"/>
              <a:gd name="connsiteX4870" fmla="*/ 4238349 w 6858000"/>
              <a:gd name="connsiteY4870" fmla="*/ 2747891 h 6858000"/>
              <a:gd name="connsiteX4871" fmla="*/ 4238349 w 6858000"/>
              <a:gd name="connsiteY4871" fmla="*/ 2747447 h 6858000"/>
              <a:gd name="connsiteX4872" fmla="*/ 4114848 w 6858000"/>
              <a:gd name="connsiteY4872" fmla="*/ 2747447 h 6858000"/>
              <a:gd name="connsiteX4873" fmla="*/ 4114848 w 6858000"/>
              <a:gd name="connsiteY4873" fmla="*/ 2747891 h 6858000"/>
              <a:gd name="connsiteX4874" fmla="*/ 4115292 w 6858000"/>
              <a:gd name="connsiteY4874" fmla="*/ 2747891 h 6858000"/>
              <a:gd name="connsiteX4875" fmla="*/ 4115292 w 6858000"/>
              <a:gd name="connsiteY4875" fmla="*/ 2747447 h 6858000"/>
              <a:gd name="connsiteX4876" fmla="*/ 3991790 w 6858000"/>
              <a:gd name="connsiteY4876" fmla="*/ 2747447 h 6858000"/>
              <a:gd name="connsiteX4877" fmla="*/ 3991790 w 6858000"/>
              <a:gd name="connsiteY4877" fmla="*/ 2747891 h 6858000"/>
              <a:gd name="connsiteX4878" fmla="*/ 3992235 w 6858000"/>
              <a:gd name="connsiteY4878" fmla="*/ 2747891 h 6858000"/>
              <a:gd name="connsiteX4879" fmla="*/ 3992235 w 6858000"/>
              <a:gd name="connsiteY4879" fmla="*/ 2747447 h 6858000"/>
              <a:gd name="connsiteX4880" fmla="*/ 3868733 w 6858000"/>
              <a:gd name="connsiteY4880" fmla="*/ 2747447 h 6858000"/>
              <a:gd name="connsiteX4881" fmla="*/ 3868733 w 6858000"/>
              <a:gd name="connsiteY4881" fmla="*/ 2747891 h 6858000"/>
              <a:gd name="connsiteX4882" fmla="*/ 3869177 w 6858000"/>
              <a:gd name="connsiteY4882" fmla="*/ 2747891 h 6858000"/>
              <a:gd name="connsiteX4883" fmla="*/ 3869177 w 6858000"/>
              <a:gd name="connsiteY4883" fmla="*/ 2747447 h 6858000"/>
              <a:gd name="connsiteX4884" fmla="*/ 3745676 w 6858000"/>
              <a:gd name="connsiteY4884" fmla="*/ 2747447 h 6858000"/>
              <a:gd name="connsiteX4885" fmla="*/ 3745676 w 6858000"/>
              <a:gd name="connsiteY4885" fmla="*/ 2747891 h 6858000"/>
              <a:gd name="connsiteX4886" fmla="*/ 3746120 w 6858000"/>
              <a:gd name="connsiteY4886" fmla="*/ 2747891 h 6858000"/>
              <a:gd name="connsiteX4887" fmla="*/ 3746120 w 6858000"/>
              <a:gd name="connsiteY4887" fmla="*/ 2747447 h 6858000"/>
              <a:gd name="connsiteX4888" fmla="*/ 3622396 w 6858000"/>
              <a:gd name="connsiteY4888" fmla="*/ 2747225 h 6858000"/>
              <a:gd name="connsiteX4889" fmla="*/ 3622396 w 6858000"/>
              <a:gd name="connsiteY4889" fmla="*/ 2748077 h 6858000"/>
              <a:gd name="connsiteX4890" fmla="*/ 3623248 w 6858000"/>
              <a:gd name="connsiteY4890" fmla="*/ 2748077 h 6858000"/>
              <a:gd name="connsiteX4891" fmla="*/ 3623248 w 6858000"/>
              <a:gd name="connsiteY4891" fmla="*/ 2747225 h 6858000"/>
              <a:gd name="connsiteX4892" fmla="*/ 3499339 w 6858000"/>
              <a:gd name="connsiteY4892" fmla="*/ 2747225 h 6858000"/>
              <a:gd name="connsiteX4893" fmla="*/ 3499339 w 6858000"/>
              <a:gd name="connsiteY4893" fmla="*/ 2748077 h 6858000"/>
              <a:gd name="connsiteX4894" fmla="*/ 3500191 w 6858000"/>
              <a:gd name="connsiteY4894" fmla="*/ 2748077 h 6858000"/>
              <a:gd name="connsiteX4895" fmla="*/ 3500191 w 6858000"/>
              <a:gd name="connsiteY4895" fmla="*/ 2747225 h 6858000"/>
              <a:gd name="connsiteX4896" fmla="*/ 3376059 w 6858000"/>
              <a:gd name="connsiteY4896" fmla="*/ 2747002 h 6858000"/>
              <a:gd name="connsiteX4897" fmla="*/ 3376059 w 6858000"/>
              <a:gd name="connsiteY4897" fmla="*/ 2748298 h 6858000"/>
              <a:gd name="connsiteX4898" fmla="*/ 3377355 w 6858000"/>
              <a:gd name="connsiteY4898" fmla="*/ 2748298 h 6858000"/>
              <a:gd name="connsiteX4899" fmla="*/ 3377355 w 6858000"/>
              <a:gd name="connsiteY4899" fmla="*/ 2747002 h 6858000"/>
              <a:gd name="connsiteX4900" fmla="*/ 3252780 w 6858000"/>
              <a:gd name="connsiteY4900" fmla="*/ 2746780 h 6858000"/>
              <a:gd name="connsiteX4901" fmla="*/ 3252780 w 6858000"/>
              <a:gd name="connsiteY4901" fmla="*/ 2748521 h 6858000"/>
              <a:gd name="connsiteX4902" fmla="*/ 3254520 w 6858000"/>
              <a:gd name="connsiteY4902" fmla="*/ 2748521 h 6858000"/>
              <a:gd name="connsiteX4903" fmla="*/ 3254520 w 6858000"/>
              <a:gd name="connsiteY4903" fmla="*/ 2746780 h 6858000"/>
              <a:gd name="connsiteX4904" fmla="*/ 3129500 w 6858000"/>
              <a:gd name="connsiteY4904" fmla="*/ 2746595 h 6858000"/>
              <a:gd name="connsiteX4905" fmla="*/ 3129500 w 6858000"/>
              <a:gd name="connsiteY4905" fmla="*/ 2748780 h 6858000"/>
              <a:gd name="connsiteX4906" fmla="*/ 3131685 w 6858000"/>
              <a:gd name="connsiteY4906" fmla="*/ 2748780 h 6858000"/>
              <a:gd name="connsiteX4907" fmla="*/ 3131685 w 6858000"/>
              <a:gd name="connsiteY4907" fmla="*/ 2746595 h 6858000"/>
              <a:gd name="connsiteX4908" fmla="*/ 3006221 w 6858000"/>
              <a:gd name="connsiteY4908" fmla="*/ 2746373 h 6858000"/>
              <a:gd name="connsiteX4909" fmla="*/ 3006221 w 6858000"/>
              <a:gd name="connsiteY4909" fmla="*/ 2748965 h 6858000"/>
              <a:gd name="connsiteX4910" fmla="*/ 3008813 w 6858000"/>
              <a:gd name="connsiteY4910" fmla="*/ 2748965 h 6858000"/>
              <a:gd name="connsiteX4911" fmla="*/ 3008813 w 6858000"/>
              <a:gd name="connsiteY4911" fmla="*/ 2746373 h 6858000"/>
              <a:gd name="connsiteX4912" fmla="*/ 2882719 w 6858000"/>
              <a:gd name="connsiteY4912" fmla="*/ 2745928 h 6858000"/>
              <a:gd name="connsiteX4913" fmla="*/ 2882719 w 6858000"/>
              <a:gd name="connsiteY4913" fmla="*/ 2749409 h 6858000"/>
              <a:gd name="connsiteX4914" fmla="*/ 2886200 w 6858000"/>
              <a:gd name="connsiteY4914" fmla="*/ 2749409 h 6858000"/>
              <a:gd name="connsiteX4915" fmla="*/ 2886200 w 6858000"/>
              <a:gd name="connsiteY4915" fmla="*/ 2745928 h 6858000"/>
              <a:gd name="connsiteX4916" fmla="*/ 2759440 w 6858000"/>
              <a:gd name="connsiteY4916" fmla="*/ 2745706 h 6858000"/>
              <a:gd name="connsiteX4917" fmla="*/ 2759440 w 6858000"/>
              <a:gd name="connsiteY4917" fmla="*/ 2749631 h 6858000"/>
              <a:gd name="connsiteX4918" fmla="*/ 2763365 w 6858000"/>
              <a:gd name="connsiteY4918" fmla="*/ 2749631 h 6858000"/>
              <a:gd name="connsiteX4919" fmla="*/ 2763365 w 6858000"/>
              <a:gd name="connsiteY4919" fmla="*/ 2745706 h 6858000"/>
              <a:gd name="connsiteX4920" fmla="*/ 2635938 w 6858000"/>
              <a:gd name="connsiteY4920" fmla="*/ 2745262 h 6858000"/>
              <a:gd name="connsiteX4921" fmla="*/ 2635938 w 6858000"/>
              <a:gd name="connsiteY4921" fmla="*/ 2750039 h 6858000"/>
              <a:gd name="connsiteX4922" fmla="*/ 2640715 w 6858000"/>
              <a:gd name="connsiteY4922" fmla="*/ 2750039 h 6858000"/>
              <a:gd name="connsiteX4923" fmla="*/ 2640715 w 6858000"/>
              <a:gd name="connsiteY4923" fmla="*/ 2745262 h 6858000"/>
              <a:gd name="connsiteX4924" fmla="*/ 2512473 w 6858000"/>
              <a:gd name="connsiteY4924" fmla="*/ 2744855 h 6858000"/>
              <a:gd name="connsiteX4925" fmla="*/ 2512473 w 6858000"/>
              <a:gd name="connsiteY4925" fmla="*/ 2750484 h 6858000"/>
              <a:gd name="connsiteX4926" fmla="*/ 2518102 w 6858000"/>
              <a:gd name="connsiteY4926" fmla="*/ 2750484 h 6858000"/>
              <a:gd name="connsiteX4927" fmla="*/ 2518102 w 6858000"/>
              <a:gd name="connsiteY4927" fmla="*/ 2744855 h 6858000"/>
              <a:gd name="connsiteX4928" fmla="*/ 2388972 w 6858000"/>
              <a:gd name="connsiteY4928" fmla="*/ 2744410 h 6858000"/>
              <a:gd name="connsiteX4929" fmla="*/ 2388972 w 6858000"/>
              <a:gd name="connsiteY4929" fmla="*/ 2750928 h 6858000"/>
              <a:gd name="connsiteX4930" fmla="*/ 2395490 w 6858000"/>
              <a:gd name="connsiteY4930" fmla="*/ 2750928 h 6858000"/>
              <a:gd name="connsiteX4931" fmla="*/ 2395490 w 6858000"/>
              <a:gd name="connsiteY4931" fmla="*/ 2744410 h 6858000"/>
              <a:gd name="connsiteX4932" fmla="*/ 2265470 w 6858000"/>
              <a:gd name="connsiteY4932" fmla="*/ 2743966 h 6858000"/>
              <a:gd name="connsiteX4933" fmla="*/ 2265470 w 6858000"/>
              <a:gd name="connsiteY4933" fmla="*/ 2751335 h 6858000"/>
              <a:gd name="connsiteX4934" fmla="*/ 2272839 w 6858000"/>
              <a:gd name="connsiteY4934" fmla="*/ 2751335 h 6858000"/>
              <a:gd name="connsiteX4935" fmla="*/ 2272839 w 6858000"/>
              <a:gd name="connsiteY4935" fmla="*/ 2743966 h 6858000"/>
              <a:gd name="connsiteX4936" fmla="*/ 2141746 w 6858000"/>
              <a:gd name="connsiteY4936" fmla="*/ 2743336 h 6858000"/>
              <a:gd name="connsiteX4937" fmla="*/ 2141746 w 6858000"/>
              <a:gd name="connsiteY4937" fmla="*/ 2752039 h 6858000"/>
              <a:gd name="connsiteX4938" fmla="*/ 2150448 w 6858000"/>
              <a:gd name="connsiteY4938" fmla="*/ 2752039 h 6858000"/>
              <a:gd name="connsiteX4939" fmla="*/ 2150448 w 6858000"/>
              <a:gd name="connsiteY4939" fmla="*/ 2743336 h 6858000"/>
              <a:gd name="connsiteX4940" fmla="*/ 2018244 w 6858000"/>
              <a:gd name="connsiteY4940" fmla="*/ 2742892 h 6858000"/>
              <a:gd name="connsiteX4941" fmla="*/ 2018244 w 6858000"/>
              <a:gd name="connsiteY4941" fmla="*/ 2752446 h 6858000"/>
              <a:gd name="connsiteX4942" fmla="*/ 2027798 w 6858000"/>
              <a:gd name="connsiteY4942" fmla="*/ 2752446 h 6858000"/>
              <a:gd name="connsiteX4943" fmla="*/ 2027798 w 6858000"/>
              <a:gd name="connsiteY4943" fmla="*/ 2742892 h 6858000"/>
              <a:gd name="connsiteX4944" fmla="*/ 1894780 w 6858000"/>
              <a:gd name="connsiteY4944" fmla="*/ 2742447 h 6858000"/>
              <a:gd name="connsiteX4945" fmla="*/ 1894780 w 6858000"/>
              <a:gd name="connsiteY4945" fmla="*/ 2752853 h 6858000"/>
              <a:gd name="connsiteX4946" fmla="*/ 1905186 w 6858000"/>
              <a:gd name="connsiteY4946" fmla="*/ 2752853 h 6858000"/>
              <a:gd name="connsiteX4947" fmla="*/ 1905186 w 6858000"/>
              <a:gd name="connsiteY4947" fmla="*/ 2742447 h 6858000"/>
              <a:gd name="connsiteX4948" fmla="*/ 1771056 w 6858000"/>
              <a:gd name="connsiteY4948" fmla="*/ 2741818 h 6858000"/>
              <a:gd name="connsiteX4949" fmla="*/ 1771056 w 6858000"/>
              <a:gd name="connsiteY4949" fmla="*/ 2753557 h 6858000"/>
              <a:gd name="connsiteX4950" fmla="*/ 1782795 w 6858000"/>
              <a:gd name="connsiteY4950" fmla="*/ 2753557 h 6858000"/>
              <a:gd name="connsiteX4951" fmla="*/ 1782795 w 6858000"/>
              <a:gd name="connsiteY4951" fmla="*/ 2741818 h 6858000"/>
              <a:gd name="connsiteX4952" fmla="*/ 1647554 w 6858000"/>
              <a:gd name="connsiteY4952" fmla="*/ 2741374 h 6858000"/>
              <a:gd name="connsiteX4953" fmla="*/ 1647554 w 6858000"/>
              <a:gd name="connsiteY4953" fmla="*/ 2753965 h 6858000"/>
              <a:gd name="connsiteX4954" fmla="*/ 1660145 w 6858000"/>
              <a:gd name="connsiteY4954" fmla="*/ 2753965 h 6858000"/>
              <a:gd name="connsiteX4955" fmla="*/ 1660145 w 6858000"/>
              <a:gd name="connsiteY4955" fmla="*/ 2741374 h 6858000"/>
              <a:gd name="connsiteX4956" fmla="*/ 1523830 w 6858000"/>
              <a:gd name="connsiteY4956" fmla="*/ 2740707 h 6858000"/>
              <a:gd name="connsiteX4957" fmla="*/ 1523830 w 6858000"/>
              <a:gd name="connsiteY4957" fmla="*/ 2754594 h 6858000"/>
              <a:gd name="connsiteX4958" fmla="*/ 1537717 w 6858000"/>
              <a:gd name="connsiteY4958" fmla="*/ 2754594 h 6858000"/>
              <a:gd name="connsiteX4959" fmla="*/ 1537717 w 6858000"/>
              <a:gd name="connsiteY4959" fmla="*/ 2740707 h 6858000"/>
              <a:gd name="connsiteX4960" fmla="*/ 1400365 w 6858000"/>
              <a:gd name="connsiteY4960" fmla="*/ 2740263 h 6858000"/>
              <a:gd name="connsiteX4961" fmla="*/ 1400365 w 6858000"/>
              <a:gd name="connsiteY4961" fmla="*/ 2755039 h 6858000"/>
              <a:gd name="connsiteX4962" fmla="*/ 1415141 w 6858000"/>
              <a:gd name="connsiteY4962" fmla="*/ 2755039 h 6858000"/>
              <a:gd name="connsiteX4963" fmla="*/ 1415141 w 6858000"/>
              <a:gd name="connsiteY4963" fmla="*/ 2740263 h 6858000"/>
              <a:gd name="connsiteX4964" fmla="*/ 1276864 w 6858000"/>
              <a:gd name="connsiteY4964" fmla="*/ 2739855 h 6858000"/>
              <a:gd name="connsiteX4965" fmla="*/ 1276864 w 6858000"/>
              <a:gd name="connsiteY4965" fmla="*/ 2755483 h 6858000"/>
              <a:gd name="connsiteX4966" fmla="*/ 1292491 w 6858000"/>
              <a:gd name="connsiteY4966" fmla="*/ 2755483 h 6858000"/>
              <a:gd name="connsiteX4967" fmla="*/ 1292491 w 6858000"/>
              <a:gd name="connsiteY4967" fmla="*/ 2739855 h 6858000"/>
              <a:gd name="connsiteX4968" fmla="*/ 1153362 w 6858000"/>
              <a:gd name="connsiteY4968" fmla="*/ 2739411 h 6858000"/>
              <a:gd name="connsiteX4969" fmla="*/ 1153362 w 6858000"/>
              <a:gd name="connsiteY4969" fmla="*/ 2755927 h 6858000"/>
              <a:gd name="connsiteX4970" fmla="*/ 1169878 w 6858000"/>
              <a:gd name="connsiteY4970" fmla="*/ 2755927 h 6858000"/>
              <a:gd name="connsiteX4971" fmla="*/ 1169878 w 6858000"/>
              <a:gd name="connsiteY4971" fmla="*/ 2739411 h 6858000"/>
              <a:gd name="connsiteX4972" fmla="*/ 1029860 w 6858000"/>
              <a:gd name="connsiteY4972" fmla="*/ 2738966 h 6858000"/>
              <a:gd name="connsiteX4973" fmla="*/ 1029860 w 6858000"/>
              <a:gd name="connsiteY4973" fmla="*/ 2756334 h 6858000"/>
              <a:gd name="connsiteX4974" fmla="*/ 1047228 w 6858000"/>
              <a:gd name="connsiteY4974" fmla="*/ 2756334 h 6858000"/>
              <a:gd name="connsiteX4975" fmla="*/ 1047228 w 6858000"/>
              <a:gd name="connsiteY4975" fmla="*/ 2738966 h 6858000"/>
              <a:gd name="connsiteX4976" fmla="*/ 906359 w 6858000"/>
              <a:gd name="connsiteY4976" fmla="*/ 2738559 h 6858000"/>
              <a:gd name="connsiteX4977" fmla="*/ 906359 w 6858000"/>
              <a:gd name="connsiteY4977" fmla="*/ 2756816 h 6858000"/>
              <a:gd name="connsiteX4978" fmla="*/ 924616 w 6858000"/>
              <a:gd name="connsiteY4978" fmla="*/ 2756816 h 6858000"/>
              <a:gd name="connsiteX4979" fmla="*/ 924616 w 6858000"/>
              <a:gd name="connsiteY4979" fmla="*/ 2738559 h 6858000"/>
              <a:gd name="connsiteX4980" fmla="*/ 783079 w 6858000"/>
              <a:gd name="connsiteY4980" fmla="*/ 2738337 h 6858000"/>
              <a:gd name="connsiteX4981" fmla="*/ 783079 w 6858000"/>
              <a:gd name="connsiteY4981" fmla="*/ 2757001 h 6858000"/>
              <a:gd name="connsiteX4982" fmla="*/ 801743 w 6858000"/>
              <a:gd name="connsiteY4982" fmla="*/ 2757001 h 6858000"/>
              <a:gd name="connsiteX4983" fmla="*/ 801743 w 6858000"/>
              <a:gd name="connsiteY4983" fmla="*/ 2738337 h 6858000"/>
              <a:gd name="connsiteX4984" fmla="*/ 659614 w 6858000"/>
              <a:gd name="connsiteY4984" fmla="*/ 2737893 h 6858000"/>
              <a:gd name="connsiteX4985" fmla="*/ 659614 w 6858000"/>
              <a:gd name="connsiteY4985" fmla="*/ 2757446 h 6858000"/>
              <a:gd name="connsiteX4986" fmla="*/ 679167 w 6858000"/>
              <a:gd name="connsiteY4986" fmla="*/ 2757446 h 6858000"/>
              <a:gd name="connsiteX4987" fmla="*/ 679167 w 6858000"/>
              <a:gd name="connsiteY4987" fmla="*/ 2737893 h 6858000"/>
              <a:gd name="connsiteX4988" fmla="*/ 536335 w 6858000"/>
              <a:gd name="connsiteY4988" fmla="*/ 2737670 h 6858000"/>
              <a:gd name="connsiteX4989" fmla="*/ 536335 w 6858000"/>
              <a:gd name="connsiteY4989" fmla="*/ 2757667 h 6858000"/>
              <a:gd name="connsiteX4990" fmla="*/ 556332 w 6858000"/>
              <a:gd name="connsiteY4990" fmla="*/ 2757667 h 6858000"/>
              <a:gd name="connsiteX4991" fmla="*/ 556332 w 6858000"/>
              <a:gd name="connsiteY4991" fmla="*/ 2737670 h 6858000"/>
              <a:gd name="connsiteX4992" fmla="*/ 413055 w 6858000"/>
              <a:gd name="connsiteY4992" fmla="*/ 2737448 h 6858000"/>
              <a:gd name="connsiteX4993" fmla="*/ 413055 w 6858000"/>
              <a:gd name="connsiteY4993" fmla="*/ 2757853 h 6858000"/>
              <a:gd name="connsiteX4994" fmla="*/ 433460 w 6858000"/>
              <a:gd name="connsiteY4994" fmla="*/ 2757853 h 6858000"/>
              <a:gd name="connsiteX4995" fmla="*/ 433460 w 6858000"/>
              <a:gd name="connsiteY4995" fmla="*/ 2737448 h 6858000"/>
              <a:gd name="connsiteX4996" fmla="*/ 43883 w 6858000"/>
              <a:gd name="connsiteY4996" fmla="*/ 2737448 h 6858000"/>
              <a:gd name="connsiteX4997" fmla="*/ 43883 w 6858000"/>
              <a:gd name="connsiteY4997" fmla="*/ 2757853 h 6858000"/>
              <a:gd name="connsiteX4998" fmla="*/ 64288 w 6858000"/>
              <a:gd name="connsiteY4998" fmla="*/ 2757853 h 6858000"/>
              <a:gd name="connsiteX4999" fmla="*/ 64288 w 6858000"/>
              <a:gd name="connsiteY4999" fmla="*/ 2737448 h 6858000"/>
              <a:gd name="connsiteX5000" fmla="*/ 289776 w 6858000"/>
              <a:gd name="connsiteY5000" fmla="*/ 2737226 h 6858000"/>
              <a:gd name="connsiteX5001" fmla="*/ 289776 w 6858000"/>
              <a:gd name="connsiteY5001" fmla="*/ 2758075 h 6858000"/>
              <a:gd name="connsiteX5002" fmla="*/ 310625 w 6858000"/>
              <a:gd name="connsiteY5002" fmla="*/ 2758075 h 6858000"/>
              <a:gd name="connsiteX5003" fmla="*/ 310625 w 6858000"/>
              <a:gd name="connsiteY5003" fmla="*/ 2737226 h 6858000"/>
              <a:gd name="connsiteX5004" fmla="*/ 166719 w 6858000"/>
              <a:gd name="connsiteY5004" fmla="*/ 2737226 h 6858000"/>
              <a:gd name="connsiteX5005" fmla="*/ 166719 w 6858000"/>
              <a:gd name="connsiteY5005" fmla="*/ 2758075 h 6858000"/>
              <a:gd name="connsiteX5006" fmla="*/ 187568 w 6858000"/>
              <a:gd name="connsiteY5006" fmla="*/ 2758075 h 6858000"/>
              <a:gd name="connsiteX5007" fmla="*/ 187568 w 6858000"/>
              <a:gd name="connsiteY5007" fmla="*/ 2737226 h 6858000"/>
              <a:gd name="connsiteX5008" fmla="*/ 4484020 w 6858000"/>
              <a:gd name="connsiteY5008" fmla="*/ 2624389 h 6858000"/>
              <a:gd name="connsiteX5009" fmla="*/ 4484020 w 6858000"/>
              <a:gd name="connsiteY5009" fmla="*/ 2624833 h 6858000"/>
              <a:gd name="connsiteX5010" fmla="*/ 4484464 w 6858000"/>
              <a:gd name="connsiteY5010" fmla="*/ 2624833 h 6858000"/>
              <a:gd name="connsiteX5011" fmla="*/ 4484464 w 6858000"/>
              <a:gd name="connsiteY5011" fmla="*/ 2624389 h 6858000"/>
              <a:gd name="connsiteX5012" fmla="*/ 4360962 w 6858000"/>
              <a:gd name="connsiteY5012" fmla="*/ 2624389 h 6858000"/>
              <a:gd name="connsiteX5013" fmla="*/ 4360962 w 6858000"/>
              <a:gd name="connsiteY5013" fmla="*/ 2624833 h 6858000"/>
              <a:gd name="connsiteX5014" fmla="*/ 4361406 w 6858000"/>
              <a:gd name="connsiteY5014" fmla="*/ 2624833 h 6858000"/>
              <a:gd name="connsiteX5015" fmla="*/ 4361406 w 6858000"/>
              <a:gd name="connsiteY5015" fmla="*/ 2624389 h 6858000"/>
              <a:gd name="connsiteX5016" fmla="*/ 4237905 w 6858000"/>
              <a:gd name="connsiteY5016" fmla="*/ 2624389 h 6858000"/>
              <a:gd name="connsiteX5017" fmla="*/ 4237905 w 6858000"/>
              <a:gd name="connsiteY5017" fmla="*/ 2624833 h 6858000"/>
              <a:gd name="connsiteX5018" fmla="*/ 4238349 w 6858000"/>
              <a:gd name="connsiteY5018" fmla="*/ 2624833 h 6858000"/>
              <a:gd name="connsiteX5019" fmla="*/ 4238349 w 6858000"/>
              <a:gd name="connsiteY5019" fmla="*/ 2624389 h 6858000"/>
              <a:gd name="connsiteX5020" fmla="*/ 4114848 w 6858000"/>
              <a:gd name="connsiteY5020" fmla="*/ 2624389 h 6858000"/>
              <a:gd name="connsiteX5021" fmla="*/ 4114848 w 6858000"/>
              <a:gd name="connsiteY5021" fmla="*/ 2624833 h 6858000"/>
              <a:gd name="connsiteX5022" fmla="*/ 4115292 w 6858000"/>
              <a:gd name="connsiteY5022" fmla="*/ 2624833 h 6858000"/>
              <a:gd name="connsiteX5023" fmla="*/ 4115292 w 6858000"/>
              <a:gd name="connsiteY5023" fmla="*/ 2624389 h 6858000"/>
              <a:gd name="connsiteX5024" fmla="*/ 3991790 w 6858000"/>
              <a:gd name="connsiteY5024" fmla="*/ 2624389 h 6858000"/>
              <a:gd name="connsiteX5025" fmla="*/ 3991790 w 6858000"/>
              <a:gd name="connsiteY5025" fmla="*/ 2624833 h 6858000"/>
              <a:gd name="connsiteX5026" fmla="*/ 3992235 w 6858000"/>
              <a:gd name="connsiteY5026" fmla="*/ 2624833 h 6858000"/>
              <a:gd name="connsiteX5027" fmla="*/ 3992235 w 6858000"/>
              <a:gd name="connsiteY5027" fmla="*/ 2624389 h 6858000"/>
              <a:gd name="connsiteX5028" fmla="*/ 3868733 w 6858000"/>
              <a:gd name="connsiteY5028" fmla="*/ 2624389 h 6858000"/>
              <a:gd name="connsiteX5029" fmla="*/ 3868733 w 6858000"/>
              <a:gd name="connsiteY5029" fmla="*/ 2624833 h 6858000"/>
              <a:gd name="connsiteX5030" fmla="*/ 3869177 w 6858000"/>
              <a:gd name="connsiteY5030" fmla="*/ 2624833 h 6858000"/>
              <a:gd name="connsiteX5031" fmla="*/ 3869177 w 6858000"/>
              <a:gd name="connsiteY5031" fmla="*/ 2624389 h 6858000"/>
              <a:gd name="connsiteX5032" fmla="*/ 3745676 w 6858000"/>
              <a:gd name="connsiteY5032" fmla="*/ 2624389 h 6858000"/>
              <a:gd name="connsiteX5033" fmla="*/ 3745676 w 6858000"/>
              <a:gd name="connsiteY5033" fmla="*/ 2624833 h 6858000"/>
              <a:gd name="connsiteX5034" fmla="*/ 3746120 w 6858000"/>
              <a:gd name="connsiteY5034" fmla="*/ 2624833 h 6858000"/>
              <a:gd name="connsiteX5035" fmla="*/ 3746120 w 6858000"/>
              <a:gd name="connsiteY5035" fmla="*/ 2624389 h 6858000"/>
              <a:gd name="connsiteX5036" fmla="*/ 3622396 w 6858000"/>
              <a:gd name="connsiteY5036" fmla="*/ 2624167 h 6858000"/>
              <a:gd name="connsiteX5037" fmla="*/ 3622396 w 6858000"/>
              <a:gd name="connsiteY5037" fmla="*/ 2625019 h 6858000"/>
              <a:gd name="connsiteX5038" fmla="*/ 3623248 w 6858000"/>
              <a:gd name="connsiteY5038" fmla="*/ 2625019 h 6858000"/>
              <a:gd name="connsiteX5039" fmla="*/ 3623248 w 6858000"/>
              <a:gd name="connsiteY5039" fmla="*/ 2624167 h 6858000"/>
              <a:gd name="connsiteX5040" fmla="*/ 3499339 w 6858000"/>
              <a:gd name="connsiteY5040" fmla="*/ 2624167 h 6858000"/>
              <a:gd name="connsiteX5041" fmla="*/ 3499339 w 6858000"/>
              <a:gd name="connsiteY5041" fmla="*/ 2625019 h 6858000"/>
              <a:gd name="connsiteX5042" fmla="*/ 3500191 w 6858000"/>
              <a:gd name="connsiteY5042" fmla="*/ 2625019 h 6858000"/>
              <a:gd name="connsiteX5043" fmla="*/ 3500191 w 6858000"/>
              <a:gd name="connsiteY5043" fmla="*/ 2624167 h 6858000"/>
              <a:gd name="connsiteX5044" fmla="*/ 3376059 w 6858000"/>
              <a:gd name="connsiteY5044" fmla="*/ 2623945 h 6858000"/>
              <a:gd name="connsiteX5045" fmla="*/ 3376059 w 6858000"/>
              <a:gd name="connsiteY5045" fmla="*/ 2625241 h 6858000"/>
              <a:gd name="connsiteX5046" fmla="*/ 3377355 w 6858000"/>
              <a:gd name="connsiteY5046" fmla="*/ 2625241 h 6858000"/>
              <a:gd name="connsiteX5047" fmla="*/ 3377355 w 6858000"/>
              <a:gd name="connsiteY5047" fmla="*/ 2623945 h 6858000"/>
              <a:gd name="connsiteX5048" fmla="*/ 3252780 w 6858000"/>
              <a:gd name="connsiteY5048" fmla="*/ 2623723 h 6858000"/>
              <a:gd name="connsiteX5049" fmla="*/ 3252780 w 6858000"/>
              <a:gd name="connsiteY5049" fmla="*/ 2625463 h 6858000"/>
              <a:gd name="connsiteX5050" fmla="*/ 3254520 w 6858000"/>
              <a:gd name="connsiteY5050" fmla="*/ 2625463 h 6858000"/>
              <a:gd name="connsiteX5051" fmla="*/ 3254520 w 6858000"/>
              <a:gd name="connsiteY5051" fmla="*/ 2623723 h 6858000"/>
              <a:gd name="connsiteX5052" fmla="*/ 3129723 w 6858000"/>
              <a:gd name="connsiteY5052" fmla="*/ 2623723 h 6858000"/>
              <a:gd name="connsiteX5053" fmla="*/ 3129723 w 6858000"/>
              <a:gd name="connsiteY5053" fmla="*/ 2625463 h 6858000"/>
              <a:gd name="connsiteX5054" fmla="*/ 3131463 w 6858000"/>
              <a:gd name="connsiteY5054" fmla="*/ 2625463 h 6858000"/>
              <a:gd name="connsiteX5055" fmla="*/ 3131463 w 6858000"/>
              <a:gd name="connsiteY5055" fmla="*/ 2623723 h 6858000"/>
              <a:gd name="connsiteX5056" fmla="*/ 3006221 w 6858000"/>
              <a:gd name="connsiteY5056" fmla="*/ 2623316 h 6858000"/>
              <a:gd name="connsiteX5057" fmla="*/ 3006221 w 6858000"/>
              <a:gd name="connsiteY5057" fmla="*/ 2625908 h 6858000"/>
              <a:gd name="connsiteX5058" fmla="*/ 3008813 w 6858000"/>
              <a:gd name="connsiteY5058" fmla="*/ 2625908 h 6858000"/>
              <a:gd name="connsiteX5059" fmla="*/ 3008813 w 6858000"/>
              <a:gd name="connsiteY5059" fmla="*/ 2623316 h 6858000"/>
              <a:gd name="connsiteX5060" fmla="*/ 2882941 w 6858000"/>
              <a:gd name="connsiteY5060" fmla="*/ 2623093 h 6858000"/>
              <a:gd name="connsiteX5061" fmla="*/ 2882941 w 6858000"/>
              <a:gd name="connsiteY5061" fmla="*/ 2626130 h 6858000"/>
              <a:gd name="connsiteX5062" fmla="*/ 2885978 w 6858000"/>
              <a:gd name="connsiteY5062" fmla="*/ 2626130 h 6858000"/>
              <a:gd name="connsiteX5063" fmla="*/ 2885978 w 6858000"/>
              <a:gd name="connsiteY5063" fmla="*/ 2623093 h 6858000"/>
              <a:gd name="connsiteX5064" fmla="*/ 2759662 w 6858000"/>
              <a:gd name="connsiteY5064" fmla="*/ 2622871 h 6858000"/>
              <a:gd name="connsiteX5065" fmla="*/ 2759662 w 6858000"/>
              <a:gd name="connsiteY5065" fmla="*/ 2626352 h 6858000"/>
              <a:gd name="connsiteX5066" fmla="*/ 2763143 w 6858000"/>
              <a:gd name="connsiteY5066" fmla="*/ 2626352 h 6858000"/>
              <a:gd name="connsiteX5067" fmla="*/ 2763143 w 6858000"/>
              <a:gd name="connsiteY5067" fmla="*/ 2622871 h 6858000"/>
              <a:gd name="connsiteX5068" fmla="*/ 2636160 w 6858000"/>
              <a:gd name="connsiteY5068" fmla="*/ 2622427 h 6858000"/>
              <a:gd name="connsiteX5069" fmla="*/ 2636160 w 6858000"/>
              <a:gd name="connsiteY5069" fmla="*/ 2626760 h 6858000"/>
              <a:gd name="connsiteX5070" fmla="*/ 2640493 w 6858000"/>
              <a:gd name="connsiteY5070" fmla="*/ 2626760 h 6858000"/>
              <a:gd name="connsiteX5071" fmla="*/ 2640493 w 6858000"/>
              <a:gd name="connsiteY5071" fmla="*/ 2622427 h 6858000"/>
              <a:gd name="connsiteX5072" fmla="*/ 2512881 w 6858000"/>
              <a:gd name="connsiteY5072" fmla="*/ 2622205 h 6858000"/>
              <a:gd name="connsiteX5073" fmla="*/ 2512881 w 6858000"/>
              <a:gd name="connsiteY5073" fmla="*/ 2626982 h 6858000"/>
              <a:gd name="connsiteX5074" fmla="*/ 2517658 w 6858000"/>
              <a:gd name="connsiteY5074" fmla="*/ 2626982 h 6858000"/>
              <a:gd name="connsiteX5075" fmla="*/ 2517658 w 6858000"/>
              <a:gd name="connsiteY5075" fmla="*/ 2622205 h 6858000"/>
              <a:gd name="connsiteX5076" fmla="*/ 2389379 w 6858000"/>
              <a:gd name="connsiteY5076" fmla="*/ 2621797 h 6858000"/>
              <a:gd name="connsiteX5077" fmla="*/ 2389379 w 6858000"/>
              <a:gd name="connsiteY5077" fmla="*/ 2627426 h 6858000"/>
              <a:gd name="connsiteX5078" fmla="*/ 2395008 w 6858000"/>
              <a:gd name="connsiteY5078" fmla="*/ 2627426 h 6858000"/>
              <a:gd name="connsiteX5079" fmla="*/ 2395008 w 6858000"/>
              <a:gd name="connsiteY5079" fmla="*/ 2621797 h 6858000"/>
              <a:gd name="connsiteX5080" fmla="*/ 2265914 w 6858000"/>
              <a:gd name="connsiteY5080" fmla="*/ 2621353 h 6858000"/>
              <a:gd name="connsiteX5081" fmla="*/ 2265914 w 6858000"/>
              <a:gd name="connsiteY5081" fmla="*/ 2627871 h 6858000"/>
              <a:gd name="connsiteX5082" fmla="*/ 2272432 w 6858000"/>
              <a:gd name="connsiteY5082" fmla="*/ 2627871 h 6858000"/>
              <a:gd name="connsiteX5083" fmla="*/ 2272432 w 6858000"/>
              <a:gd name="connsiteY5083" fmla="*/ 2621353 h 6858000"/>
              <a:gd name="connsiteX5084" fmla="*/ 2142413 w 6858000"/>
              <a:gd name="connsiteY5084" fmla="*/ 2620908 h 6858000"/>
              <a:gd name="connsiteX5085" fmla="*/ 2142413 w 6858000"/>
              <a:gd name="connsiteY5085" fmla="*/ 2628277 h 6858000"/>
              <a:gd name="connsiteX5086" fmla="*/ 2149782 w 6858000"/>
              <a:gd name="connsiteY5086" fmla="*/ 2628277 h 6858000"/>
              <a:gd name="connsiteX5087" fmla="*/ 2149782 w 6858000"/>
              <a:gd name="connsiteY5087" fmla="*/ 2620908 h 6858000"/>
              <a:gd name="connsiteX5088" fmla="*/ 2018911 w 6858000"/>
              <a:gd name="connsiteY5088" fmla="*/ 2620464 h 6858000"/>
              <a:gd name="connsiteX5089" fmla="*/ 2018911 w 6858000"/>
              <a:gd name="connsiteY5089" fmla="*/ 2628722 h 6858000"/>
              <a:gd name="connsiteX5090" fmla="*/ 2027169 w 6858000"/>
              <a:gd name="connsiteY5090" fmla="*/ 2628722 h 6858000"/>
              <a:gd name="connsiteX5091" fmla="*/ 2027169 w 6858000"/>
              <a:gd name="connsiteY5091" fmla="*/ 2620464 h 6858000"/>
              <a:gd name="connsiteX5092" fmla="*/ 1895409 w 6858000"/>
              <a:gd name="connsiteY5092" fmla="*/ 2620057 h 6858000"/>
              <a:gd name="connsiteX5093" fmla="*/ 1895409 w 6858000"/>
              <a:gd name="connsiteY5093" fmla="*/ 2629167 h 6858000"/>
              <a:gd name="connsiteX5094" fmla="*/ 1904519 w 6858000"/>
              <a:gd name="connsiteY5094" fmla="*/ 2629167 h 6858000"/>
              <a:gd name="connsiteX5095" fmla="*/ 1904519 w 6858000"/>
              <a:gd name="connsiteY5095" fmla="*/ 2620057 h 6858000"/>
              <a:gd name="connsiteX5096" fmla="*/ 1771907 w 6858000"/>
              <a:gd name="connsiteY5096" fmla="*/ 2619612 h 6858000"/>
              <a:gd name="connsiteX5097" fmla="*/ 1771907 w 6858000"/>
              <a:gd name="connsiteY5097" fmla="*/ 2629611 h 6858000"/>
              <a:gd name="connsiteX5098" fmla="*/ 1781906 w 6858000"/>
              <a:gd name="connsiteY5098" fmla="*/ 2629611 h 6858000"/>
              <a:gd name="connsiteX5099" fmla="*/ 1781906 w 6858000"/>
              <a:gd name="connsiteY5099" fmla="*/ 2619612 h 6858000"/>
              <a:gd name="connsiteX5100" fmla="*/ 1648443 w 6858000"/>
              <a:gd name="connsiteY5100" fmla="*/ 2619168 h 6858000"/>
              <a:gd name="connsiteX5101" fmla="*/ 1648443 w 6858000"/>
              <a:gd name="connsiteY5101" fmla="*/ 2630018 h 6858000"/>
              <a:gd name="connsiteX5102" fmla="*/ 1659293 w 6858000"/>
              <a:gd name="connsiteY5102" fmla="*/ 2630018 h 6858000"/>
              <a:gd name="connsiteX5103" fmla="*/ 1659293 w 6858000"/>
              <a:gd name="connsiteY5103" fmla="*/ 2619168 h 6858000"/>
              <a:gd name="connsiteX5104" fmla="*/ 1524941 w 6858000"/>
              <a:gd name="connsiteY5104" fmla="*/ 2618724 h 6858000"/>
              <a:gd name="connsiteX5105" fmla="*/ 1524941 w 6858000"/>
              <a:gd name="connsiteY5105" fmla="*/ 2630463 h 6858000"/>
              <a:gd name="connsiteX5106" fmla="*/ 1536680 w 6858000"/>
              <a:gd name="connsiteY5106" fmla="*/ 2630463 h 6858000"/>
              <a:gd name="connsiteX5107" fmla="*/ 1536680 w 6858000"/>
              <a:gd name="connsiteY5107" fmla="*/ 2618724 h 6858000"/>
              <a:gd name="connsiteX5108" fmla="*/ 1401439 w 6858000"/>
              <a:gd name="connsiteY5108" fmla="*/ 2618316 h 6858000"/>
              <a:gd name="connsiteX5109" fmla="*/ 1401439 w 6858000"/>
              <a:gd name="connsiteY5109" fmla="*/ 2630907 h 6858000"/>
              <a:gd name="connsiteX5110" fmla="*/ 1414030 w 6858000"/>
              <a:gd name="connsiteY5110" fmla="*/ 2630907 h 6858000"/>
              <a:gd name="connsiteX5111" fmla="*/ 1414030 w 6858000"/>
              <a:gd name="connsiteY5111" fmla="*/ 2618316 h 6858000"/>
              <a:gd name="connsiteX5112" fmla="*/ 1278160 w 6858000"/>
              <a:gd name="connsiteY5112" fmla="*/ 2618094 h 6858000"/>
              <a:gd name="connsiteX5113" fmla="*/ 1278160 w 6858000"/>
              <a:gd name="connsiteY5113" fmla="*/ 2631129 h 6858000"/>
              <a:gd name="connsiteX5114" fmla="*/ 1291195 w 6858000"/>
              <a:gd name="connsiteY5114" fmla="*/ 2631129 h 6858000"/>
              <a:gd name="connsiteX5115" fmla="*/ 1291195 w 6858000"/>
              <a:gd name="connsiteY5115" fmla="*/ 2618094 h 6858000"/>
              <a:gd name="connsiteX5116" fmla="*/ 1154658 w 6858000"/>
              <a:gd name="connsiteY5116" fmla="*/ 2617650 h 6858000"/>
              <a:gd name="connsiteX5117" fmla="*/ 1154658 w 6858000"/>
              <a:gd name="connsiteY5117" fmla="*/ 2631537 h 6858000"/>
              <a:gd name="connsiteX5118" fmla="*/ 1168545 w 6858000"/>
              <a:gd name="connsiteY5118" fmla="*/ 2631537 h 6858000"/>
              <a:gd name="connsiteX5119" fmla="*/ 1168545 w 6858000"/>
              <a:gd name="connsiteY5119" fmla="*/ 2617650 h 6858000"/>
              <a:gd name="connsiteX5120" fmla="*/ 1031379 w 6858000"/>
              <a:gd name="connsiteY5120" fmla="*/ 2617427 h 6858000"/>
              <a:gd name="connsiteX5121" fmla="*/ 1031379 w 6858000"/>
              <a:gd name="connsiteY5121" fmla="*/ 2631758 h 6858000"/>
              <a:gd name="connsiteX5122" fmla="*/ 1045710 w 6858000"/>
              <a:gd name="connsiteY5122" fmla="*/ 2631758 h 6858000"/>
              <a:gd name="connsiteX5123" fmla="*/ 1045710 w 6858000"/>
              <a:gd name="connsiteY5123" fmla="*/ 2617427 h 6858000"/>
              <a:gd name="connsiteX5124" fmla="*/ 908099 w 6858000"/>
              <a:gd name="connsiteY5124" fmla="*/ 2617205 h 6858000"/>
              <a:gd name="connsiteX5125" fmla="*/ 908099 w 6858000"/>
              <a:gd name="connsiteY5125" fmla="*/ 2631981 h 6858000"/>
              <a:gd name="connsiteX5126" fmla="*/ 922875 w 6858000"/>
              <a:gd name="connsiteY5126" fmla="*/ 2631981 h 6858000"/>
              <a:gd name="connsiteX5127" fmla="*/ 922875 w 6858000"/>
              <a:gd name="connsiteY5127" fmla="*/ 2617205 h 6858000"/>
              <a:gd name="connsiteX5128" fmla="*/ 784634 w 6858000"/>
              <a:gd name="connsiteY5128" fmla="*/ 2616798 h 6858000"/>
              <a:gd name="connsiteX5129" fmla="*/ 784634 w 6858000"/>
              <a:gd name="connsiteY5129" fmla="*/ 2632426 h 6858000"/>
              <a:gd name="connsiteX5130" fmla="*/ 800262 w 6858000"/>
              <a:gd name="connsiteY5130" fmla="*/ 2632426 h 6858000"/>
              <a:gd name="connsiteX5131" fmla="*/ 800262 w 6858000"/>
              <a:gd name="connsiteY5131" fmla="*/ 2616798 h 6858000"/>
              <a:gd name="connsiteX5132" fmla="*/ 661540 w 6858000"/>
              <a:gd name="connsiteY5132" fmla="*/ 2616798 h 6858000"/>
              <a:gd name="connsiteX5133" fmla="*/ 661540 w 6858000"/>
              <a:gd name="connsiteY5133" fmla="*/ 2632426 h 6858000"/>
              <a:gd name="connsiteX5134" fmla="*/ 677168 w 6858000"/>
              <a:gd name="connsiteY5134" fmla="*/ 2632426 h 6858000"/>
              <a:gd name="connsiteX5135" fmla="*/ 677168 w 6858000"/>
              <a:gd name="connsiteY5135" fmla="*/ 2616798 h 6858000"/>
              <a:gd name="connsiteX5136" fmla="*/ 538298 w 6858000"/>
              <a:gd name="connsiteY5136" fmla="*/ 2616576 h 6858000"/>
              <a:gd name="connsiteX5137" fmla="*/ 538298 w 6858000"/>
              <a:gd name="connsiteY5137" fmla="*/ 2632648 h 6858000"/>
              <a:gd name="connsiteX5138" fmla="*/ 554370 w 6858000"/>
              <a:gd name="connsiteY5138" fmla="*/ 2632648 h 6858000"/>
              <a:gd name="connsiteX5139" fmla="*/ 554370 w 6858000"/>
              <a:gd name="connsiteY5139" fmla="*/ 2616576 h 6858000"/>
              <a:gd name="connsiteX5140" fmla="*/ 415018 w 6858000"/>
              <a:gd name="connsiteY5140" fmla="*/ 2616354 h 6858000"/>
              <a:gd name="connsiteX5141" fmla="*/ 415018 w 6858000"/>
              <a:gd name="connsiteY5141" fmla="*/ 2632870 h 6858000"/>
              <a:gd name="connsiteX5142" fmla="*/ 431534 w 6858000"/>
              <a:gd name="connsiteY5142" fmla="*/ 2632870 h 6858000"/>
              <a:gd name="connsiteX5143" fmla="*/ 431534 w 6858000"/>
              <a:gd name="connsiteY5143" fmla="*/ 2616354 h 6858000"/>
              <a:gd name="connsiteX5144" fmla="*/ 291739 w 6858000"/>
              <a:gd name="connsiteY5144" fmla="*/ 2616131 h 6858000"/>
              <a:gd name="connsiteX5145" fmla="*/ 291739 w 6858000"/>
              <a:gd name="connsiteY5145" fmla="*/ 2633055 h 6858000"/>
              <a:gd name="connsiteX5146" fmla="*/ 308663 w 6858000"/>
              <a:gd name="connsiteY5146" fmla="*/ 2633055 h 6858000"/>
              <a:gd name="connsiteX5147" fmla="*/ 308663 w 6858000"/>
              <a:gd name="connsiteY5147" fmla="*/ 2616131 h 6858000"/>
              <a:gd name="connsiteX5148" fmla="*/ 168681 w 6858000"/>
              <a:gd name="connsiteY5148" fmla="*/ 2616131 h 6858000"/>
              <a:gd name="connsiteX5149" fmla="*/ 168681 w 6858000"/>
              <a:gd name="connsiteY5149" fmla="*/ 2633055 h 6858000"/>
              <a:gd name="connsiteX5150" fmla="*/ 185605 w 6858000"/>
              <a:gd name="connsiteY5150" fmla="*/ 2633055 h 6858000"/>
              <a:gd name="connsiteX5151" fmla="*/ 185605 w 6858000"/>
              <a:gd name="connsiteY5151" fmla="*/ 2616131 h 6858000"/>
              <a:gd name="connsiteX5152" fmla="*/ 45587 w 6858000"/>
              <a:gd name="connsiteY5152" fmla="*/ 2616131 h 6858000"/>
              <a:gd name="connsiteX5153" fmla="*/ 45587 w 6858000"/>
              <a:gd name="connsiteY5153" fmla="*/ 2633055 h 6858000"/>
              <a:gd name="connsiteX5154" fmla="*/ 62511 w 6858000"/>
              <a:gd name="connsiteY5154" fmla="*/ 2633055 h 6858000"/>
              <a:gd name="connsiteX5155" fmla="*/ 62511 w 6858000"/>
              <a:gd name="connsiteY5155" fmla="*/ 2616131 h 6858000"/>
              <a:gd name="connsiteX5156" fmla="*/ 4484020 w 6858000"/>
              <a:gd name="connsiteY5156" fmla="*/ 2501332 h 6858000"/>
              <a:gd name="connsiteX5157" fmla="*/ 4484020 w 6858000"/>
              <a:gd name="connsiteY5157" fmla="*/ 2501776 h 6858000"/>
              <a:gd name="connsiteX5158" fmla="*/ 4484464 w 6858000"/>
              <a:gd name="connsiteY5158" fmla="*/ 2501776 h 6858000"/>
              <a:gd name="connsiteX5159" fmla="*/ 4484464 w 6858000"/>
              <a:gd name="connsiteY5159" fmla="*/ 2501332 h 6858000"/>
              <a:gd name="connsiteX5160" fmla="*/ 4360962 w 6858000"/>
              <a:gd name="connsiteY5160" fmla="*/ 2501332 h 6858000"/>
              <a:gd name="connsiteX5161" fmla="*/ 4360962 w 6858000"/>
              <a:gd name="connsiteY5161" fmla="*/ 2501776 h 6858000"/>
              <a:gd name="connsiteX5162" fmla="*/ 4361406 w 6858000"/>
              <a:gd name="connsiteY5162" fmla="*/ 2501776 h 6858000"/>
              <a:gd name="connsiteX5163" fmla="*/ 4361406 w 6858000"/>
              <a:gd name="connsiteY5163" fmla="*/ 2501332 h 6858000"/>
              <a:gd name="connsiteX5164" fmla="*/ 4237905 w 6858000"/>
              <a:gd name="connsiteY5164" fmla="*/ 2501332 h 6858000"/>
              <a:gd name="connsiteX5165" fmla="*/ 4237905 w 6858000"/>
              <a:gd name="connsiteY5165" fmla="*/ 2501776 h 6858000"/>
              <a:gd name="connsiteX5166" fmla="*/ 4238349 w 6858000"/>
              <a:gd name="connsiteY5166" fmla="*/ 2501776 h 6858000"/>
              <a:gd name="connsiteX5167" fmla="*/ 4238349 w 6858000"/>
              <a:gd name="connsiteY5167" fmla="*/ 2501332 h 6858000"/>
              <a:gd name="connsiteX5168" fmla="*/ 4114848 w 6858000"/>
              <a:gd name="connsiteY5168" fmla="*/ 2501332 h 6858000"/>
              <a:gd name="connsiteX5169" fmla="*/ 4114848 w 6858000"/>
              <a:gd name="connsiteY5169" fmla="*/ 2501776 h 6858000"/>
              <a:gd name="connsiteX5170" fmla="*/ 4115292 w 6858000"/>
              <a:gd name="connsiteY5170" fmla="*/ 2501776 h 6858000"/>
              <a:gd name="connsiteX5171" fmla="*/ 4115292 w 6858000"/>
              <a:gd name="connsiteY5171" fmla="*/ 2501332 h 6858000"/>
              <a:gd name="connsiteX5172" fmla="*/ 3991790 w 6858000"/>
              <a:gd name="connsiteY5172" fmla="*/ 2501332 h 6858000"/>
              <a:gd name="connsiteX5173" fmla="*/ 3991790 w 6858000"/>
              <a:gd name="connsiteY5173" fmla="*/ 2501776 h 6858000"/>
              <a:gd name="connsiteX5174" fmla="*/ 3992235 w 6858000"/>
              <a:gd name="connsiteY5174" fmla="*/ 2501776 h 6858000"/>
              <a:gd name="connsiteX5175" fmla="*/ 3992235 w 6858000"/>
              <a:gd name="connsiteY5175" fmla="*/ 2501332 h 6858000"/>
              <a:gd name="connsiteX5176" fmla="*/ 3868733 w 6858000"/>
              <a:gd name="connsiteY5176" fmla="*/ 2501332 h 6858000"/>
              <a:gd name="connsiteX5177" fmla="*/ 3868733 w 6858000"/>
              <a:gd name="connsiteY5177" fmla="*/ 2501776 h 6858000"/>
              <a:gd name="connsiteX5178" fmla="*/ 3869177 w 6858000"/>
              <a:gd name="connsiteY5178" fmla="*/ 2501776 h 6858000"/>
              <a:gd name="connsiteX5179" fmla="*/ 3869177 w 6858000"/>
              <a:gd name="connsiteY5179" fmla="*/ 2501332 h 6858000"/>
              <a:gd name="connsiteX5180" fmla="*/ 3745676 w 6858000"/>
              <a:gd name="connsiteY5180" fmla="*/ 2501332 h 6858000"/>
              <a:gd name="connsiteX5181" fmla="*/ 3745676 w 6858000"/>
              <a:gd name="connsiteY5181" fmla="*/ 2501776 h 6858000"/>
              <a:gd name="connsiteX5182" fmla="*/ 3746120 w 6858000"/>
              <a:gd name="connsiteY5182" fmla="*/ 2501776 h 6858000"/>
              <a:gd name="connsiteX5183" fmla="*/ 3746120 w 6858000"/>
              <a:gd name="connsiteY5183" fmla="*/ 2501332 h 6858000"/>
              <a:gd name="connsiteX5184" fmla="*/ 3622618 w 6858000"/>
              <a:gd name="connsiteY5184" fmla="*/ 2501332 h 6858000"/>
              <a:gd name="connsiteX5185" fmla="*/ 3622618 w 6858000"/>
              <a:gd name="connsiteY5185" fmla="*/ 2501776 h 6858000"/>
              <a:gd name="connsiteX5186" fmla="*/ 3623062 w 6858000"/>
              <a:gd name="connsiteY5186" fmla="*/ 2501776 h 6858000"/>
              <a:gd name="connsiteX5187" fmla="*/ 3623062 w 6858000"/>
              <a:gd name="connsiteY5187" fmla="*/ 2501332 h 6858000"/>
              <a:gd name="connsiteX5188" fmla="*/ 3499339 w 6858000"/>
              <a:gd name="connsiteY5188" fmla="*/ 2501110 h 6858000"/>
              <a:gd name="connsiteX5189" fmla="*/ 3499339 w 6858000"/>
              <a:gd name="connsiteY5189" fmla="*/ 2501962 h 6858000"/>
              <a:gd name="connsiteX5190" fmla="*/ 3500191 w 6858000"/>
              <a:gd name="connsiteY5190" fmla="*/ 2501962 h 6858000"/>
              <a:gd name="connsiteX5191" fmla="*/ 3500191 w 6858000"/>
              <a:gd name="connsiteY5191" fmla="*/ 2501110 h 6858000"/>
              <a:gd name="connsiteX5192" fmla="*/ 3376282 w 6858000"/>
              <a:gd name="connsiteY5192" fmla="*/ 2501110 h 6858000"/>
              <a:gd name="connsiteX5193" fmla="*/ 3376282 w 6858000"/>
              <a:gd name="connsiteY5193" fmla="*/ 2501962 h 6858000"/>
              <a:gd name="connsiteX5194" fmla="*/ 3377134 w 6858000"/>
              <a:gd name="connsiteY5194" fmla="*/ 2501962 h 6858000"/>
              <a:gd name="connsiteX5195" fmla="*/ 3377134 w 6858000"/>
              <a:gd name="connsiteY5195" fmla="*/ 2501110 h 6858000"/>
              <a:gd name="connsiteX5196" fmla="*/ 3253002 w 6858000"/>
              <a:gd name="connsiteY5196" fmla="*/ 2500888 h 6858000"/>
              <a:gd name="connsiteX5197" fmla="*/ 3253002 w 6858000"/>
              <a:gd name="connsiteY5197" fmla="*/ 2502184 h 6858000"/>
              <a:gd name="connsiteX5198" fmla="*/ 3254298 w 6858000"/>
              <a:gd name="connsiteY5198" fmla="*/ 2502184 h 6858000"/>
              <a:gd name="connsiteX5199" fmla="*/ 3254298 w 6858000"/>
              <a:gd name="connsiteY5199" fmla="*/ 2500888 h 6858000"/>
              <a:gd name="connsiteX5200" fmla="*/ 3129723 w 6858000"/>
              <a:gd name="connsiteY5200" fmla="*/ 2500666 h 6858000"/>
              <a:gd name="connsiteX5201" fmla="*/ 3129723 w 6858000"/>
              <a:gd name="connsiteY5201" fmla="*/ 2502406 h 6858000"/>
              <a:gd name="connsiteX5202" fmla="*/ 3131463 w 6858000"/>
              <a:gd name="connsiteY5202" fmla="*/ 2502406 h 6858000"/>
              <a:gd name="connsiteX5203" fmla="*/ 3131463 w 6858000"/>
              <a:gd name="connsiteY5203" fmla="*/ 2500666 h 6858000"/>
              <a:gd name="connsiteX5204" fmla="*/ 3006443 w 6858000"/>
              <a:gd name="connsiteY5204" fmla="*/ 2500443 h 6858000"/>
              <a:gd name="connsiteX5205" fmla="*/ 3006443 w 6858000"/>
              <a:gd name="connsiteY5205" fmla="*/ 2502628 h 6858000"/>
              <a:gd name="connsiteX5206" fmla="*/ 3008628 w 6858000"/>
              <a:gd name="connsiteY5206" fmla="*/ 2502628 h 6858000"/>
              <a:gd name="connsiteX5207" fmla="*/ 3008628 w 6858000"/>
              <a:gd name="connsiteY5207" fmla="*/ 2500443 h 6858000"/>
              <a:gd name="connsiteX5208" fmla="*/ 2883164 w 6858000"/>
              <a:gd name="connsiteY5208" fmla="*/ 2500258 h 6858000"/>
              <a:gd name="connsiteX5209" fmla="*/ 2883164 w 6858000"/>
              <a:gd name="connsiteY5209" fmla="*/ 2502850 h 6858000"/>
              <a:gd name="connsiteX5210" fmla="*/ 2885756 w 6858000"/>
              <a:gd name="connsiteY5210" fmla="*/ 2502850 h 6858000"/>
              <a:gd name="connsiteX5211" fmla="*/ 2885756 w 6858000"/>
              <a:gd name="connsiteY5211" fmla="*/ 2500258 h 6858000"/>
              <a:gd name="connsiteX5212" fmla="*/ 2759884 w 6858000"/>
              <a:gd name="connsiteY5212" fmla="*/ 2500036 h 6858000"/>
              <a:gd name="connsiteX5213" fmla="*/ 2759884 w 6858000"/>
              <a:gd name="connsiteY5213" fmla="*/ 2503073 h 6858000"/>
              <a:gd name="connsiteX5214" fmla="*/ 2762921 w 6858000"/>
              <a:gd name="connsiteY5214" fmla="*/ 2503073 h 6858000"/>
              <a:gd name="connsiteX5215" fmla="*/ 2762921 w 6858000"/>
              <a:gd name="connsiteY5215" fmla="*/ 2500036 h 6858000"/>
              <a:gd name="connsiteX5216" fmla="*/ 2636605 w 6858000"/>
              <a:gd name="connsiteY5216" fmla="*/ 2499814 h 6858000"/>
              <a:gd name="connsiteX5217" fmla="*/ 2636605 w 6858000"/>
              <a:gd name="connsiteY5217" fmla="*/ 2503295 h 6858000"/>
              <a:gd name="connsiteX5218" fmla="*/ 2640086 w 6858000"/>
              <a:gd name="connsiteY5218" fmla="*/ 2503295 h 6858000"/>
              <a:gd name="connsiteX5219" fmla="*/ 2640086 w 6858000"/>
              <a:gd name="connsiteY5219" fmla="*/ 2499814 h 6858000"/>
              <a:gd name="connsiteX5220" fmla="*/ 2513103 w 6858000"/>
              <a:gd name="connsiteY5220" fmla="*/ 2499369 h 6858000"/>
              <a:gd name="connsiteX5221" fmla="*/ 2513103 w 6858000"/>
              <a:gd name="connsiteY5221" fmla="*/ 2503702 h 6858000"/>
              <a:gd name="connsiteX5222" fmla="*/ 2517436 w 6858000"/>
              <a:gd name="connsiteY5222" fmla="*/ 2503702 h 6858000"/>
              <a:gd name="connsiteX5223" fmla="*/ 2517436 w 6858000"/>
              <a:gd name="connsiteY5223" fmla="*/ 2499369 h 6858000"/>
              <a:gd name="connsiteX5224" fmla="*/ 2389823 w 6858000"/>
              <a:gd name="connsiteY5224" fmla="*/ 2499147 h 6858000"/>
              <a:gd name="connsiteX5225" fmla="*/ 2389823 w 6858000"/>
              <a:gd name="connsiteY5225" fmla="*/ 2503924 h 6858000"/>
              <a:gd name="connsiteX5226" fmla="*/ 2394600 w 6858000"/>
              <a:gd name="connsiteY5226" fmla="*/ 2503924 h 6858000"/>
              <a:gd name="connsiteX5227" fmla="*/ 2394600 w 6858000"/>
              <a:gd name="connsiteY5227" fmla="*/ 2499147 h 6858000"/>
              <a:gd name="connsiteX5228" fmla="*/ 2266322 w 6858000"/>
              <a:gd name="connsiteY5228" fmla="*/ 2498703 h 6858000"/>
              <a:gd name="connsiteX5229" fmla="*/ 2266322 w 6858000"/>
              <a:gd name="connsiteY5229" fmla="*/ 2504332 h 6858000"/>
              <a:gd name="connsiteX5230" fmla="*/ 2271951 w 6858000"/>
              <a:gd name="connsiteY5230" fmla="*/ 2504332 h 6858000"/>
              <a:gd name="connsiteX5231" fmla="*/ 2271951 w 6858000"/>
              <a:gd name="connsiteY5231" fmla="*/ 2498703 h 6858000"/>
              <a:gd name="connsiteX5232" fmla="*/ 2143042 w 6858000"/>
              <a:gd name="connsiteY5232" fmla="*/ 2498518 h 6858000"/>
              <a:gd name="connsiteX5233" fmla="*/ 2143042 w 6858000"/>
              <a:gd name="connsiteY5233" fmla="*/ 2504591 h 6858000"/>
              <a:gd name="connsiteX5234" fmla="*/ 2149115 w 6858000"/>
              <a:gd name="connsiteY5234" fmla="*/ 2504591 h 6858000"/>
              <a:gd name="connsiteX5235" fmla="*/ 2149115 w 6858000"/>
              <a:gd name="connsiteY5235" fmla="*/ 2498518 h 6858000"/>
              <a:gd name="connsiteX5236" fmla="*/ 2019577 w 6858000"/>
              <a:gd name="connsiteY5236" fmla="*/ 2498073 h 6858000"/>
              <a:gd name="connsiteX5237" fmla="*/ 2019577 w 6858000"/>
              <a:gd name="connsiteY5237" fmla="*/ 2505035 h 6858000"/>
              <a:gd name="connsiteX5238" fmla="*/ 2026539 w 6858000"/>
              <a:gd name="connsiteY5238" fmla="*/ 2505035 h 6858000"/>
              <a:gd name="connsiteX5239" fmla="*/ 2026539 w 6858000"/>
              <a:gd name="connsiteY5239" fmla="*/ 2498073 h 6858000"/>
              <a:gd name="connsiteX5240" fmla="*/ 1896076 w 6858000"/>
              <a:gd name="connsiteY5240" fmla="*/ 2497629 h 6858000"/>
              <a:gd name="connsiteX5241" fmla="*/ 1896076 w 6858000"/>
              <a:gd name="connsiteY5241" fmla="*/ 2505443 h 6858000"/>
              <a:gd name="connsiteX5242" fmla="*/ 1903890 w 6858000"/>
              <a:gd name="connsiteY5242" fmla="*/ 2505443 h 6858000"/>
              <a:gd name="connsiteX5243" fmla="*/ 1903890 w 6858000"/>
              <a:gd name="connsiteY5243" fmla="*/ 2497629 h 6858000"/>
              <a:gd name="connsiteX5244" fmla="*/ 1772796 w 6858000"/>
              <a:gd name="connsiteY5244" fmla="*/ 2497407 h 6858000"/>
              <a:gd name="connsiteX5245" fmla="*/ 1772796 w 6858000"/>
              <a:gd name="connsiteY5245" fmla="*/ 2505665 h 6858000"/>
              <a:gd name="connsiteX5246" fmla="*/ 1781054 w 6858000"/>
              <a:gd name="connsiteY5246" fmla="*/ 2505665 h 6858000"/>
              <a:gd name="connsiteX5247" fmla="*/ 1781054 w 6858000"/>
              <a:gd name="connsiteY5247" fmla="*/ 2497407 h 6858000"/>
              <a:gd name="connsiteX5248" fmla="*/ 1649295 w 6858000"/>
              <a:gd name="connsiteY5248" fmla="*/ 2496999 h 6858000"/>
              <a:gd name="connsiteX5249" fmla="*/ 1649295 w 6858000"/>
              <a:gd name="connsiteY5249" fmla="*/ 2506109 h 6858000"/>
              <a:gd name="connsiteX5250" fmla="*/ 1658405 w 6858000"/>
              <a:gd name="connsiteY5250" fmla="*/ 2506109 h 6858000"/>
              <a:gd name="connsiteX5251" fmla="*/ 1658405 w 6858000"/>
              <a:gd name="connsiteY5251" fmla="*/ 2496999 h 6858000"/>
              <a:gd name="connsiteX5252" fmla="*/ 1526015 w 6858000"/>
              <a:gd name="connsiteY5252" fmla="*/ 2496777 h 6858000"/>
              <a:gd name="connsiteX5253" fmla="*/ 1526015 w 6858000"/>
              <a:gd name="connsiteY5253" fmla="*/ 2506331 h 6858000"/>
              <a:gd name="connsiteX5254" fmla="*/ 1535569 w 6858000"/>
              <a:gd name="connsiteY5254" fmla="*/ 2506331 h 6858000"/>
              <a:gd name="connsiteX5255" fmla="*/ 1535569 w 6858000"/>
              <a:gd name="connsiteY5255" fmla="*/ 2496777 h 6858000"/>
              <a:gd name="connsiteX5256" fmla="*/ 1402513 w 6858000"/>
              <a:gd name="connsiteY5256" fmla="*/ 2496333 h 6858000"/>
              <a:gd name="connsiteX5257" fmla="*/ 1402513 w 6858000"/>
              <a:gd name="connsiteY5257" fmla="*/ 2506739 h 6858000"/>
              <a:gd name="connsiteX5258" fmla="*/ 1412919 w 6858000"/>
              <a:gd name="connsiteY5258" fmla="*/ 2506739 h 6858000"/>
              <a:gd name="connsiteX5259" fmla="*/ 1412919 w 6858000"/>
              <a:gd name="connsiteY5259" fmla="*/ 2496333 h 6858000"/>
              <a:gd name="connsiteX5260" fmla="*/ 1279234 w 6858000"/>
              <a:gd name="connsiteY5260" fmla="*/ 2496111 h 6858000"/>
              <a:gd name="connsiteX5261" fmla="*/ 1279234 w 6858000"/>
              <a:gd name="connsiteY5261" fmla="*/ 2506961 h 6858000"/>
              <a:gd name="connsiteX5262" fmla="*/ 1290084 w 6858000"/>
              <a:gd name="connsiteY5262" fmla="*/ 2506961 h 6858000"/>
              <a:gd name="connsiteX5263" fmla="*/ 1290084 w 6858000"/>
              <a:gd name="connsiteY5263" fmla="*/ 2496111 h 6858000"/>
              <a:gd name="connsiteX5264" fmla="*/ 1155954 w 6858000"/>
              <a:gd name="connsiteY5264" fmla="*/ 2495888 h 6858000"/>
              <a:gd name="connsiteX5265" fmla="*/ 1155954 w 6858000"/>
              <a:gd name="connsiteY5265" fmla="*/ 2507183 h 6858000"/>
              <a:gd name="connsiteX5266" fmla="*/ 1167249 w 6858000"/>
              <a:gd name="connsiteY5266" fmla="*/ 2507183 h 6858000"/>
              <a:gd name="connsiteX5267" fmla="*/ 1167249 w 6858000"/>
              <a:gd name="connsiteY5267" fmla="*/ 2495888 h 6858000"/>
              <a:gd name="connsiteX5268" fmla="*/ 1032675 w 6858000"/>
              <a:gd name="connsiteY5268" fmla="*/ 2495666 h 6858000"/>
              <a:gd name="connsiteX5269" fmla="*/ 1032675 w 6858000"/>
              <a:gd name="connsiteY5269" fmla="*/ 2507405 h 6858000"/>
              <a:gd name="connsiteX5270" fmla="*/ 1044414 w 6858000"/>
              <a:gd name="connsiteY5270" fmla="*/ 2507405 h 6858000"/>
              <a:gd name="connsiteX5271" fmla="*/ 1044414 w 6858000"/>
              <a:gd name="connsiteY5271" fmla="*/ 2495666 h 6858000"/>
              <a:gd name="connsiteX5272" fmla="*/ 909432 w 6858000"/>
              <a:gd name="connsiteY5272" fmla="*/ 2495481 h 6858000"/>
              <a:gd name="connsiteX5273" fmla="*/ 909432 w 6858000"/>
              <a:gd name="connsiteY5273" fmla="*/ 2507627 h 6858000"/>
              <a:gd name="connsiteX5274" fmla="*/ 921578 w 6858000"/>
              <a:gd name="connsiteY5274" fmla="*/ 2507627 h 6858000"/>
              <a:gd name="connsiteX5275" fmla="*/ 921578 w 6858000"/>
              <a:gd name="connsiteY5275" fmla="*/ 2495481 h 6858000"/>
              <a:gd name="connsiteX5276" fmla="*/ 786338 w 6858000"/>
              <a:gd name="connsiteY5276" fmla="*/ 2495481 h 6858000"/>
              <a:gd name="connsiteX5277" fmla="*/ 786338 w 6858000"/>
              <a:gd name="connsiteY5277" fmla="*/ 2507627 h 6858000"/>
              <a:gd name="connsiteX5278" fmla="*/ 798484 w 6858000"/>
              <a:gd name="connsiteY5278" fmla="*/ 2507627 h 6858000"/>
              <a:gd name="connsiteX5279" fmla="*/ 798484 w 6858000"/>
              <a:gd name="connsiteY5279" fmla="*/ 2495481 h 6858000"/>
              <a:gd name="connsiteX5280" fmla="*/ 663095 w 6858000"/>
              <a:gd name="connsiteY5280" fmla="*/ 2495259 h 6858000"/>
              <a:gd name="connsiteX5281" fmla="*/ 663095 w 6858000"/>
              <a:gd name="connsiteY5281" fmla="*/ 2507850 h 6858000"/>
              <a:gd name="connsiteX5282" fmla="*/ 675686 w 6858000"/>
              <a:gd name="connsiteY5282" fmla="*/ 2507850 h 6858000"/>
              <a:gd name="connsiteX5283" fmla="*/ 675686 w 6858000"/>
              <a:gd name="connsiteY5283" fmla="*/ 2495259 h 6858000"/>
              <a:gd name="connsiteX5284" fmla="*/ 539816 w 6858000"/>
              <a:gd name="connsiteY5284" fmla="*/ 2495037 h 6858000"/>
              <a:gd name="connsiteX5285" fmla="*/ 539816 w 6858000"/>
              <a:gd name="connsiteY5285" fmla="*/ 2508072 h 6858000"/>
              <a:gd name="connsiteX5286" fmla="*/ 552851 w 6858000"/>
              <a:gd name="connsiteY5286" fmla="*/ 2508072 h 6858000"/>
              <a:gd name="connsiteX5287" fmla="*/ 552851 w 6858000"/>
              <a:gd name="connsiteY5287" fmla="*/ 2495037 h 6858000"/>
              <a:gd name="connsiteX5288" fmla="*/ 416759 w 6858000"/>
              <a:gd name="connsiteY5288" fmla="*/ 2495037 h 6858000"/>
              <a:gd name="connsiteX5289" fmla="*/ 416759 w 6858000"/>
              <a:gd name="connsiteY5289" fmla="*/ 2508072 h 6858000"/>
              <a:gd name="connsiteX5290" fmla="*/ 429794 w 6858000"/>
              <a:gd name="connsiteY5290" fmla="*/ 2508072 h 6858000"/>
              <a:gd name="connsiteX5291" fmla="*/ 429794 w 6858000"/>
              <a:gd name="connsiteY5291" fmla="*/ 2495037 h 6858000"/>
              <a:gd name="connsiteX5292" fmla="*/ 293479 w 6858000"/>
              <a:gd name="connsiteY5292" fmla="*/ 2494815 h 6858000"/>
              <a:gd name="connsiteX5293" fmla="*/ 293479 w 6858000"/>
              <a:gd name="connsiteY5293" fmla="*/ 2508295 h 6858000"/>
              <a:gd name="connsiteX5294" fmla="*/ 306959 w 6858000"/>
              <a:gd name="connsiteY5294" fmla="*/ 2508295 h 6858000"/>
              <a:gd name="connsiteX5295" fmla="*/ 306959 w 6858000"/>
              <a:gd name="connsiteY5295" fmla="*/ 2494815 h 6858000"/>
              <a:gd name="connsiteX5296" fmla="*/ 170385 w 6858000"/>
              <a:gd name="connsiteY5296" fmla="*/ 2494815 h 6858000"/>
              <a:gd name="connsiteX5297" fmla="*/ 170385 w 6858000"/>
              <a:gd name="connsiteY5297" fmla="*/ 2508295 h 6858000"/>
              <a:gd name="connsiteX5298" fmla="*/ 183865 w 6858000"/>
              <a:gd name="connsiteY5298" fmla="*/ 2508295 h 6858000"/>
              <a:gd name="connsiteX5299" fmla="*/ 183865 w 6858000"/>
              <a:gd name="connsiteY5299" fmla="*/ 2494815 h 6858000"/>
              <a:gd name="connsiteX5300" fmla="*/ 47327 w 6858000"/>
              <a:gd name="connsiteY5300" fmla="*/ 2494815 h 6858000"/>
              <a:gd name="connsiteX5301" fmla="*/ 47327 w 6858000"/>
              <a:gd name="connsiteY5301" fmla="*/ 2508295 h 6858000"/>
              <a:gd name="connsiteX5302" fmla="*/ 60807 w 6858000"/>
              <a:gd name="connsiteY5302" fmla="*/ 2508295 h 6858000"/>
              <a:gd name="connsiteX5303" fmla="*/ 60807 w 6858000"/>
              <a:gd name="connsiteY5303" fmla="*/ 2494815 h 6858000"/>
              <a:gd name="connsiteX5304" fmla="*/ 4360962 w 6858000"/>
              <a:gd name="connsiteY5304" fmla="*/ 2378275 h 6858000"/>
              <a:gd name="connsiteX5305" fmla="*/ 4360962 w 6858000"/>
              <a:gd name="connsiteY5305" fmla="*/ 2378719 h 6858000"/>
              <a:gd name="connsiteX5306" fmla="*/ 4361406 w 6858000"/>
              <a:gd name="connsiteY5306" fmla="*/ 2378719 h 6858000"/>
              <a:gd name="connsiteX5307" fmla="*/ 4361406 w 6858000"/>
              <a:gd name="connsiteY5307" fmla="*/ 2378275 h 6858000"/>
              <a:gd name="connsiteX5308" fmla="*/ 4237905 w 6858000"/>
              <a:gd name="connsiteY5308" fmla="*/ 2378275 h 6858000"/>
              <a:gd name="connsiteX5309" fmla="*/ 4237905 w 6858000"/>
              <a:gd name="connsiteY5309" fmla="*/ 2378719 h 6858000"/>
              <a:gd name="connsiteX5310" fmla="*/ 4238349 w 6858000"/>
              <a:gd name="connsiteY5310" fmla="*/ 2378719 h 6858000"/>
              <a:gd name="connsiteX5311" fmla="*/ 4238349 w 6858000"/>
              <a:gd name="connsiteY5311" fmla="*/ 2378275 h 6858000"/>
              <a:gd name="connsiteX5312" fmla="*/ 4114848 w 6858000"/>
              <a:gd name="connsiteY5312" fmla="*/ 2378275 h 6858000"/>
              <a:gd name="connsiteX5313" fmla="*/ 4114848 w 6858000"/>
              <a:gd name="connsiteY5313" fmla="*/ 2378719 h 6858000"/>
              <a:gd name="connsiteX5314" fmla="*/ 4115292 w 6858000"/>
              <a:gd name="connsiteY5314" fmla="*/ 2378719 h 6858000"/>
              <a:gd name="connsiteX5315" fmla="*/ 4115292 w 6858000"/>
              <a:gd name="connsiteY5315" fmla="*/ 2378275 h 6858000"/>
              <a:gd name="connsiteX5316" fmla="*/ 3991790 w 6858000"/>
              <a:gd name="connsiteY5316" fmla="*/ 2378275 h 6858000"/>
              <a:gd name="connsiteX5317" fmla="*/ 3991790 w 6858000"/>
              <a:gd name="connsiteY5317" fmla="*/ 2378719 h 6858000"/>
              <a:gd name="connsiteX5318" fmla="*/ 3992235 w 6858000"/>
              <a:gd name="connsiteY5318" fmla="*/ 2378719 h 6858000"/>
              <a:gd name="connsiteX5319" fmla="*/ 3992235 w 6858000"/>
              <a:gd name="connsiteY5319" fmla="*/ 2378275 h 6858000"/>
              <a:gd name="connsiteX5320" fmla="*/ 3868733 w 6858000"/>
              <a:gd name="connsiteY5320" fmla="*/ 2378275 h 6858000"/>
              <a:gd name="connsiteX5321" fmla="*/ 3868733 w 6858000"/>
              <a:gd name="connsiteY5321" fmla="*/ 2378719 h 6858000"/>
              <a:gd name="connsiteX5322" fmla="*/ 3869177 w 6858000"/>
              <a:gd name="connsiteY5322" fmla="*/ 2378719 h 6858000"/>
              <a:gd name="connsiteX5323" fmla="*/ 3869177 w 6858000"/>
              <a:gd name="connsiteY5323" fmla="*/ 2378275 h 6858000"/>
              <a:gd name="connsiteX5324" fmla="*/ 3745676 w 6858000"/>
              <a:gd name="connsiteY5324" fmla="*/ 2378275 h 6858000"/>
              <a:gd name="connsiteX5325" fmla="*/ 3745676 w 6858000"/>
              <a:gd name="connsiteY5325" fmla="*/ 2378719 h 6858000"/>
              <a:gd name="connsiteX5326" fmla="*/ 3746120 w 6858000"/>
              <a:gd name="connsiteY5326" fmla="*/ 2378719 h 6858000"/>
              <a:gd name="connsiteX5327" fmla="*/ 3746120 w 6858000"/>
              <a:gd name="connsiteY5327" fmla="*/ 2378275 h 6858000"/>
              <a:gd name="connsiteX5328" fmla="*/ 3622618 w 6858000"/>
              <a:gd name="connsiteY5328" fmla="*/ 2378275 h 6858000"/>
              <a:gd name="connsiteX5329" fmla="*/ 3622618 w 6858000"/>
              <a:gd name="connsiteY5329" fmla="*/ 2378719 h 6858000"/>
              <a:gd name="connsiteX5330" fmla="*/ 3623062 w 6858000"/>
              <a:gd name="connsiteY5330" fmla="*/ 2378719 h 6858000"/>
              <a:gd name="connsiteX5331" fmla="*/ 3623062 w 6858000"/>
              <a:gd name="connsiteY5331" fmla="*/ 2378275 h 6858000"/>
              <a:gd name="connsiteX5332" fmla="*/ 3499339 w 6858000"/>
              <a:gd name="connsiteY5332" fmla="*/ 2378053 h 6858000"/>
              <a:gd name="connsiteX5333" fmla="*/ 3499339 w 6858000"/>
              <a:gd name="connsiteY5333" fmla="*/ 2378905 h 6858000"/>
              <a:gd name="connsiteX5334" fmla="*/ 3500191 w 6858000"/>
              <a:gd name="connsiteY5334" fmla="*/ 2378905 h 6858000"/>
              <a:gd name="connsiteX5335" fmla="*/ 3500191 w 6858000"/>
              <a:gd name="connsiteY5335" fmla="*/ 2378053 h 6858000"/>
              <a:gd name="connsiteX5336" fmla="*/ 3376282 w 6858000"/>
              <a:gd name="connsiteY5336" fmla="*/ 2378053 h 6858000"/>
              <a:gd name="connsiteX5337" fmla="*/ 3376282 w 6858000"/>
              <a:gd name="connsiteY5337" fmla="*/ 2378905 h 6858000"/>
              <a:gd name="connsiteX5338" fmla="*/ 3377134 w 6858000"/>
              <a:gd name="connsiteY5338" fmla="*/ 2378905 h 6858000"/>
              <a:gd name="connsiteX5339" fmla="*/ 3377134 w 6858000"/>
              <a:gd name="connsiteY5339" fmla="*/ 2378053 h 6858000"/>
              <a:gd name="connsiteX5340" fmla="*/ 3253002 w 6858000"/>
              <a:gd name="connsiteY5340" fmla="*/ 2377830 h 6858000"/>
              <a:gd name="connsiteX5341" fmla="*/ 3253002 w 6858000"/>
              <a:gd name="connsiteY5341" fmla="*/ 2379126 h 6858000"/>
              <a:gd name="connsiteX5342" fmla="*/ 3254298 w 6858000"/>
              <a:gd name="connsiteY5342" fmla="*/ 2379126 h 6858000"/>
              <a:gd name="connsiteX5343" fmla="*/ 3254298 w 6858000"/>
              <a:gd name="connsiteY5343" fmla="*/ 2377830 h 6858000"/>
              <a:gd name="connsiteX5344" fmla="*/ 3129945 w 6858000"/>
              <a:gd name="connsiteY5344" fmla="*/ 2377830 h 6858000"/>
              <a:gd name="connsiteX5345" fmla="*/ 3129945 w 6858000"/>
              <a:gd name="connsiteY5345" fmla="*/ 2379126 h 6858000"/>
              <a:gd name="connsiteX5346" fmla="*/ 3131241 w 6858000"/>
              <a:gd name="connsiteY5346" fmla="*/ 2379126 h 6858000"/>
              <a:gd name="connsiteX5347" fmla="*/ 3131241 w 6858000"/>
              <a:gd name="connsiteY5347" fmla="*/ 2377830 h 6858000"/>
              <a:gd name="connsiteX5348" fmla="*/ 3006665 w 6858000"/>
              <a:gd name="connsiteY5348" fmla="*/ 2377608 h 6858000"/>
              <a:gd name="connsiteX5349" fmla="*/ 3006665 w 6858000"/>
              <a:gd name="connsiteY5349" fmla="*/ 2379349 h 6858000"/>
              <a:gd name="connsiteX5350" fmla="*/ 3008405 w 6858000"/>
              <a:gd name="connsiteY5350" fmla="*/ 2379349 h 6858000"/>
              <a:gd name="connsiteX5351" fmla="*/ 3008405 w 6858000"/>
              <a:gd name="connsiteY5351" fmla="*/ 2377608 h 6858000"/>
              <a:gd name="connsiteX5352" fmla="*/ 2883386 w 6858000"/>
              <a:gd name="connsiteY5352" fmla="*/ 2377386 h 6858000"/>
              <a:gd name="connsiteX5353" fmla="*/ 2883386 w 6858000"/>
              <a:gd name="connsiteY5353" fmla="*/ 2379571 h 6858000"/>
              <a:gd name="connsiteX5354" fmla="*/ 2885571 w 6858000"/>
              <a:gd name="connsiteY5354" fmla="*/ 2379571 h 6858000"/>
              <a:gd name="connsiteX5355" fmla="*/ 2885571 w 6858000"/>
              <a:gd name="connsiteY5355" fmla="*/ 2377386 h 6858000"/>
              <a:gd name="connsiteX5356" fmla="*/ 2760106 w 6858000"/>
              <a:gd name="connsiteY5356" fmla="*/ 2377164 h 6858000"/>
              <a:gd name="connsiteX5357" fmla="*/ 2760106 w 6858000"/>
              <a:gd name="connsiteY5357" fmla="*/ 2379756 h 6858000"/>
              <a:gd name="connsiteX5358" fmla="*/ 2762698 w 6858000"/>
              <a:gd name="connsiteY5358" fmla="*/ 2379756 h 6858000"/>
              <a:gd name="connsiteX5359" fmla="*/ 2762698 w 6858000"/>
              <a:gd name="connsiteY5359" fmla="*/ 2377164 h 6858000"/>
              <a:gd name="connsiteX5360" fmla="*/ 2636827 w 6858000"/>
              <a:gd name="connsiteY5360" fmla="*/ 2376979 h 6858000"/>
              <a:gd name="connsiteX5361" fmla="*/ 2636827 w 6858000"/>
              <a:gd name="connsiteY5361" fmla="*/ 2380016 h 6858000"/>
              <a:gd name="connsiteX5362" fmla="*/ 2639864 w 6858000"/>
              <a:gd name="connsiteY5362" fmla="*/ 2380016 h 6858000"/>
              <a:gd name="connsiteX5363" fmla="*/ 2639864 w 6858000"/>
              <a:gd name="connsiteY5363" fmla="*/ 2376979 h 6858000"/>
              <a:gd name="connsiteX5364" fmla="*/ 2513547 w 6858000"/>
              <a:gd name="connsiteY5364" fmla="*/ 2376756 h 6858000"/>
              <a:gd name="connsiteX5365" fmla="*/ 2513547 w 6858000"/>
              <a:gd name="connsiteY5365" fmla="*/ 2380237 h 6858000"/>
              <a:gd name="connsiteX5366" fmla="*/ 2517028 w 6858000"/>
              <a:gd name="connsiteY5366" fmla="*/ 2380237 h 6858000"/>
              <a:gd name="connsiteX5367" fmla="*/ 2517028 w 6858000"/>
              <a:gd name="connsiteY5367" fmla="*/ 2376756 h 6858000"/>
              <a:gd name="connsiteX5368" fmla="*/ 2390268 w 6858000"/>
              <a:gd name="connsiteY5368" fmla="*/ 2376534 h 6858000"/>
              <a:gd name="connsiteX5369" fmla="*/ 2390268 w 6858000"/>
              <a:gd name="connsiteY5369" fmla="*/ 2380459 h 6858000"/>
              <a:gd name="connsiteX5370" fmla="*/ 2394193 w 6858000"/>
              <a:gd name="connsiteY5370" fmla="*/ 2380459 h 6858000"/>
              <a:gd name="connsiteX5371" fmla="*/ 2394193 w 6858000"/>
              <a:gd name="connsiteY5371" fmla="*/ 2376534 h 6858000"/>
              <a:gd name="connsiteX5372" fmla="*/ 2266766 w 6858000"/>
              <a:gd name="connsiteY5372" fmla="*/ 2376090 h 6858000"/>
              <a:gd name="connsiteX5373" fmla="*/ 2266766 w 6858000"/>
              <a:gd name="connsiteY5373" fmla="*/ 2380867 h 6858000"/>
              <a:gd name="connsiteX5374" fmla="*/ 2271543 w 6858000"/>
              <a:gd name="connsiteY5374" fmla="*/ 2380867 h 6858000"/>
              <a:gd name="connsiteX5375" fmla="*/ 2271543 w 6858000"/>
              <a:gd name="connsiteY5375" fmla="*/ 2376090 h 6858000"/>
              <a:gd name="connsiteX5376" fmla="*/ 2143486 w 6858000"/>
              <a:gd name="connsiteY5376" fmla="*/ 2375868 h 6858000"/>
              <a:gd name="connsiteX5377" fmla="*/ 2143486 w 6858000"/>
              <a:gd name="connsiteY5377" fmla="*/ 2381090 h 6858000"/>
              <a:gd name="connsiteX5378" fmla="*/ 2148707 w 6858000"/>
              <a:gd name="connsiteY5378" fmla="*/ 2381090 h 6858000"/>
              <a:gd name="connsiteX5379" fmla="*/ 2148707 w 6858000"/>
              <a:gd name="connsiteY5379" fmla="*/ 2375868 h 6858000"/>
              <a:gd name="connsiteX5380" fmla="*/ 2020207 w 6858000"/>
              <a:gd name="connsiteY5380" fmla="*/ 2375646 h 6858000"/>
              <a:gd name="connsiteX5381" fmla="*/ 2020207 w 6858000"/>
              <a:gd name="connsiteY5381" fmla="*/ 2381275 h 6858000"/>
              <a:gd name="connsiteX5382" fmla="*/ 2025836 w 6858000"/>
              <a:gd name="connsiteY5382" fmla="*/ 2381275 h 6858000"/>
              <a:gd name="connsiteX5383" fmla="*/ 2025836 w 6858000"/>
              <a:gd name="connsiteY5383" fmla="*/ 2375646 h 6858000"/>
              <a:gd name="connsiteX5384" fmla="*/ 1896705 w 6858000"/>
              <a:gd name="connsiteY5384" fmla="*/ 2375238 h 6858000"/>
              <a:gd name="connsiteX5385" fmla="*/ 1896705 w 6858000"/>
              <a:gd name="connsiteY5385" fmla="*/ 2381756 h 6858000"/>
              <a:gd name="connsiteX5386" fmla="*/ 1903223 w 6858000"/>
              <a:gd name="connsiteY5386" fmla="*/ 2381756 h 6858000"/>
              <a:gd name="connsiteX5387" fmla="*/ 1903223 w 6858000"/>
              <a:gd name="connsiteY5387" fmla="*/ 2375238 h 6858000"/>
              <a:gd name="connsiteX5388" fmla="*/ 1773426 w 6858000"/>
              <a:gd name="connsiteY5388" fmla="*/ 2375016 h 6858000"/>
              <a:gd name="connsiteX5389" fmla="*/ 1773426 w 6858000"/>
              <a:gd name="connsiteY5389" fmla="*/ 2381978 h 6858000"/>
              <a:gd name="connsiteX5390" fmla="*/ 1780388 w 6858000"/>
              <a:gd name="connsiteY5390" fmla="*/ 2381978 h 6858000"/>
              <a:gd name="connsiteX5391" fmla="*/ 1780388 w 6858000"/>
              <a:gd name="connsiteY5391" fmla="*/ 2375016 h 6858000"/>
              <a:gd name="connsiteX5392" fmla="*/ 1650183 w 6858000"/>
              <a:gd name="connsiteY5392" fmla="*/ 2374794 h 6858000"/>
              <a:gd name="connsiteX5393" fmla="*/ 1650183 w 6858000"/>
              <a:gd name="connsiteY5393" fmla="*/ 2382163 h 6858000"/>
              <a:gd name="connsiteX5394" fmla="*/ 1657552 w 6858000"/>
              <a:gd name="connsiteY5394" fmla="*/ 2382163 h 6858000"/>
              <a:gd name="connsiteX5395" fmla="*/ 1657552 w 6858000"/>
              <a:gd name="connsiteY5395" fmla="*/ 2374794 h 6858000"/>
              <a:gd name="connsiteX5396" fmla="*/ 1526904 w 6858000"/>
              <a:gd name="connsiteY5396" fmla="*/ 2374572 h 6858000"/>
              <a:gd name="connsiteX5397" fmla="*/ 1526904 w 6858000"/>
              <a:gd name="connsiteY5397" fmla="*/ 2382386 h 6858000"/>
              <a:gd name="connsiteX5398" fmla="*/ 1534718 w 6858000"/>
              <a:gd name="connsiteY5398" fmla="*/ 2382386 h 6858000"/>
              <a:gd name="connsiteX5399" fmla="*/ 1534718 w 6858000"/>
              <a:gd name="connsiteY5399" fmla="*/ 2374572 h 6858000"/>
              <a:gd name="connsiteX5400" fmla="*/ 1403624 w 6858000"/>
              <a:gd name="connsiteY5400" fmla="*/ 2374349 h 6858000"/>
              <a:gd name="connsiteX5401" fmla="*/ 1403624 w 6858000"/>
              <a:gd name="connsiteY5401" fmla="*/ 2382607 h 6858000"/>
              <a:gd name="connsiteX5402" fmla="*/ 1411882 w 6858000"/>
              <a:gd name="connsiteY5402" fmla="*/ 2382607 h 6858000"/>
              <a:gd name="connsiteX5403" fmla="*/ 1411882 w 6858000"/>
              <a:gd name="connsiteY5403" fmla="*/ 2374349 h 6858000"/>
              <a:gd name="connsiteX5404" fmla="*/ 1280345 w 6858000"/>
              <a:gd name="connsiteY5404" fmla="*/ 2374127 h 6858000"/>
              <a:gd name="connsiteX5405" fmla="*/ 1280345 w 6858000"/>
              <a:gd name="connsiteY5405" fmla="*/ 2382830 h 6858000"/>
              <a:gd name="connsiteX5406" fmla="*/ 1289048 w 6858000"/>
              <a:gd name="connsiteY5406" fmla="*/ 2382830 h 6858000"/>
              <a:gd name="connsiteX5407" fmla="*/ 1289048 w 6858000"/>
              <a:gd name="connsiteY5407" fmla="*/ 2374127 h 6858000"/>
              <a:gd name="connsiteX5408" fmla="*/ 1157065 w 6858000"/>
              <a:gd name="connsiteY5408" fmla="*/ 2373905 h 6858000"/>
              <a:gd name="connsiteX5409" fmla="*/ 1157065 w 6858000"/>
              <a:gd name="connsiteY5409" fmla="*/ 2383015 h 6858000"/>
              <a:gd name="connsiteX5410" fmla="*/ 1166175 w 6858000"/>
              <a:gd name="connsiteY5410" fmla="*/ 2383015 h 6858000"/>
              <a:gd name="connsiteX5411" fmla="*/ 1166175 w 6858000"/>
              <a:gd name="connsiteY5411" fmla="*/ 2373905 h 6858000"/>
              <a:gd name="connsiteX5412" fmla="*/ 1034008 w 6858000"/>
              <a:gd name="connsiteY5412" fmla="*/ 2373905 h 6858000"/>
              <a:gd name="connsiteX5413" fmla="*/ 1034008 w 6858000"/>
              <a:gd name="connsiteY5413" fmla="*/ 2383015 h 6858000"/>
              <a:gd name="connsiteX5414" fmla="*/ 1043118 w 6858000"/>
              <a:gd name="connsiteY5414" fmla="*/ 2383015 h 6858000"/>
              <a:gd name="connsiteX5415" fmla="*/ 1043118 w 6858000"/>
              <a:gd name="connsiteY5415" fmla="*/ 2373905 h 6858000"/>
              <a:gd name="connsiteX5416" fmla="*/ 910728 w 6858000"/>
              <a:gd name="connsiteY5416" fmla="*/ 2373720 h 6858000"/>
              <a:gd name="connsiteX5417" fmla="*/ 910728 w 6858000"/>
              <a:gd name="connsiteY5417" fmla="*/ 2383274 h 6858000"/>
              <a:gd name="connsiteX5418" fmla="*/ 920282 w 6858000"/>
              <a:gd name="connsiteY5418" fmla="*/ 2383274 h 6858000"/>
              <a:gd name="connsiteX5419" fmla="*/ 920282 w 6858000"/>
              <a:gd name="connsiteY5419" fmla="*/ 2373720 h 6858000"/>
              <a:gd name="connsiteX5420" fmla="*/ 787671 w 6858000"/>
              <a:gd name="connsiteY5420" fmla="*/ 2373720 h 6858000"/>
              <a:gd name="connsiteX5421" fmla="*/ 787671 w 6858000"/>
              <a:gd name="connsiteY5421" fmla="*/ 2383274 h 6858000"/>
              <a:gd name="connsiteX5422" fmla="*/ 797225 w 6858000"/>
              <a:gd name="connsiteY5422" fmla="*/ 2383274 h 6858000"/>
              <a:gd name="connsiteX5423" fmla="*/ 797225 w 6858000"/>
              <a:gd name="connsiteY5423" fmla="*/ 2373720 h 6858000"/>
              <a:gd name="connsiteX5424" fmla="*/ 664614 w 6858000"/>
              <a:gd name="connsiteY5424" fmla="*/ 2373720 h 6858000"/>
              <a:gd name="connsiteX5425" fmla="*/ 664614 w 6858000"/>
              <a:gd name="connsiteY5425" fmla="*/ 2383274 h 6858000"/>
              <a:gd name="connsiteX5426" fmla="*/ 674168 w 6858000"/>
              <a:gd name="connsiteY5426" fmla="*/ 2383274 h 6858000"/>
              <a:gd name="connsiteX5427" fmla="*/ 674168 w 6858000"/>
              <a:gd name="connsiteY5427" fmla="*/ 2373720 h 6858000"/>
              <a:gd name="connsiteX5428" fmla="*/ 541334 w 6858000"/>
              <a:gd name="connsiteY5428" fmla="*/ 2373498 h 6858000"/>
              <a:gd name="connsiteX5429" fmla="*/ 541334 w 6858000"/>
              <a:gd name="connsiteY5429" fmla="*/ 2383497 h 6858000"/>
              <a:gd name="connsiteX5430" fmla="*/ 551333 w 6858000"/>
              <a:gd name="connsiteY5430" fmla="*/ 2383497 h 6858000"/>
              <a:gd name="connsiteX5431" fmla="*/ 551333 w 6858000"/>
              <a:gd name="connsiteY5431" fmla="*/ 2373498 h 6858000"/>
              <a:gd name="connsiteX5432" fmla="*/ 418277 w 6858000"/>
              <a:gd name="connsiteY5432" fmla="*/ 2373498 h 6858000"/>
              <a:gd name="connsiteX5433" fmla="*/ 418277 w 6858000"/>
              <a:gd name="connsiteY5433" fmla="*/ 2383497 h 6858000"/>
              <a:gd name="connsiteX5434" fmla="*/ 428276 w 6858000"/>
              <a:gd name="connsiteY5434" fmla="*/ 2383497 h 6858000"/>
              <a:gd name="connsiteX5435" fmla="*/ 428276 w 6858000"/>
              <a:gd name="connsiteY5435" fmla="*/ 2373498 h 6858000"/>
              <a:gd name="connsiteX5436" fmla="*/ 294997 w 6858000"/>
              <a:gd name="connsiteY5436" fmla="*/ 2373275 h 6858000"/>
              <a:gd name="connsiteX5437" fmla="*/ 294997 w 6858000"/>
              <a:gd name="connsiteY5437" fmla="*/ 2383681 h 6858000"/>
              <a:gd name="connsiteX5438" fmla="*/ 305403 w 6858000"/>
              <a:gd name="connsiteY5438" fmla="*/ 2383681 h 6858000"/>
              <a:gd name="connsiteX5439" fmla="*/ 305403 w 6858000"/>
              <a:gd name="connsiteY5439" fmla="*/ 2373275 h 6858000"/>
              <a:gd name="connsiteX5440" fmla="*/ 171940 w 6858000"/>
              <a:gd name="connsiteY5440" fmla="*/ 2373275 h 6858000"/>
              <a:gd name="connsiteX5441" fmla="*/ 171940 w 6858000"/>
              <a:gd name="connsiteY5441" fmla="*/ 2383681 h 6858000"/>
              <a:gd name="connsiteX5442" fmla="*/ 182346 w 6858000"/>
              <a:gd name="connsiteY5442" fmla="*/ 2383681 h 6858000"/>
              <a:gd name="connsiteX5443" fmla="*/ 182346 w 6858000"/>
              <a:gd name="connsiteY5443" fmla="*/ 2373275 h 6858000"/>
              <a:gd name="connsiteX5444" fmla="*/ 48846 w 6858000"/>
              <a:gd name="connsiteY5444" fmla="*/ 2373275 h 6858000"/>
              <a:gd name="connsiteX5445" fmla="*/ 48846 w 6858000"/>
              <a:gd name="connsiteY5445" fmla="*/ 2383681 h 6858000"/>
              <a:gd name="connsiteX5446" fmla="*/ 59252 w 6858000"/>
              <a:gd name="connsiteY5446" fmla="*/ 2383681 h 6858000"/>
              <a:gd name="connsiteX5447" fmla="*/ 59252 w 6858000"/>
              <a:gd name="connsiteY5447" fmla="*/ 2373275 h 6858000"/>
              <a:gd name="connsiteX5448" fmla="*/ 4360962 w 6858000"/>
              <a:gd name="connsiteY5448" fmla="*/ 2255217 h 6858000"/>
              <a:gd name="connsiteX5449" fmla="*/ 4360962 w 6858000"/>
              <a:gd name="connsiteY5449" fmla="*/ 2255661 h 6858000"/>
              <a:gd name="connsiteX5450" fmla="*/ 4361406 w 6858000"/>
              <a:gd name="connsiteY5450" fmla="*/ 2255661 h 6858000"/>
              <a:gd name="connsiteX5451" fmla="*/ 4361406 w 6858000"/>
              <a:gd name="connsiteY5451" fmla="*/ 2255217 h 6858000"/>
              <a:gd name="connsiteX5452" fmla="*/ 4237905 w 6858000"/>
              <a:gd name="connsiteY5452" fmla="*/ 2255217 h 6858000"/>
              <a:gd name="connsiteX5453" fmla="*/ 4237905 w 6858000"/>
              <a:gd name="connsiteY5453" fmla="*/ 2255661 h 6858000"/>
              <a:gd name="connsiteX5454" fmla="*/ 4238349 w 6858000"/>
              <a:gd name="connsiteY5454" fmla="*/ 2255661 h 6858000"/>
              <a:gd name="connsiteX5455" fmla="*/ 4238349 w 6858000"/>
              <a:gd name="connsiteY5455" fmla="*/ 2255217 h 6858000"/>
              <a:gd name="connsiteX5456" fmla="*/ 4114848 w 6858000"/>
              <a:gd name="connsiteY5456" fmla="*/ 2255217 h 6858000"/>
              <a:gd name="connsiteX5457" fmla="*/ 4114848 w 6858000"/>
              <a:gd name="connsiteY5457" fmla="*/ 2255661 h 6858000"/>
              <a:gd name="connsiteX5458" fmla="*/ 4115292 w 6858000"/>
              <a:gd name="connsiteY5458" fmla="*/ 2255661 h 6858000"/>
              <a:gd name="connsiteX5459" fmla="*/ 4115292 w 6858000"/>
              <a:gd name="connsiteY5459" fmla="*/ 2255217 h 6858000"/>
              <a:gd name="connsiteX5460" fmla="*/ 3991790 w 6858000"/>
              <a:gd name="connsiteY5460" fmla="*/ 2255217 h 6858000"/>
              <a:gd name="connsiteX5461" fmla="*/ 3991790 w 6858000"/>
              <a:gd name="connsiteY5461" fmla="*/ 2255661 h 6858000"/>
              <a:gd name="connsiteX5462" fmla="*/ 3992235 w 6858000"/>
              <a:gd name="connsiteY5462" fmla="*/ 2255661 h 6858000"/>
              <a:gd name="connsiteX5463" fmla="*/ 3992235 w 6858000"/>
              <a:gd name="connsiteY5463" fmla="*/ 2255217 h 6858000"/>
              <a:gd name="connsiteX5464" fmla="*/ 3868733 w 6858000"/>
              <a:gd name="connsiteY5464" fmla="*/ 2255217 h 6858000"/>
              <a:gd name="connsiteX5465" fmla="*/ 3868733 w 6858000"/>
              <a:gd name="connsiteY5465" fmla="*/ 2255661 h 6858000"/>
              <a:gd name="connsiteX5466" fmla="*/ 3869177 w 6858000"/>
              <a:gd name="connsiteY5466" fmla="*/ 2255661 h 6858000"/>
              <a:gd name="connsiteX5467" fmla="*/ 3869177 w 6858000"/>
              <a:gd name="connsiteY5467" fmla="*/ 2255217 h 6858000"/>
              <a:gd name="connsiteX5468" fmla="*/ 3745676 w 6858000"/>
              <a:gd name="connsiteY5468" fmla="*/ 2255217 h 6858000"/>
              <a:gd name="connsiteX5469" fmla="*/ 3745676 w 6858000"/>
              <a:gd name="connsiteY5469" fmla="*/ 2255661 h 6858000"/>
              <a:gd name="connsiteX5470" fmla="*/ 3746120 w 6858000"/>
              <a:gd name="connsiteY5470" fmla="*/ 2255661 h 6858000"/>
              <a:gd name="connsiteX5471" fmla="*/ 3746120 w 6858000"/>
              <a:gd name="connsiteY5471" fmla="*/ 2255217 h 6858000"/>
              <a:gd name="connsiteX5472" fmla="*/ 3622618 w 6858000"/>
              <a:gd name="connsiteY5472" fmla="*/ 2255217 h 6858000"/>
              <a:gd name="connsiteX5473" fmla="*/ 3622618 w 6858000"/>
              <a:gd name="connsiteY5473" fmla="*/ 2255661 h 6858000"/>
              <a:gd name="connsiteX5474" fmla="*/ 3623062 w 6858000"/>
              <a:gd name="connsiteY5474" fmla="*/ 2255661 h 6858000"/>
              <a:gd name="connsiteX5475" fmla="*/ 3623062 w 6858000"/>
              <a:gd name="connsiteY5475" fmla="*/ 2255217 h 6858000"/>
              <a:gd name="connsiteX5476" fmla="*/ 3499524 w 6858000"/>
              <a:gd name="connsiteY5476" fmla="*/ 2255217 h 6858000"/>
              <a:gd name="connsiteX5477" fmla="*/ 3499524 w 6858000"/>
              <a:gd name="connsiteY5477" fmla="*/ 2255661 h 6858000"/>
              <a:gd name="connsiteX5478" fmla="*/ 3499968 w 6858000"/>
              <a:gd name="connsiteY5478" fmla="*/ 2255661 h 6858000"/>
              <a:gd name="connsiteX5479" fmla="*/ 3499968 w 6858000"/>
              <a:gd name="connsiteY5479" fmla="*/ 2255217 h 6858000"/>
              <a:gd name="connsiteX5480" fmla="*/ 3376282 w 6858000"/>
              <a:gd name="connsiteY5480" fmla="*/ 2254995 h 6858000"/>
              <a:gd name="connsiteX5481" fmla="*/ 3376282 w 6858000"/>
              <a:gd name="connsiteY5481" fmla="*/ 2255847 h 6858000"/>
              <a:gd name="connsiteX5482" fmla="*/ 3377134 w 6858000"/>
              <a:gd name="connsiteY5482" fmla="*/ 2255847 h 6858000"/>
              <a:gd name="connsiteX5483" fmla="*/ 3377134 w 6858000"/>
              <a:gd name="connsiteY5483" fmla="*/ 2254995 h 6858000"/>
              <a:gd name="connsiteX5484" fmla="*/ 3253187 w 6858000"/>
              <a:gd name="connsiteY5484" fmla="*/ 2254995 h 6858000"/>
              <a:gd name="connsiteX5485" fmla="*/ 3253187 w 6858000"/>
              <a:gd name="connsiteY5485" fmla="*/ 2255847 h 6858000"/>
              <a:gd name="connsiteX5486" fmla="*/ 3254039 w 6858000"/>
              <a:gd name="connsiteY5486" fmla="*/ 2255847 h 6858000"/>
              <a:gd name="connsiteX5487" fmla="*/ 3254039 w 6858000"/>
              <a:gd name="connsiteY5487" fmla="*/ 2254995 h 6858000"/>
              <a:gd name="connsiteX5488" fmla="*/ 3129945 w 6858000"/>
              <a:gd name="connsiteY5488" fmla="*/ 2254773 h 6858000"/>
              <a:gd name="connsiteX5489" fmla="*/ 3129945 w 6858000"/>
              <a:gd name="connsiteY5489" fmla="*/ 2256069 h 6858000"/>
              <a:gd name="connsiteX5490" fmla="*/ 3131241 w 6858000"/>
              <a:gd name="connsiteY5490" fmla="*/ 2256069 h 6858000"/>
              <a:gd name="connsiteX5491" fmla="*/ 3131241 w 6858000"/>
              <a:gd name="connsiteY5491" fmla="*/ 2254773 h 6858000"/>
              <a:gd name="connsiteX5492" fmla="*/ 3006850 w 6858000"/>
              <a:gd name="connsiteY5492" fmla="*/ 2254773 h 6858000"/>
              <a:gd name="connsiteX5493" fmla="*/ 3006850 w 6858000"/>
              <a:gd name="connsiteY5493" fmla="*/ 2256069 h 6858000"/>
              <a:gd name="connsiteX5494" fmla="*/ 3008146 w 6858000"/>
              <a:gd name="connsiteY5494" fmla="*/ 2256069 h 6858000"/>
              <a:gd name="connsiteX5495" fmla="*/ 3008146 w 6858000"/>
              <a:gd name="connsiteY5495" fmla="*/ 2254773 h 6858000"/>
              <a:gd name="connsiteX5496" fmla="*/ 2883608 w 6858000"/>
              <a:gd name="connsiteY5496" fmla="*/ 2254551 h 6858000"/>
              <a:gd name="connsiteX5497" fmla="*/ 2883608 w 6858000"/>
              <a:gd name="connsiteY5497" fmla="*/ 2256291 h 6858000"/>
              <a:gd name="connsiteX5498" fmla="*/ 2885348 w 6858000"/>
              <a:gd name="connsiteY5498" fmla="*/ 2256291 h 6858000"/>
              <a:gd name="connsiteX5499" fmla="*/ 2885348 w 6858000"/>
              <a:gd name="connsiteY5499" fmla="*/ 2254551 h 6858000"/>
              <a:gd name="connsiteX5500" fmla="*/ 2760328 w 6858000"/>
              <a:gd name="connsiteY5500" fmla="*/ 2254329 h 6858000"/>
              <a:gd name="connsiteX5501" fmla="*/ 2760328 w 6858000"/>
              <a:gd name="connsiteY5501" fmla="*/ 2256514 h 6858000"/>
              <a:gd name="connsiteX5502" fmla="*/ 2762513 w 6858000"/>
              <a:gd name="connsiteY5502" fmla="*/ 2256514 h 6858000"/>
              <a:gd name="connsiteX5503" fmla="*/ 2762513 w 6858000"/>
              <a:gd name="connsiteY5503" fmla="*/ 2254329 h 6858000"/>
              <a:gd name="connsiteX5504" fmla="*/ 2637049 w 6858000"/>
              <a:gd name="connsiteY5504" fmla="*/ 2254107 h 6858000"/>
              <a:gd name="connsiteX5505" fmla="*/ 2637049 w 6858000"/>
              <a:gd name="connsiteY5505" fmla="*/ 2256699 h 6858000"/>
              <a:gd name="connsiteX5506" fmla="*/ 2639641 w 6858000"/>
              <a:gd name="connsiteY5506" fmla="*/ 2256699 h 6858000"/>
              <a:gd name="connsiteX5507" fmla="*/ 2639641 w 6858000"/>
              <a:gd name="connsiteY5507" fmla="*/ 2254107 h 6858000"/>
              <a:gd name="connsiteX5508" fmla="*/ 2513769 w 6858000"/>
              <a:gd name="connsiteY5508" fmla="*/ 2253921 h 6858000"/>
              <a:gd name="connsiteX5509" fmla="*/ 2513769 w 6858000"/>
              <a:gd name="connsiteY5509" fmla="*/ 2256958 h 6858000"/>
              <a:gd name="connsiteX5510" fmla="*/ 2516806 w 6858000"/>
              <a:gd name="connsiteY5510" fmla="*/ 2256958 h 6858000"/>
              <a:gd name="connsiteX5511" fmla="*/ 2516806 w 6858000"/>
              <a:gd name="connsiteY5511" fmla="*/ 2253921 h 6858000"/>
              <a:gd name="connsiteX5512" fmla="*/ 2390490 w 6858000"/>
              <a:gd name="connsiteY5512" fmla="*/ 2253699 h 6858000"/>
              <a:gd name="connsiteX5513" fmla="*/ 2390490 w 6858000"/>
              <a:gd name="connsiteY5513" fmla="*/ 2257180 h 6858000"/>
              <a:gd name="connsiteX5514" fmla="*/ 2393971 w 6858000"/>
              <a:gd name="connsiteY5514" fmla="*/ 2257180 h 6858000"/>
              <a:gd name="connsiteX5515" fmla="*/ 2393971 w 6858000"/>
              <a:gd name="connsiteY5515" fmla="*/ 2253699 h 6858000"/>
              <a:gd name="connsiteX5516" fmla="*/ 2267210 w 6858000"/>
              <a:gd name="connsiteY5516" fmla="*/ 2253477 h 6858000"/>
              <a:gd name="connsiteX5517" fmla="*/ 2267210 w 6858000"/>
              <a:gd name="connsiteY5517" fmla="*/ 2257402 h 6858000"/>
              <a:gd name="connsiteX5518" fmla="*/ 2271135 w 6858000"/>
              <a:gd name="connsiteY5518" fmla="*/ 2257402 h 6858000"/>
              <a:gd name="connsiteX5519" fmla="*/ 2271135 w 6858000"/>
              <a:gd name="connsiteY5519" fmla="*/ 2253477 h 6858000"/>
              <a:gd name="connsiteX5520" fmla="*/ 2143931 w 6858000"/>
              <a:gd name="connsiteY5520" fmla="*/ 2253255 h 6858000"/>
              <a:gd name="connsiteX5521" fmla="*/ 2143931 w 6858000"/>
              <a:gd name="connsiteY5521" fmla="*/ 2257588 h 6858000"/>
              <a:gd name="connsiteX5522" fmla="*/ 2148264 w 6858000"/>
              <a:gd name="connsiteY5522" fmla="*/ 2257588 h 6858000"/>
              <a:gd name="connsiteX5523" fmla="*/ 2148264 w 6858000"/>
              <a:gd name="connsiteY5523" fmla="*/ 2253255 h 6858000"/>
              <a:gd name="connsiteX5524" fmla="*/ 2020651 w 6858000"/>
              <a:gd name="connsiteY5524" fmla="*/ 2253033 h 6858000"/>
              <a:gd name="connsiteX5525" fmla="*/ 2020651 w 6858000"/>
              <a:gd name="connsiteY5525" fmla="*/ 2257810 h 6858000"/>
              <a:gd name="connsiteX5526" fmla="*/ 2025428 w 6858000"/>
              <a:gd name="connsiteY5526" fmla="*/ 2257810 h 6858000"/>
              <a:gd name="connsiteX5527" fmla="*/ 2025428 w 6858000"/>
              <a:gd name="connsiteY5527" fmla="*/ 2253033 h 6858000"/>
              <a:gd name="connsiteX5528" fmla="*/ 1897372 w 6858000"/>
              <a:gd name="connsiteY5528" fmla="*/ 2252810 h 6858000"/>
              <a:gd name="connsiteX5529" fmla="*/ 1897372 w 6858000"/>
              <a:gd name="connsiteY5529" fmla="*/ 2258031 h 6858000"/>
              <a:gd name="connsiteX5530" fmla="*/ 1902593 w 6858000"/>
              <a:gd name="connsiteY5530" fmla="*/ 2258031 h 6858000"/>
              <a:gd name="connsiteX5531" fmla="*/ 1902593 w 6858000"/>
              <a:gd name="connsiteY5531" fmla="*/ 2252810 h 6858000"/>
              <a:gd name="connsiteX5532" fmla="*/ 1774092 w 6858000"/>
              <a:gd name="connsiteY5532" fmla="*/ 2252588 h 6858000"/>
              <a:gd name="connsiteX5533" fmla="*/ 1774092 w 6858000"/>
              <a:gd name="connsiteY5533" fmla="*/ 2258217 h 6858000"/>
              <a:gd name="connsiteX5534" fmla="*/ 1779721 w 6858000"/>
              <a:gd name="connsiteY5534" fmla="*/ 2258217 h 6858000"/>
              <a:gd name="connsiteX5535" fmla="*/ 1779721 w 6858000"/>
              <a:gd name="connsiteY5535" fmla="*/ 2252588 h 6858000"/>
              <a:gd name="connsiteX5536" fmla="*/ 1650813 w 6858000"/>
              <a:gd name="connsiteY5536" fmla="*/ 2252366 h 6858000"/>
              <a:gd name="connsiteX5537" fmla="*/ 1650813 w 6858000"/>
              <a:gd name="connsiteY5537" fmla="*/ 2258439 h 6858000"/>
              <a:gd name="connsiteX5538" fmla="*/ 1656886 w 6858000"/>
              <a:gd name="connsiteY5538" fmla="*/ 2258439 h 6858000"/>
              <a:gd name="connsiteX5539" fmla="*/ 1656886 w 6858000"/>
              <a:gd name="connsiteY5539" fmla="*/ 2252366 h 6858000"/>
              <a:gd name="connsiteX5540" fmla="*/ 1527755 w 6858000"/>
              <a:gd name="connsiteY5540" fmla="*/ 2252366 h 6858000"/>
              <a:gd name="connsiteX5541" fmla="*/ 1527755 w 6858000"/>
              <a:gd name="connsiteY5541" fmla="*/ 2258439 h 6858000"/>
              <a:gd name="connsiteX5542" fmla="*/ 1533828 w 6858000"/>
              <a:gd name="connsiteY5542" fmla="*/ 2258439 h 6858000"/>
              <a:gd name="connsiteX5543" fmla="*/ 1533828 w 6858000"/>
              <a:gd name="connsiteY5543" fmla="*/ 2252366 h 6858000"/>
              <a:gd name="connsiteX5544" fmla="*/ 1404476 w 6858000"/>
              <a:gd name="connsiteY5544" fmla="*/ 2252181 h 6858000"/>
              <a:gd name="connsiteX5545" fmla="*/ 1404476 w 6858000"/>
              <a:gd name="connsiteY5545" fmla="*/ 2258699 h 6858000"/>
              <a:gd name="connsiteX5546" fmla="*/ 1410994 w 6858000"/>
              <a:gd name="connsiteY5546" fmla="*/ 2258699 h 6858000"/>
              <a:gd name="connsiteX5547" fmla="*/ 1410994 w 6858000"/>
              <a:gd name="connsiteY5547" fmla="*/ 2252181 h 6858000"/>
              <a:gd name="connsiteX5548" fmla="*/ 1281419 w 6858000"/>
              <a:gd name="connsiteY5548" fmla="*/ 2252181 h 6858000"/>
              <a:gd name="connsiteX5549" fmla="*/ 1281419 w 6858000"/>
              <a:gd name="connsiteY5549" fmla="*/ 2258699 h 6858000"/>
              <a:gd name="connsiteX5550" fmla="*/ 1287937 w 6858000"/>
              <a:gd name="connsiteY5550" fmla="*/ 2258699 h 6858000"/>
              <a:gd name="connsiteX5551" fmla="*/ 1287937 w 6858000"/>
              <a:gd name="connsiteY5551" fmla="*/ 2252181 h 6858000"/>
              <a:gd name="connsiteX5552" fmla="*/ 1158139 w 6858000"/>
              <a:gd name="connsiteY5552" fmla="*/ 2251959 h 6858000"/>
              <a:gd name="connsiteX5553" fmla="*/ 1158139 w 6858000"/>
              <a:gd name="connsiteY5553" fmla="*/ 2258921 h 6858000"/>
              <a:gd name="connsiteX5554" fmla="*/ 1165101 w 6858000"/>
              <a:gd name="connsiteY5554" fmla="*/ 2258921 h 6858000"/>
              <a:gd name="connsiteX5555" fmla="*/ 1165101 w 6858000"/>
              <a:gd name="connsiteY5555" fmla="*/ 2251959 h 6858000"/>
              <a:gd name="connsiteX5556" fmla="*/ 1035082 w 6858000"/>
              <a:gd name="connsiteY5556" fmla="*/ 2251959 h 6858000"/>
              <a:gd name="connsiteX5557" fmla="*/ 1035082 w 6858000"/>
              <a:gd name="connsiteY5557" fmla="*/ 2258921 h 6858000"/>
              <a:gd name="connsiteX5558" fmla="*/ 1042044 w 6858000"/>
              <a:gd name="connsiteY5558" fmla="*/ 2258921 h 6858000"/>
              <a:gd name="connsiteX5559" fmla="*/ 1042044 w 6858000"/>
              <a:gd name="connsiteY5559" fmla="*/ 2251959 h 6858000"/>
              <a:gd name="connsiteX5560" fmla="*/ 912025 w 6858000"/>
              <a:gd name="connsiteY5560" fmla="*/ 2251959 h 6858000"/>
              <a:gd name="connsiteX5561" fmla="*/ 912025 w 6858000"/>
              <a:gd name="connsiteY5561" fmla="*/ 2258921 h 6858000"/>
              <a:gd name="connsiteX5562" fmla="*/ 918987 w 6858000"/>
              <a:gd name="connsiteY5562" fmla="*/ 2258921 h 6858000"/>
              <a:gd name="connsiteX5563" fmla="*/ 918987 w 6858000"/>
              <a:gd name="connsiteY5563" fmla="*/ 2251959 h 6858000"/>
              <a:gd name="connsiteX5564" fmla="*/ 788967 w 6858000"/>
              <a:gd name="connsiteY5564" fmla="*/ 2251959 h 6858000"/>
              <a:gd name="connsiteX5565" fmla="*/ 788967 w 6858000"/>
              <a:gd name="connsiteY5565" fmla="*/ 2258921 h 6858000"/>
              <a:gd name="connsiteX5566" fmla="*/ 795929 w 6858000"/>
              <a:gd name="connsiteY5566" fmla="*/ 2258921 h 6858000"/>
              <a:gd name="connsiteX5567" fmla="*/ 795929 w 6858000"/>
              <a:gd name="connsiteY5567" fmla="*/ 2251959 h 6858000"/>
              <a:gd name="connsiteX5568" fmla="*/ 665910 w 6858000"/>
              <a:gd name="connsiteY5568" fmla="*/ 2251959 h 6858000"/>
              <a:gd name="connsiteX5569" fmla="*/ 665910 w 6858000"/>
              <a:gd name="connsiteY5569" fmla="*/ 2258921 h 6858000"/>
              <a:gd name="connsiteX5570" fmla="*/ 672872 w 6858000"/>
              <a:gd name="connsiteY5570" fmla="*/ 2258921 h 6858000"/>
              <a:gd name="connsiteX5571" fmla="*/ 672872 w 6858000"/>
              <a:gd name="connsiteY5571" fmla="*/ 2251959 h 6858000"/>
              <a:gd name="connsiteX5572" fmla="*/ 542630 w 6858000"/>
              <a:gd name="connsiteY5572" fmla="*/ 2251736 h 6858000"/>
              <a:gd name="connsiteX5573" fmla="*/ 542630 w 6858000"/>
              <a:gd name="connsiteY5573" fmla="*/ 2259105 h 6858000"/>
              <a:gd name="connsiteX5574" fmla="*/ 549999 w 6858000"/>
              <a:gd name="connsiteY5574" fmla="*/ 2259105 h 6858000"/>
              <a:gd name="connsiteX5575" fmla="*/ 549999 w 6858000"/>
              <a:gd name="connsiteY5575" fmla="*/ 2251736 h 6858000"/>
              <a:gd name="connsiteX5576" fmla="*/ 419573 w 6858000"/>
              <a:gd name="connsiteY5576" fmla="*/ 2251736 h 6858000"/>
              <a:gd name="connsiteX5577" fmla="*/ 419573 w 6858000"/>
              <a:gd name="connsiteY5577" fmla="*/ 2259105 h 6858000"/>
              <a:gd name="connsiteX5578" fmla="*/ 426942 w 6858000"/>
              <a:gd name="connsiteY5578" fmla="*/ 2259105 h 6858000"/>
              <a:gd name="connsiteX5579" fmla="*/ 426942 w 6858000"/>
              <a:gd name="connsiteY5579" fmla="*/ 2251736 h 6858000"/>
              <a:gd name="connsiteX5580" fmla="*/ 296516 w 6858000"/>
              <a:gd name="connsiteY5580" fmla="*/ 2251736 h 6858000"/>
              <a:gd name="connsiteX5581" fmla="*/ 296516 w 6858000"/>
              <a:gd name="connsiteY5581" fmla="*/ 2259105 h 6858000"/>
              <a:gd name="connsiteX5582" fmla="*/ 303885 w 6858000"/>
              <a:gd name="connsiteY5582" fmla="*/ 2259105 h 6858000"/>
              <a:gd name="connsiteX5583" fmla="*/ 303885 w 6858000"/>
              <a:gd name="connsiteY5583" fmla="*/ 2251736 h 6858000"/>
              <a:gd name="connsiteX5584" fmla="*/ 50401 w 6858000"/>
              <a:gd name="connsiteY5584" fmla="*/ 2251736 h 6858000"/>
              <a:gd name="connsiteX5585" fmla="*/ 50401 w 6858000"/>
              <a:gd name="connsiteY5585" fmla="*/ 2259105 h 6858000"/>
              <a:gd name="connsiteX5586" fmla="*/ 57770 w 6858000"/>
              <a:gd name="connsiteY5586" fmla="*/ 2259105 h 6858000"/>
              <a:gd name="connsiteX5587" fmla="*/ 57770 w 6858000"/>
              <a:gd name="connsiteY5587" fmla="*/ 2251736 h 6858000"/>
              <a:gd name="connsiteX5588" fmla="*/ 173236 w 6858000"/>
              <a:gd name="connsiteY5588" fmla="*/ 2251514 h 6858000"/>
              <a:gd name="connsiteX5589" fmla="*/ 173236 w 6858000"/>
              <a:gd name="connsiteY5589" fmla="*/ 2259328 h 6858000"/>
              <a:gd name="connsiteX5590" fmla="*/ 181050 w 6858000"/>
              <a:gd name="connsiteY5590" fmla="*/ 2259328 h 6858000"/>
              <a:gd name="connsiteX5591" fmla="*/ 181050 w 6858000"/>
              <a:gd name="connsiteY5591" fmla="*/ 2251514 h 6858000"/>
              <a:gd name="connsiteX5592" fmla="*/ 4237905 w 6858000"/>
              <a:gd name="connsiteY5592" fmla="*/ 2132160 h 6858000"/>
              <a:gd name="connsiteX5593" fmla="*/ 4237905 w 6858000"/>
              <a:gd name="connsiteY5593" fmla="*/ 2132604 h 6858000"/>
              <a:gd name="connsiteX5594" fmla="*/ 4238349 w 6858000"/>
              <a:gd name="connsiteY5594" fmla="*/ 2132604 h 6858000"/>
              <a:gd name="connsiteX5595" fmla="*/ 4238349 w 6858000"/>
              <a:gd name="connsiteY5595" fmla="*/ 2132160 h 6858000"/>
              <a:gd name="connsiteX5596" fmla="*/ 4114848 w 6858000"/>
              <a:gd name="connsiteY5596" fmla="*/ 2132160 h 6858000"/>
              <a:gd name="connsiteX5597" fmla="*/ 4114848 w 6858000"/>
              <a:gd name="connsiteY5597" fmla="*/ 2132604 h 6858000"/>
              <a:gd name="connsiteX5598" fmla="*/ 4115292 w 6858000"/>
              <a:gd name="connsiteY5598" fmla="*/ 2132604 h 6858000"/>
              <a:gd name="connsiteX5599" fmla="*/ 4115292 w 6858000"/>
              <a:gd name="connsiteY5599" fmla="*/ 2132160 h 6858000"/>
              <a:gd name="connsiteX5600" fmla="*/ 3991790 w 6858000"/>
              <a:gd name="connsiteY5600" fmla="*/ 2132160 h 6858000"/>
              <a:gd name="connsiteX5601" fmla="*/ 3991790 w 6858000"/>
              <a:gd name="connsiteY5601" fmla="*/ 2132604 h 6858000"/>
              <a:gd name="connsiteX5602" fmla="*/ 3992235 w 6858000"/>
              <a:gd name="connsiteY5602" fmla="*/ 2132604 h 6858000"/>
              <a:gd name="connsiteX5603" fmla="*/ 3992235 w 6858000"/>
              <a:gd name="connsiteY5603" fmla="*/ 2132160 h 6858000"/>
              <a:gd name="connsiteX5604" fmla="*/ 3868733 w 6858000"/>
              <a:gd name="connsiteY5604" fmla="*/ 2132160 h 6858000"/>
              <a:gd name="connsiteX5605" fmla="*/ 3868733 w 6858000"/>
              <a:gd name="connsiteY5605" fmla="*/ 2132604 h 6858000"/>
              <a:gd name="connsiteX5606" fmla="*/ 3869177 w 6858000"/>
              <a:gd name="connsiteY5606" fmla="*/ 2132604 h 6858000"/>
              <a:gd name="connsiteX5607" fmla="*/ 3869177 w 6858000"/>
              <a:gd name="connsiteY5607" fmla="*/ 2132160 h 6858000"/>
              <a:gd name="connsiteX5608" fmla="*/ 3745676 w 6858000"/>
              <a:gd name="connsiteY5608" fmla="*/ 2132160 h 6858000"/>
              <a:gd name="connsiteX5609" fmla="*/ 3745676 w 6858000"/>
              <a:gd name="connsiteY5609" fmla="*/ 2132604 h 6858000"/>
              <a:gd name="connsiteX5610" fmla="*/ 3746120 w 6858000"/>
              <a:gd name="connsiteY5610" fmla="*/ 2132604 h 6858000"/>
              <a:gd name="connsiteX5611" fmla="*/ 3746120 w 6858000"/>
              <a:gd name="connsiteY5611" fmla="*/ 2132160 h 6858000"/>
              <a:gd name="connsiteX5612" fmla="*/ 3622618 w 6858000"/>
              <a:gd name="connsiteY5612" fmla="*/ 2132160 h 6858000"/>
              <a:gd name="connsiteX5613" fmla="*/ 3622618 w 6858000"/>
              <a:gd name="connsiteY5613" fmla="*/ 2132604 h 6858000"/>
              <a:gd name="connsiteX5614" fmla="*/ 3623062 w 6858000"/>
              <a:gd name="connsiteY5614" fmla="*/ 2132604 h 6858000"/>
              <a:gd name="connsiteX5615" fmla="*/ 3623062 w 6858000"/>
              <a:gd name="connsiteY5615" fmla="*/ 2132160 h 6858000"/>
              <a:gd name="connsiteX5616" fmla="*/ 3499524 w 6858000"/>
              <a:gd name="connsiteY5616" fmla="*/ 2132160 h 6858000"/>
              <a:gd name="connsiteX5617" fmla="*/ 3499524 w 6858000"/>
              <a:gd name="connsiteY5617" fmla="*/ 2132604 h 6858000"/>
              <a:gd name="connsiteX5618" fmla="*/ 3499968 w 6858000"/>
              <a:gd name="connsiteY5618" fmla="*/ 2132604 h 6858000"/>
              <a:gd name="connsiteX5619" fmla="*/ 3499968 w 6858000"/>
              <a:gd name="connsiteY5619" fmla="*/ 2132160 h 6858000"/>
              <a:gd name="connsiteX5620" fmla="*/ 3376282 w 6858000"/>
              <a:gd name="connsiteY5620" fmla="*/ 2131938 h 6858000"/>
              <a:gd name="connsiteX5621" fmla="*/ 3376282 w 6858000"/>
              <a:gd name="connsiteY5621" fmla="*/ 2132790 h 6858000"/>
              <a:gd name="connsiteX5622" fmla="*/ 3377134 w 6858000"/>
              <a:gd name="connsiteY5622" fmla="*/ 2132790 h 6858000"/>
              <a:gd name="connsiteX5623" fmla="*/ 3377134 w 6858000"/>
              <a:gd name="connsiteY5623" fmla="*/ 2131938 h 6858000"/>
              <a:gd name="connsiteX5624" fmla="*/ 3253187 w 6858000"/>
              <a:gd name="connsiteY5624" fmla="*/ 2131938 h 6858000"/>
              <a:gd name="connsiteX5625" fmla="*/ 3253187 w 6858000"/>
              <a:gd name="connsiteY5625" fmla="*/ 2132790 h 6858000"/>
              <a:gd name="connsiteX5626" fmla="*/ 3254039 w 6858000"/>
              <a:gd name="connsiteY5626" fmla="*/ 2132790 h 6858000"/>
              <a:gd name="connsiteX5627" fmla="*/ 3254039 w 6858000"/>
              <a:gd name="connsiteY5627" fmla="*/ 2131938 h 6858000"/>
              <a:gd name="connsiteX5628" fmla="*/ 3130130 w 6858000"/>
              <a:gd name="connsiteY5628" fmla="*/ 2131938 h 6858000"/>
              <a:gd name="connsiteX5629" fmla="*/ 3130130 w 6858000"/>
              <a:gd name="connsiteY5629" fmla="*/ 2132790 h 6858000"/>
              <a:gd name="connsiteX5630" fmla="*/ 3130982 w 6858000"/>
              <a:gd name="connsiteY5630" fmla="*/ 2132790 h 6858000"/>
              <a:gd name="connsiteX5631" fmla="*/ 3130982 w 6858000"/>
              <a:gd name="connsiteY5631" fmla="*/ 2131938 h 6858000"/>
              <a:gd name="connsiteX5632" fmla="*/ 3006850 w 6858000"/>
              <a:gd name="connsiteY5632" fmla="*/ 2131716 h 6858000"/>
              <a:gd name="connsiteX5633" fmla="*/ 3006850 w 6858000"/>
              <a:gd name="connsiteY5633" fmla="*/ 2133012 h 6858000"/>
              <a:gd name="connsiteX5634" fmla="*/ 3008146 w 6858000"/>
              <a:gd name="connsiteY5634" fmla="*/ 2133012 h 6858000"/>
              <a:gd name="connsiteX5635" fmla="*/ 3008146 w 6858000"/>
              <a:gd name="connsiteY5635" fmla="*/ 2131716 h 6858000"/>
              <a:gd name="connsiteX5636" fmla="*/ 2883793 w 6858000"/>
              <a:gd name="connsiteY5636" fmla="*/ 2131716 h 6858000"/>
              <a:gd name="connsiteX5637" fmla="*/ 2883793 w 6858000"/>
              <a:gd name="connsiteY5637" fmla="*/ 2133012 h 6858000"/>
              <a:gd name="connsiteX5638" fmla="*/ 2885089 w 6858000"/>
              <a:gd name="connsiteY5638" fmla="*/ 2133012 h 6858000"/>
              <a:gd name="connsiteX5639" fmla="*/ 2885089 w 6858000"/>
              <a:gd name="connsiteY5639" fmla="*/ 2131716 h 6858000"/>
              <a:gd name="connsiteX5640" fmla="*/ 2760514 w 6858000"/>
              <a:gd name="connsiteY5640" fmla="*/ 2131494 h 6858000"/>
              <a:gd name="connsiteX5641" fmla="*/ 2760514 w 6858000"/>
              <a:gd name="connsiteY5641" fmla="*/ 2133235 h 6858000"/>
              <a:gd name="connsiteX5642" fmla="*/ 2762254 w 6858000"/>
              <a:gd name="connsiteY5642" fmla="*/ 2133235 h 6858000"/>
              <a:gd name="connsiteX5643" fmla="*/ 2762254 w 6858000"/>
              <a:gd name="connsiteY5643" fmla="*/ 2131494 h 6858000"/>
              <a:gd name="connsiteX5644" fmla="*/ 2637234 w 6858000"/>
              <a:gd name="connsiteY5644" fmla="*/ 2131271 h 6858000"/>
              <a:gd name="connsiteX5645" fmla="*/ 2637234 w 6858000"/>
              <a:gd name="connsiteY5645" fmla="*/ 2133456 h 6858000"/>
              <a:gd name="connsiteX5646" fmla="*/ 2639419 w 6858000"/>
              <a:gd name="connsiteY5646" fmla="*/ 2133456 h 6858000"/>
              <a:gd name="connsiteX5647" fmla="*/ 2639419 w 6858000"/>
              <a:gd name="connsiteY5647" fmla="*/ 2131271 h 6858000"/>
              <a:gd name="connsiteX5648" fmla="*/ 2514177 w 6858000"/>
              <a:gd name="connsiteY5648" fmla="*/ 2131271 h 6858000"/>
              <a:gd name="connsiteX5649" fmla="*/ 2514177 w 6858000"/>
              <a:gd name="connsiteY5649" fmla="*/ 2133456 h 6858000"/>
              <a:gd name="connsiteX5650" fmla="*/ 2516362 w 6858000"/>
              <a:gd name="connsiteY5650" fmla="*/ 2133456 h 6858000"/>
              <a:gd name="connsiteX5651" fmla="*/ 2516362 w 6858000"/>
              <a:gd name="connsiteY5651" fmla="*/ 2131271 h 6858000"/>
              <a:gd name="connsiteX5652" fmla="*/ 2390897 w 6858000"/>
              <a:gd name="connsiteY5652" fmla="*/ 2131049 h 6858000"/>
              <a:gd name="connsiteX5653" fmla="*/ 2390897 w 6858000"/>
              <a:gd name="connsiteY5653" fmla="*/ 2133641 h 6858000"/>
              <a:gd name="connsiteX5654" fmla="*/ 2393489 w 6858000"/>
              <a:gd name="connsiteY5654" fmla="*/ 2133641 h 6858000"/>
              <a:gd name="connsiteX5655" fmla="*/ 2393489 w 6858000"/>
              <a:gd name="connsiteY5655" fmla="*/ 2131049 h 6858000"/>
              <a:gd name="connsiteX5656" fmla="*/ 2267655 w 6858000"/>
              <a:gd name="connsiteY5656" fmla="*/ 2130827 h 6858000"/>
              <a:gd name="connsiteX5657" fmla="*/ 2267655 w 6858000"/>
              <a:gd name="connsiteY5657" fmla="*/ 2133864 h 6858000"/>
              <a:gd name="connsiteX5658" fmla="*/ 2270692 w 6858000"/>
              <a:gd name="connsiteY5658" fmla="*/ 2133864 h 6858000"/>
              <a:gd name="connsiteX5659" fmla="*/ 2270692 w 6858000"/>
              <a:gd name="connsiteY5659" fmla="*/ 2130827 h 6858000"/>
              <a:gd name="connsiteX5660" fmla="*/ 2144375 w 6858000"/>
              <a:gd name="connsiteY5660" fmla="*/ 2130642 h 6858000"/>
              <a:gd name="connsiteX5661" fmla="*/ 2144375 w 6858000"/>
              <a:gd name="connsiteY5661" fmla="*/ 2134123 h 6858000"/>
              <a:gd name="connsiteX5662" fmla="*/ 2147856 w 6858000"/>
              <a:gd name="connsiteY5662" fmla="*/ 2134123 h 6858000"/>
              <a:gd name="connsiteX5663" fmla="*/ 2147856 w 6858000"/>
              <a:gd name="connsiteY5663" fmla="*/ 2130642 h 6858000"/>
              <a:gd name="connsiteX5664" fmla="*/ 2021096 w 6858000"/>
              <a:gd name="connsiteY5664" fmla="*/ 2130420 h 6858000"/>
              <a:gd name="connsiteX5665" fmla="*/ 2021096 w 6858000"/>
              <a:gd name="connsiteY5665" fmla="*/ 2134345 h 6858000"/>
              <a:gd name="connsiteX5666" fmla="*/ 2025021 w 6858000"/>
              <a:gd name="connsiteY5666" fmla="*/ 2134345 h 6858000"/>
              <a:gd name="connsiteX5667" fmla="*/ 2025021 w 6858000"/>
              <a:gd name="connsiteY5667" fmla="*/ 2130420 h 6858000"/>
              <a:gd name="connsiteX5668" fmla="*/ 1898038 w 6858000"/>
              <a:gd name="connsiteY5668" fmla="*/ 2130420 h 6858000"/>
              <a:gd name="connsiteX5669" fmla="*/ 1898038 w 6858000"/>
              <a:gd name="connsiteY5669" fmla="*/ 2134345 h 6858000"/>
              <a:gd name="connsiteX5670" fmla="*/ 1901963 w 6858000"/>
              <a:gd name="connsiteY5670" fmla="*/ 2134345 h 6858000"/>
              <a:gd name="connsiteX5671" fmla="*/ 1901963 w 6858000"/>
              <a:gd name="connsiteY5671" fmla="*/ 2130420 h 6858000"/>
              <a:gd name="connsiteX5672" fmla="*/ 1774759 w 6858000"/>
              <a:gd name="connsiteY5672" fmla="*/ 2130197 h 6858000"/>
              <a:gd name="connsiteX5673" fmla="*/ 1774759 w 6858000"/>
              <a:gd name="connsiteY5673" fmla="*/ 2134530 h 6858000"/>
              <a:gd name="connsiteX5674" fmla="*/ 1779092 w 6858000"/>
              <a:gd name="connsiteY5674" fmla="*/ 2134530 h 6858000"/>
              <a:gd name="connsiteX5675" fmla="*/ 1779092 w 6858000"/>
              <a:gd name="connsiteY5675" fmla="*/ 2130197 h 6858000"/>
              <a:gd name="connsiteX5676" fmla="*/ 1651479 w 6858000"/>
              <a:gd name="connsiteY5676" fmla="*/ 2129975 h 6858000"/>
              <a:gd name="connsiteX5677" fmla="*/ 1651479 w 6858000"/>
              <a:gd name="connsiteY5677" fmla="*/ 2134752 h 6858000"/>
              <a:gd name="connsiteX5678" fmla="*/ 1656256 w 6858000"/>
              <a:gd name="connsiteY5678" fmla="*/ 2134752 h 6858000"/>
              <a:gd name="connsiteX5679" fmla="*/ 1656256 w 6858000"/>
              <a:gd name="connsiteY5679" fmla="*/ 2129975 h 6858000"/>
              <a:gd name="connsiteX5680" fmla="*/ 1528422 w 6858000"/>
              <a:gd name="connsiteY5680" fmla="*/ 2129975 h 6858000"/>
              <a:gd name="connsiteX5681" fmla="*/ 1528422 w 6858000"/>
              <a:gd name="connsiteY5681" fmla="*/ 2134752 h 6858000"/>
              <a:gd name="connsiteX5682" fmla="*/ 1533199 w 6858000"/>
              <a:gd name="connsiteY5682" fmla="*/ 2134752 h 6858000"/>
              <a:gd name="connsiteX5683" fmla="*/ 1533199 w 6858000"/>
              <a:gd name="connsiteY5683" fmla="*/ 2129975 h 6858000"/>
              <a:gd name="connsiteX5684" fmla="*/ 1159213 w 6858000"/>
              <a:gd name="connsiteY5684" fmla="*/ 2129975 h 6858000"/>
              <a:gd name="connsiteX5685" fmla="*/ 1159213 w 6858000"/>
              <a:gd name="connsiteY5685" fmla="*/ 2134752 h 6858000"/>
              <a:gd name="connsiteX5686" fmla="*/ 1163990 w 6858000"/>
              <a:gd name="connsiteY5686" fmla="*/ 2134752 h 6858000"/>
              <a:gd name="connsiteX5687" fmla="*/ 1163990 w 6858000"/>
              <a:gd name="connsiteY5687" fmla="*/ 2129975 h 6858000"/>
              <a:gd name="connsiteX5688" fmla="*/ 790041 w 6858000"/>
              <a:gd name="connsiteY5688" fmla="*/ 2129975 h 6858000"/>
              <a:gd name="connsiteX5689" fmla="*/ 790041 w 6858000"/>
              <a:gd name="connsiteY5689" fmla="*/ 2134752 h 6858000"/>
              <a:gd name="connsiteX5690" fmla="*/ 794818 w 6858000"/>
              <a:gd name="connsiteY5690" fmla="*/ 2134752 h 6858000"/>
              <a:gd name="connsiteX5691" fmla="*/ 794818 w 6858000"/>
              <a:gd name="connsiteY5691" fmla="*/ 2129975 h 6858000"/>
              <a:gd name="connsiteX5692" fmla="*/ 666984 w 6858000"/>
              <a:gd name="connsiteY5692" fmla="*/ 2129975 h 6858000"/>
              <a:gd name="connsiteX5693" fmla="*/ 666984 w 6858000"/>
              <a:gd name="connsiteY5693" fmla="*/ 2134752 h 6858000"/>
              <a:gd name="connsiteX5694" fmla="*/ 671761 w 6858000"/>
              <a:gd name="connsiteY5694" fmla="*/ 2134752 h 6858000"/>
              <a:gd name="connsiteX5695" fmla="*/ 671761 w 6858000"/>
              <a:gd name="connsiteY5695" fmla="*/ 2129975 h 6858000"/>
              <a:gd name="connsiteX5696" fmla="*/ 543926 w 6858000"/>
              <a:gd name="connsiteY5696" fmla="*/ 2129975 h 6858000"/>
              <a:gd name="connsiteX5697" fmla="*/ 543926 w 6858000"/>
              <a:gd name="connsiteY5697" fmla="*/ 2134752 h 6858000"/>
              <a:gd name="connsiteX5698" fmla="*/ 548703 w 6858000"/>
              <a:gd name="connsiteY5698" fmla="*/ 2134752 h 6858000"/>
              <a:gd name="connsiteX5699" fmla="*/ 548703 w 6858000"/>
              <a:gd name="connsiteY5699" fmla="*/ 2129975 h 6858000"/>
              <a:gd name="connsiteX5700" fmla="*/ 1405143 w 6858000"/>
              <a:gd name="connsiteY5700" fmla="*/ 2129753 h 6858000"/>
              <a:gd name="connsiteX5701" fmla="*/ 1405143 w 6858000"/>
              <a:gd name="connsiteY5701" fmla="*/ 2134975 h 6858000"/>
              <a:gd name="connsiteX5702" fmla="*/ 1410365 w 6858000"/>
              <a:gd name="connsiteY5702" fmla="*/ 2134975 h 6858000"/>
              <a:gd name="connsiteX5703" fmla="*/ 1410365 w 6858000"/>
              <a:gd name="connsiteY5703" fmla="*/ 2129753 h 6858000"/>
              <a:gd name="connsiteX5704" fmla="*/ 1282085 w 6858000"/>
              <a:gd name="connsiteY5704" fmla="*/ 2129753 h 6858000"/>
              <a:gd name="connsiteX5705" fmla="*/ 1282085 w 6858000"/>
              <a:gd name="connsiteY5705" fmla="*/ 2134975 h 6858000"/>
              <a:gd name="connsiteX5706" fmla="*/ 1287306 w 6858000"/>
              <a:gd name="connsiteY5706" fmla="*/ 2134975 h 6858000"/>
              <a:gd name="connsiteX5707" fmla="*/ 1287306 w 6858000"/>
              <a:gd name="connsiteY5707" fmla="*/ 2129753 h 6858000"/>
              <a:gd name="connsiteX5708" fmla="*/ 1035934 w 6858000"/>
              <a:gd name="connsiteY5708" fmla="*/ 2129753 h 6858000"/>
              <a:gd name="connsiteX5709" fmla="*/ 1035934 w 6858000"/>
              <a:gd name="connsiteY5709" fmla="*/ 2134975 h 6858000"/>
              <a:gd name="connsiteX5710" fmla="*/ 1041155 w 6858000"/>
              <a:gd name="connsiteY5710" fmla="*/ 2134975 h 6858000"/>
              <a:gd name="connsiteX5711" fmla="*/ 1041155 w 6858000"/>
              <a:gd name="connsiteY5711" fmla="*/ 2129753 h 6858000"/>
              <a:gd name="connsiteX5712" fmla="*/ 912876 w 6858000"/>
              <a:gd name="connsiteY5712" fmla="*/ 2129753 h 6858000"/>
              <a:gd name="connsiteX5713" fmla="*/ 912876 w 6858000"/>
              <a:gd name="connsiteY5713" fmla="*/ 2134975 h 6858000"/>
              <a:gd name="connsiteX5714" fmla="*/ 918098 w 6858000"/>
              <a:gd name="connsiteY5714" fmla="*/ 2134975 h 6858000"/>
              <a:gd name="connsiteX5715" fmla="*/ 918098 w 6858000"/>
              <a:gd name="connsiteY5715" fmla="*/ 2129753 h 6858000"/>
              <a:gd name="connsiteX5716" fmla="*/ 420647 w 6858000"/>
              <a:gd name="connsiteY5716" fmla="*/ 2129753 h 6858000"/>
              <a:gd name="connsiteX5717" fmla="*/ 420647 w 6858000"/>
              <a:gd name="connsiteY5717" fmla="*/ 2134975 h 6858000"/>
              <a:gd name="connsiteX5718" fmla="*/ 425869 w 6858000"/>
              <a:gd name="connsiteY5718" fmla="*/ 2134975 h 6858000"/>
              <a:gd name="connsiteX5719" fmla="*/ 425869 w 6858000"/>
              <a:gd name="connsiteY5719" fmla="*/ 2129753 h 6858000"/>
              <a:gd name="connsiteX5720" fmla="*/ 297590 w 6858000"/>
              <a:gd name="connsiteY5720" fmla="*/ 2129753 h 6858000"/>
              <a:gd name="connsiteX5721" fmla="*/ 297590 w 6858000"/>
              <a:gd name="connsiteY5721" fmla="*/ 2134975 h 6858000"/>
              <a:gd name="connsiteX5722" fmla="*/ 302812 w 6858000"/>
              <a:gd name="connsiteY5722" fmla="*/ 2134975 h 6858000"/>
              <a:gd name="connsiteX5723" fmla="*/ 302812 w 6858000"/>
              <a:gd name="connsiteY5723" fmla="*/ 2129753 h 6858000"/>
              <a:gd name="connsiteX5724" fmla="*/ 174532 w 6858000"/>
              <a:gd name="connsiteY5724" fmla="*/ 2129753 h 6858000"/>
              <a:gd name="connsiteX5725" fmla="*/ 174532 w 6858000"/>
              <a:gd name="connsiteY5725" fmla="*/ 2134975 h 6858000"/>
              <a:gd name="connsiteX5726" fmla="*/ 179754 w 6858000"/>
              <a:gd name="connsiteY5726" fmla="*/ 2134975 h 6858000"/>
              <a:gd name="connsiteX5727" fmla="*/ 179754 w 6858000"/>
              <a:gd name="connsiteY5727" fmla="*/ 2129753 h 6858000"/>
              <a:gd name="connsiteX5728" fmla="*/ 51475 w 6858000"/>
              <a:gd name="connsiteY5728" fmla="*/ 2129753 h 6858000"/>
              <a:gd name="connsiteX5729" fmla="*/ 51475 w 6858000"/>
              <a:gd name="connsiteY5729" fmla="*/ 2134975 h 6858000"/>
              <a:gd name="connsiteX5730" fmla="*/ 56697 w 6858000"/>
              <a:gd name="connsiteY5730" fmla="*/ 2134975 h 6858000"/>
              <a:gd name="connsiteX5731" fmla="*/ 56697 w 6858000"/>
              <a:gd name="connsiteY5731" fmla="*/ 2129753 h 6858000"/>
              <a:gd name="connsiteX5732" fmla="*/ 4237905 w 6858000"/>
              <a:gd name="connsiteY5732" fmla="*/ 2009114 h 6858000"/>
              <a:gd name="connsiteX5733" fmla="*/ 4237905 w 6858000"/>
              <a:gd name="connsiteY5733" fmla="*/ 2009556 h 6858000"/>
              <a:gd name="connsiteX5734" fmla="*/ 4238349 w 6858000"/>
              <a:gd name="connsiteY5734" fmla="*/ 2009556 h 6858000"/>
              <a:gd name="connsiteX5735" fmla="*/ 4238349 w 6858000"/>
              <a:gd name="connsiteY5735" fmla="*/ 2009114 h 6858000"/>
              <a:gd name="connsiteX5736" fmla="*/ 4114848 w 6858000"/>
              <a:gd name="connsiteY5736" fmla="*/ 2009114 h 6858000"/>
              <a:gd name="connsiteX5737" fmla="*/ 4114848 w 6858000"/>
              <a:gd name="connsiteY5737" fmla="*/ 2009556 h 6858000"/>
              <a:gd name="connsiteX5738" fmla="*/ 4115292 w 6858000"/>
              <a:gd name="connsiteY5738" fmla="*/ 2009556 h 6858000"/>
              <a:gd name="connsiteX5739" fmla="*/ 4115292 w 6858000"/>
              <a:gd name="connsiteY5739" fmla="*/ 2009114 h 6858000"/>
              <a:gd name="connsiteX5740" fmla="*/ 3991790 w 6858000"/>
              <a:gd name="connsiteY5740" fmla="*/ 2009114 h 6858000"/>
              <a:gd name="connsiteX5741" fmla="*/ 3991790 w 6858000"/>
              <a:gd name="connsiteY5741" fmla="*/ 2009556 h 6858000"/>
              <a:gd name="connsiteX5742" fmla="*/ 3992235 w 6858000"/>
              <a:gd name="connsiteY5742" fmla="*/ 2009556 h 6858000"/>
              <a:gd name="connsiteX5743" fmla="*/ 3992235 w 6858000"/>
              <a:gd name="connsiteY5743" fmla="*/ 2009114 h 6858000"/>
              <a:gd name="connsiteX5744" fmla="*/ 3868733 w 6858000"/>
              <a:gd name="connsiteY5744" fmla="*/ 2009114 h 6858000"/>
              <a:gd name="connsiteX5745" fmla="*/ 3868733 w 6858000"/>
              <a:gd name="connsiteY5745" fmla="*/ 2009556 h 6858000"/>
              <a:gd name="connsiteX5746" fmla="*/ 3869177 w 6858000"/>
              <a:gd name="connsiteY5746" fmla="*/ 2009556 h 6858000"/>
              <a:gd name="connsiteX5747" fmla="*/ 3869177 w 6858000"/>
              <a:gd name="connsiteY5747" fmla="*/ 2009114 h 6858000"/>
              <a:gd name="connsiteX5748" fmla="*/ 3745676 w 6858000"/>
              <a:gd name="connsiteY5748" fmla="*/ 2009114 h 6858000"/>
              <a:gd name="connsiteX5749" fmla="*/ 3745676 w 6858000"/>
              <a:gd name="connsiteY5749" fmla="*/ 2009556 h 6858000"/>
              <a:gd name="connsiteX5750" fmla="*/ 3746120 w 6858000"/>
              <a:gd name="connsiteY5750" fmla="*/ 2009556 h 6858000"/>
              <a:gd name="connsiteX5751" fmla="*/ 3746120 w 6858000"/>
              <a:gd name="connsiteY5751" fmla="*/ 2009114 h 6858000"/>
              <a:gd name="connsiteX5752" fmla="*/ 3622618 w 6858000"/>
              <a:gd name="connsiteY5752" fmla="*/ 2009114 h 6858000"/>
              <a:gd name="connsiteX5753" fmla="*/ 3622618 w 6858000"/>
              <a:gd name="connsiteY5753" fmla="*/ 2009556 h 6858000"/>
              <a:gd name="connsiteX5754" fmla="*/ 3623062 w 6858000"/>
              <a:gd name="connsiteY5754" fmla="*/ 2009556 h 6858000"/>
              <a:gd name="connsiteX5755" fmla="*/ 3623062 w 6858000"/>
              <a:gd name="connsiteY5755" fmla="*/ 2009114 h 6858000"/>
              <a:gd name="connsiteX5756" fmla="*/ 3499524 w 6858000"/>
              <a:gd name="connsiteY5756" fmla="*/ 2009114 h 6858000"/>
              <a:gd name="connsiteX5757" fmla="*/ 3499524 w 6858000"/>
              <a:gd name="connsiteY5757" fmla="*/ 2009556 h 6858000"/>
              <a:gd name="connsiteX5758" fmla="*/ 3499968 w 6858000"/>
              <a:gd name="connsiteY5758" fmla="*/ 2009556 h 6858000"/>
              <a:gd name="connsiteX5759" fmla="*/ 3499968 w 6858000"/>
              <a:gd name="connsiteY5759" fmla="*/ 2009114 h 6858000"/>
              <a:gd name="connsiteX5760" fmla="*/ 3376467 w 6858000"/>
              <a:gd name="connsiteY5760" fmla="*/ 2009114 h 6858000"/>
              <a:gd name="connsiteX5761" fmla="*/ 3376467 w 6858000"/>
              <a:gd name="connsiteY5761" fmla="*/ 2009556 h 6858000"/>
              <a:gd name="connsiteX5762" fmla="*/ 3376911 w 6858000"/>
              <a:gd name="connsiteY5762" fmla="*/ 2009556 h 6858000"/>
              <a:gd name="connsiteX5763" fmla="*/ 3376911 w 6858000"/>
              <a:gd name="connsiteY5763" fmla="*/ 2009114 h 6858000"/>
              <a:gd name="connsiteX5764" fmla="*/ 3253187 w 6858000"/>
              <a:gd name="connsiteY5764" fmla="*/ 2008889 h 6858000"/>
              <a:gd name="connsiteX5765" fmla="*/ 3253187 w 6858000"/>
              <a:gd name="connsiteY5765" fmla="*/ 2009750 h 6858000"/>
              <a:gd name="connsiteX5766" fmla="*/ 3254039 w 6858000"/>
              <a:gd name="connsiteY5766" fmla="*/ 2009750 h 6858000"/>
              <a:gd name="connsiteX5767" fmla="*/ 3254039 w 6858000"/>
              <a:gd name="connsiteY5767" fmla="*/ 2008889 h 6858000"/>
              <a:gd name="connsiteX5768" fmla="*/ 3130130 w 6858000"/>
              <a:gd name="connsiteY5768" fmla="*/ 2008889 h 6858000"/>
              <a:gd name="connsiteX5769" fmla="*/ 3130130 w 6858000"/>
              <a:gd name="connsiteY5769" fmla="*/ 2009750 h 6858000"/>
              <a:gd name="connsiteX5770" fmla="*/ 3130982 w 6858000"/>
              <a:gd name="connsiteY5770" fmla="*/ 2009750 h 6858000"/>
              <a:gd name="connsiteX5771" fmla="*/ 3130982 w 6858000"/>
              <a:gd name="connsiteY5771" fmla="*/ 2008889 h 6858000"/>
              <a:gd name="connsiteX5772" fmla="*/ 3007073 w 6858000"/>
              <a:gd name="connsiteY5772" fmla="*/ 2008889 h 6858000"/>
              <a:gd name="connsiteX5773" fmla="*/ 3007073 w 6858000"/>
              <a:gd name="connsiteY5773" fmla="*/ 2009750 h 6858000"/>
              <a:gd name="connsiteX5774" fmla="*/ 3007925 w 6858000"/>
              <a:gd name="connsiteY5774" fmla="*/ 2009750 h 6858000"/>
              <a:gd name="connsiteX5775" fmla="*/ 3007925 w 6858000"/>
              <a:gd name="connsiteY5775" fmla="*/ 2008889 h 6858000"/>
              <a:gd name="connsiteX5776" fmla="*/ 2883793 w 6858000"/>
              <a:gd name="connsiteY5776" fmla="*/ 2008673 h 6858000"/>
              <a:gd name="connsiteX5777" fmla="*/ 2883793 w 6858000"/>
              <a:gd name="connsiteY5777" fmla="*/ 2009967 h 6858000"/>
              <a:gd name="connsiteX5778" fmla="*/ 2885089 w 6858000"/>
              <a:gd name="connsiteY5778" fmla="*/ 2009967 h 6858000"/>
              <a:gd name="connsiteX5779" fmla="*/ 2885089 w 6858000"/>
              <a:gd name="connsiteY5779" fmla="*/ 2008673 h 6858000"/>
              <a:gd name="connsiteX5780" fmla="*/ 2760736 w 6858000"/>
              <a:gd name="connsiteY5780" fmla="*/ 2008673 h 6858000"/>
              <a:gd name="connsiteX5781" fmla="*/ 2760736 w 6858000"/>
              <a:gd name="connsiteY5781" fmla="*/ 2009967 h 6858000"/>
              <a:gd name="connsiteX5782" fmla="*/ 2762032 w 6858000"/>
              <a:gd name="connsiteY5782" fmla="*/ 2009967 h 6858000"/>
              <a:gd name="connsiteX5783" fmla="*/ 2762032 w 6858000"/>
              <a:gd name="connsiteY5783" fmla="*/ 2008673 h 6858000"/>
              <a:gd name="connsiteX5784" fmla="*/ 2637456 w 6858000"/>
              <a:gd name="connsiteY5784" fmla="*/ 2008446 h 6858000"/>
              <a:gd name="connsiteX5785" fmla="*/ 2637456 w 6858000"/>
              <a:gd name="connsiteY5785" fmla="*/ 2010187 h 6858000"/>
              <a:gd name="connsiteX5786" fmla="*/ 2639196 w 6858000"/>
              <a:gd name="connsiteY5786" fmla="*/ 2010187 h 6858000"/>
              <a:gd name="connsiteX5787" fmla="*/ 2639196 w 6858000"/>
              <a:gd name="connsiteY5787" fmla="*/ 2008446 h 6858000"/>
              <a:gd name="connsiteX5788" fmla="*/ 2514399 w 6858000"/>
              <a:gd name="connsiteY5788" fmla="*/ 2008446 h 6858000"/>
              <a:gd name="connsiteX5789" fmla="*/ 2514399 w 6858000"/>
              <a:gd name="connsiteY5789" fmla="*/ 2010187 h 6858000"/>
              <a:gd name="connsiteX5790" fmla="*/ 2516139 w 6858000"/>
              <a:gd name="connsiteY5790" fmla="*/ 2010187 h 6858000"/>
              <a:gd name="connsiteX5791" fmla="*/ 2516139 w 6858000"/>
              <a:gd name="connsiteY5791" fmla="*/ 2008446 h 6858000"/>
              <a:gd name="connsiteX5792" fmla="*/ 2391119 w 6858000"/>
              <a:gd name="connsiteY5792" fmla="*/ 2008229 h 6858000"/>
              <a:gd name="connsiteX5793" fmla="*/ 2391119 w 6858000"/>
              <a:gd name="connsiteY5793" fmla="*/ 2010417 h 6858000"/>
              <a:gd name="connsiteX5794" fmla="*/ 2393304 w 6858000"/>
              <a:gd name="connsiteY5794" fmla="*/ 2010417 h 6858000"/>
              <a:gd name="connsiteX5795" fmla="*/ 2393304 w 6858000"/>
              <a:gd name="connsiteY5795" fmla="*/ 2008229 h 6858000"/>
              <a:gd name="connsiteX5796" fmla="*/ 2268062 w 6858000"/>
              <a:gd name="connsiteY5796" fmla="*/ 2008229 h 6858000"/>
              <a:gd name="connsiteX5797" fmla="*/ 2268062 w 6858000"/>
              <a:gd name="connsiteY5797" fmla="*/ 2010417 h 6858000"/>
              <a:gd name="connsiteX5798" fmla="*/ 2270247 w 6858000"/>
              <a:gd name="connsiteY5798" fmla="*/ 2010417 h 6858000"/>
              <a:gd name="connsiteX5799" fmla="*/ 2270247 w 6858000"/>
              <a:gd name="connsiteY5799" fmla="*/ 2008229 h 6858000"/>
              <a:gd name="connsiteX5800" fmla="*/ 2144783 w 6858000"/>
              <a:gd name="connsiteY5800" fmla="*/ 2008010 h 6858000"/>
              <a:gd name="connsiteX5801" fmla="*/ 2144783 w 6858000"/>
              <a:gd name="connsiteY5801" fmla="*/ 2010594 h 6858000"/>
              <a:gd name="connsiteX5802" fmla="*/ 2147375 w 6858000"/>
              <a:gd name="connsiteY5802" fmla="*/ 2010594 h 6858000"/>
              <a:gd name="connsiteX5803" fmla="*/ 2147375 w 6858000"/>
              <a:gd name="connsiteY5803" fmla="*/ 2008010 h 6858000"/>
              <a:gd name="connsiteX5804" fmla="*/ 668058 w 6858000"/>
              <a:gd name="connsiteY5804" fmla="*/ 2008010 h 6858000"/>
              <a:gd name="connsiteX5805" fmla="*/ 668058 w 6858000"/>
              <a:gd name="connsiteY5805" fmla="*/ 2010594 h 6858000"/>
              <a:gd name="connsiteX5806" fmla="*/ 670650 w 6858000"/>
              <a:gd name="connsiteY5806" fmla="*/ 2010594 h 6858000"/>
              <a:gd name="connsiteX5807" fmla="*/ 670650 w 6858000"/>
              <a:gd name="connsiteY5807" fmla="*/ 2008010 h 6858000"/>
              <a:gd name="connsiteX5808" fmla="*/ 545000 w 6858000"/>
              <a:gd name="connsiteY5808" fmla="*/ 2008010 h 6858000"/>
              <a:gd name="connsiteX5809" fmla="*/ 545000 w 6858000"/>
              <a:gd name="connsiteY5809" fmla="*/ 2010594 h 6858000"/>
              <a:gd name="connsiteX5810" fmla="*/ 547592 w 6858000"/>
              <a:gd name="connsiteY5810" fmla="*/ 2010594 h 6858000"/>
              <a:gd name="connsiteX5811" fmla="*/ 547592 w 6858000"/>
              <a:gd name="connsiteY5811" fmla="*/ 2008010 h 6858000"/>
              <a:gd name="connsiteX5812" fmla="*/ 2021503 w 6858000"/>
              <a:gd name="connsiteY5812" fmla="*/ 2007780 h 6858000"/>
              <a:gd name="connsiteX5813" fmla="*/ 2021503 w 6858000"/>
              <a:gd name="connsiteY5813" fmla="*/ 2010819 h 6858000"/>
              <a:gd name="connsiteX5814" fmla="*/ 2024540 w 6858000"/>
              <a:gd name="connsiteY5814" fmla="*/ 2010819 h 6858000"/>
              <a:gd name="connsiteX5815" fmla="*/ 2024540 w 6858000"/>
              <a:gd name="connsiteY5815" fmla="*/ 2007780 h 6858000"/>
              <a:gd name="connsiteX5816" fmla="*/ 1898446 w 6858000"/>
              <a:gd name="connsiteY5816" fmla="*/ 2007780 h 6858000"/>
              <a:gd name="connsiteX5817" fmla="*/ 1898446 w 6858000"/>
              <a:gd name="connsiteY5817" fmla="*/ 2010819 h 6858000"/>
              <a:gd name="connsiteX5818" fmla="*/ 1901483 w 6858000"/>
              <a:gd name="connsiteY5818" fmla="*/ 2010819 h 6858000"/>
              <a:gd name="connsiteX5819" fmla="*/ 1901483 w 6858000"/>
              <a:gd name="connsiteY5819" fmla="*/ 2007780 h 6858000"/>
              <a:gd name="connsiteX5820" fmla="*/ 790930 w 6858000"/>
              <a:gd name="connsiteY5820" fmla="*/ 2007780 h 6858000"/>
              <a:gd name="connsiteX5821" fmla="*/ 790930 w 6858000"/>
              <a:gd name="connsiteY5821" fmla="*/ 2010819 h 6858000"/>
              <a:gd name="connsiteX5822" fmla="*/ 793967 w 6858000"/>
              <a:gd name="connsiteY5822" fmla="*/ 2010819 h 6858000"/>
              <a:gd name="connsiteX5823" fmla="*/ 793967 w 6858000"/>
              <a:gd name="connsiteY5823" fmla="*/ 2007780 h 6858000"/>
              <a:gd name="connsiteX5824" fmla="*/ 421721 w 6858000"/>
              <a:gd name="connsiteY5824" fmla="*/ 2007780 h 6858000"/>
              <a:gd name="connsiteX5825" fmla="*/ 421721 w 6858000"/>
              <a:gd name="connsiteY5825" fmla="*/ 2010819 h 6858000"/>
              <a:gd name="connsiteX5826" fmla="*/ 424758 w 6858000"/>
              <a:gd name="connsiteY5826" fmla="*/ 2010819 h 6858000"/>
              <a:gd name="connsiteX5827" fmla="*/ 424758 w 6858000"/>
              <a:gd name="connsiteY5827" fmla="*/ 2007780 h 6858000"/>
              <a:gd name="connsiteX5828" fmla="*/ 298664 w 6858000"/>
              <a:gd name="connsiteY5828" fmla="*/ 2007780 h 6858000"/>
              <a:gd name="connsiteX5829" fmla="*/ 298664 w 6858000"/>
              <a:gd name="connsiteY5829" fmla="*/ 2010819 h 6858000"/>
              <a:gd name="connsiteX5830" fmla="*/ 301701 w 6858000"/>
              <a:gd name="connsiteY5830" fmla="*/ 2010819 h 6858000"/>
              <a:gd name="connsiteX5831" fmla="*/ 301701 w 6858000"/>
              <a:gd name="connsiteY5831" fmla="*/ 2007780 h 6858000"/>
              <a:gd name="connsiteX5832" fmla="*/ 1775166 w 6858000"/>
              <a:gd name="connsiteY5832" fmla="*/ 2007561 h 6858000"/>
              <a:gd name="connsiteX5833" fmla="*/ 1775166 w 6858000"/>
              <a:gd name="connsiteY5833" fmla="*/ 2011044 h 6858000"/>
              <a:gd name="connsiteX5834" fmla="*/ 1778647 w 6858000"/>
              <a:gd name="connsiteY5834" fmla="*/ 2011044 h 6858000"/>
              <a:gd name="connsiteX5835" fmla="*/ 1778647 w 6858000"/>
              <a:gd name="connsiteY5835" fmla="*/ 2007561 h 6858000"/>
              <a:gd name="connsiteX5836" fmla="*/ 1652109 w 6858000"/>
              <a:gd name="connsiteY5836" fmla="*/ 2007561 h 6858000"/>
              <a:gd name="connsiteX5837" fmla="*/ 1652109 w 6858000"/>
              <a:gd name="connsiteY5837" fmla="*/ 2011044 h 6858000"/>
              <a:gd name="connsiteX5838" fmla="*/ 1655590 w 6858000"/>
              <a:gd name="connsiteY5838" fmla="*/ 2011044 h 6858000"/>
              <a:gd name="connsiteX5839" fmla="*/ 1655590 w 6858000"/>
              <a:gd name="connsiteY5839" fmla="*/ 2007561 h 6858000"/>
              <a:gd name="connsiteX5840" fmla="*/ 1529052 w 6858000"/>
              <a:gd name="connsiteY5840" fmla="*/ 2007561 h 6858000"/>
              <a:gd name="connsiteX5841" fmla="*/ 1529052 w 6858000"/>
              <a:gd name="connsiteY5841" fmla="*/ 2011044 h 6858000"/>
              <a:gd name="connsiteX5842" fmla="*/ 1532533 w 6858000"/>
              <a:gd name="connsiteY5842" fmla="*/ 2011044 h 6858000"/>
              <a:gd name="connsiteX5843" fmla="*/ 1532533 w 6858000"/>
              <a:gd name="connsiteY5843" fmla="*/ 2007561 h 6858000"/>
              <a:gd name="connsiteX5844" fmla="*/ 1405994 w 6858000"/>
              <a:gd name="connsiteY5844" fmla="*/ 2007561 h 6858000"/>
              <a:gd name="connsiteX5845" fmla="*/ 1405994 w 6858000"/>
              <a:gd name="connsiteY5845" fmla="*/ 2011044 h 6858000"/>
              <a:gd name="connsiteX5846" fmla="*/ 1409475 w 6858000"/>
              <a:gd name="connsiteY5846" fmla="*/ 2011044 h 6858000"/>
              <a:gd name="connsiteX5847" fmla="*/ 1409475 w 6858000"/>
              <a:gd name="connsiteY5847" fmla="*/ 2007561 h 6858000"/>
              <a:gd name="connsiteX5848" fmla="*/ 1282937 w 6858000"/>
              <a:gd name="connsiteY5848" fmla="*/ 2007561 h 6858000"/>
              <a:gd name="connsiteX5849" fmla="*/ 1282937 w 6858000"/>
              <a:gd name="connsiteY5849" fmla="*/ 2011044 h 6858000"/>
              <a:gd name="connsiteX5850" fmla="*/ 1286418 w 6858000"/>
              <a:gd name="connsiteY5850" fmla="*/ 2011044 h 6858000"/>
              <a:gd name="connsiteX5851" fmla="*/ 1286418 w 6858000"/>
              <a:gd name="connsiteY5851" fmla="*/ 2007561 h 6858000"/>
              <a:gd name="connsiteX5852" fmla="*/ 1159880 w 6858000"/>
              <a:gd name="connsiteY5852" fmla="*/ 2007561 h 6858000"/>
              <a:gd name="connsiteX5853" fmla="*/ 1159880 w 6858000"/>
              <a:gd name="connsiteY5853" fmla="*/ 2011044 h 6858000"/>
              <a:gd name="connsiteX5854" fmla="*/ 1163361 w 6858000"/>
              <a:gd name="connsiteY5854" fmla="*/ 2011044 h 6858000"/>
              <a:gd name="connsiteX5855" fmla="*/ 1163361 w 6858000"/>
              <a:gd name="connsiteY5855" fmla="*/ 2007561 h 6858000"/>
              <a:gd name="connsiteX5856" fmla="*/ 1036822 w 6858000"/>
              <a:gd name="connsiteY5856" fmla="*/ 2007561 h 6858000"/>
              <a:gd name="connsiteX5857" fmla="*/ 1036822 w 6858000"/>
              <a:gd name="connsiteY5857" fmla="*/ 2011044 h 6858000"/>
              <a:gd name="connsiteX5858" fmla="*/ 1040303 w 6858000"/>
              <a:gd name="connsiteY5858" fmla="*/ 2011044 h 6858000"/>
              <a:gd name="connsiteX5859" fmla="*/ 1040303 w 6858000"/>
              <a:gd name="connsiteY5859" fmla="*/ 2007561 h 6858000"/>
              <a:gd name="connsiteX5860" fmla="*/ 913765 w 6858000"/>
              <a:gd name="connsiteY5860" fmla="*/ 2007561 h 6858000"/>
              <a:gd name="connsiteX5861" fmla="*/ 913765 w 6858000"/>
              <a:gd name="connsiteY5861" fmla="*/ 2011044 h 6858000"/>
              <a:gd name="connsiteX5862" fmla="*/ 917246 w 6858000"/>
              <a:gd name="connsiteY5862" fmla="*/ 2011044 h 6858000"/>
              <a:gd name="connsiteX5863" fmla="*/ 917246 w 6858000"/>
              <a:gd name="connsiteY5863" fmla="*/ 2007561 h 6858000"/>
              <a:gd name="connsiteX5864" fmla="*/ 175384 w 6858000"/>
              <a:gd name="connsiteY5864" fmla="*/ 2007561 h 6858000"/>
              <a:gd name="connsiteX5865" fmla="*/ 175384 w 6858000"/>
              <a:gd name="connsiteY5865" fmla="*/ 2011044 h 6858000"/>
              <a:gd name="connsiteX5866" fmla="*/ 178865 w 6858000"/>
              <a:gd name="connsiteY5866" fmla="*/ 2011044 h 6858000"/>
              <a:gd name="connsiteX5867" fmla="*/ 178865 w 6858000"/>
              <a:gd name="connsiteY5867" fmla="*/ 2007561 h 6858000"/>
              <a:gd name="connsiteX5868" fmla="*/ 52327 w 6858000"/>
              <a:gd name="connsiteY5868" fmla="*/ 2007561 h 6858000"/>
              <a:gd name="connsiteX5869" fmla="*/ 52327 w 6858000"/>
              <a:gd name="connsiteY5869" fmla="*/ 2011044 h 6858000"/>
              <a:gd name="connsiteX5870" fmla="*/ 55808 w 6858000"/>
              <a:gd name="connsiteY5870" fmla="*/ 2011044 h 6858000"/>
              <a:gd name="connsiteX5871" fmla="*/ 55808 w 6858000"/>
              <a:gd name="connsiteY5871" fmla="*/ 2007561 h 6858000"/>
              <a:gd name="connsiteX5872" fmla="*/ 4114848 w 6858000"/>
              <a:gd name="connsiteY5872" fmla="*/ 1886018 h 6858000"/>
              <a:gd name="connsiteX5873" fmla="*/ 4114848 w 6858000"/>
              <a:gd name="connsiteY5873" fmla="*/ 1886462 h 6858000"/>
              <a:gd name="connsiteX5874" fmla="*/ 4115292 w 6858000"/>
              <a:gd name="connsiteY5874" fmla="*/ 1886462 h 6858000"/>
              <a:gd name="connsiteX5875" fmla="*/ 4115292 w 6858000"/>
              <a:gd name="connsiteY5875" fmla="*/ 1886018 h 6858000"/>
              <a:gd name="connsiteX5876" fmla="*/ 3991790 w 6858000"/>
              <a:gd name="connsiteY5876" fmla="*/ 1886018 h 6858000"/>
              <a:gd name="connsiteX5877" fmla="*/ 3991790 w 6858000"/>
              <a:gd name="connsiteY5877" fmla="*/ 1886462 h 6858000"/>
              <a:gd name="connsiteX5878" fmla="*/ 3992235 w 6858000"/>
              <a:gd name="connsiteY5878" fmla="*/ 1886462 h 6858000"/>
              <a:gd name="connsiteX5879" fmla="*/ 3992235 w 6858000"/>
              <a:gd name="connsiteY5879" fmla="*/ 1886018 h 6858000"/>
              <a:gd name="connsiteX5880" fmla="*/ 3868733 w 6858000"/>
              <a:gd name="connsiteY5880" fmla="*/ 1886018 h 6858000"/>
              <a:gd name="connsiteX5881" fmla="*/ 3868733 w 6858000"/>
              <a:gd name="connsiteY5881" fmla="*/ 1886462 h 6858000"/>
              <a:gd name="connsiteX5882" fmla="*/ 3869177 w 6858000"/>
              <a:gd name="connsiteY5882" fmla="*/ 1886462 h 6858000"/>
              <a:gd name="connsiteX5883" fmla="*/ 3869177 w 6858000"/>
              <a:gd name="connsiteY5883" fmla="*/ 1886018 h 6858000"/>
              <a:gd name="connsiteX5884" fmla="*/ 3745676 w 6858000"/>
              <a:gd name="connsiteY5884" fmla="*/ 1886018 h 6858000"/>
              <a:gd name="connsiteX5885" fmla="*/ 3745676 w 6858000"/>
              <a:gd name="connsiteY5885" fmla="*/ 1886462 h 6858000"/>
              <a:gd name="connsiteX5886" fmla="*/ 3746120 w 6858000"/>
              <a:gd name="connsiteY5886" fmla="*/ 1886462 h 6858000"/>
              <a:gd name="connsiteX5887" fmla="*/ 3746120 w 6858000"/>
              <a:gd name="connsiteY5887" fmla="*/ 1886018 h 6858000"/>
              <a:gd name="connsiteX5888" fmla="*/ 3622618 w 6858000"/>
              <a:gd name="connsiteY5888" fmla="*/ 1886018 h 6858000"/>
              <a:gd name="connsiteX5889" fmla="*/ 3622618 w 6858000"/>
              <a:gd name="connsiteY5889" fmla="*/ 1886462 h 6858000"/>
              <a:gd name="connsiteX5890" fmla="*/ 3623062 w 6858000"/>
              <a:gd name="connsiteY5890" fmla="*/ 1886462 h 6858000"/>
              <a:gd name="connsiteX5891" fmla="*/ 3623062 w 6858000"/>
              <a:gd name="connsiteY5891" fmla="*/ 1886018 h 6858000"/>
              <a:gd name="connsiteX5892" fmla="*/ 3499524 w 6858000"/>
              <a:gd name="connsiteY5892" fmla="*/ 1886018 h 6858000"/>
              <a:gd name="connsiteX5893" fmla="*/ 3499524 w 6858000"/>
              <a:gd name="connsiteY5893" fmla="*/ 1886462 h 6858000"/>
              <a:gd name="connsiteX5894" fmla="*/ 3499968 w 6858000"/>
              <a:gd name="connsiteY5894" fmla="*/ 1886462 h 6858000"/>
              <a:gd name="connsiteX5895" fmla="*/ 3499968 w 6858000"/>
              <a:gd name="connsiteY5895" fmla="*/ 1886018 h 6858000"/>
              <a:gd name="connsiteX5896" fmla="*/ 3376467 w 6858000"/>
              <a:gd name="connsiteY5896" fmla="*/ 1886018 h 6858000"/>
              <a:gd name="connsiteX5897" fmla="*/ 3376467 w 6858000"/>
              <a:gd name="connsiteY5897" fmla="*/ 1886462 h 6858000"/>
              <a:gd name="connsiteX5898" fmla="*/ 3376911 w 6858000"/>
              <a:gd name="connsiteY5898" fmla="*/ 1886462 h 6858000"/>
              <a:gd name="connsiteX5899" fmla="*/ 3376911 w 6858000"/>
              <a:gd name="connsiteY5899" fmla="*/ 1886018 h 6858000"/>
              <a:gd name="connsiteX5900" fmla="*/ 3253409 w 6858000"/>
              <a:gd name="connsiteY5900" fmla="*/ 1886018 h 6858000"/>
              <a:gd name="connsiteX5901" fmla="*/ 3253409 w 6858000"/>
              <a:gd name="connsiteY5901" fmla="*/ 1886462 h 6858000"/>
              <a:gd name="connsiteX5902" fmla="*/ 3253853 w 6858000"/>
              <a:gd name="connsiteY5902" fmla="*/ 1886462 h 6858000"/>
              <a:gd name="connsiteX5903" fmla="*/ 3253853 w 6858000"/>
              <a:gd name="connsiteY5903" fmla="*/ 1886018 h 6858000"/>
              <a:gd name="connsiteX5904" fmla="*/ 3130130 w 6858000"/>
              <a:gd name="connsiteY5904" fmla="*/ 1885840 h 6858000"/>
              <a:gd name="connsiteX5905" fmla="*/ 3130130 w 6858000"/>
              <a:gd name="connsiteY5905" fmla="*/ 1886686 h 6858000"/>
              <a:gd name="connsiteX5906" fmla="*/ 3130982 w 6858000"/>
              <a:gd name="connsiteY5906" fmla="*/ 1886686 h 6858000"/>
              <a:gd name="connsiteX5907" fmla="*/ 3130982 w 6858000"/>
              <a:gd name="connsiteY5907" fmla="*/ 1885840 h 6858000"/>
              <a:gd name="connsiteX5908" fmla="*/ 3007073 w 6858000"/>
              <a:gd name="connsiteY5908" fmla="*/ 1885840 h 6858000"/>
              <a:gd name="connsiteX5909" fmla="*/ 3007073 w 6858000"/>
              <a:gd name="connsiteY5909" fmla="*/ 1886686 h 6858000"/>
              <a:gd name="connsiteX5910" fmla="*/ 3007925 w 6858000"/>
              <a:gd name="connsiteY5910" fmla="*/ 1886686 h 6858000"/>
              <a:gd name="connsiteX5911" fmla="*/ 3007925 w 6858000"/>
              <a:gd name="connsiteY5911" fmla="*/ 1885840 h 6858000"/>
              <a:gd name="connsiteX5912" fmla="*/ 2884015 w 6858000"/>
              <a:gd name="connsiteY5912" fmla="*/ 1885840 h 6858000"/>
              <a:gd name="connsiteX5913" fmla="*/ 2884015 w 6858000"/>
              <a:gd name="connsiteY5913" fmla="*/ 1886686 h 6858000"/>
              <a:gd name="connsiteX5914" fmla="*/ 2884867 w 6858000"/>
              <a:gd name="connsiteY5914" fmla="*/ 1886686 h 6858000"/>
              <a:gd name="connsiteX5915" fmla="*/ 2884867 w 6858000"/>
              <a:gd name="connsiteY5915" fmla="*/ 1885840 h 6858000"/>
              <a:gd name="connsiteX5916" fmla="*/ 2760958 w 6858000"/>
              <a:gd name="connsiteY5916" fmla="*/ 1885840 h 6858000"/>
              <a:gd name="connsiteX5917" fmla="*/ 2760958 w 6858000"/>
              <a:gd name="connsiteY5917" fmla="*/ 1886686 h 6858000"/>
              <a:gd name="connsiteX5918" fmla="*/ 2761810 w 6858000"/>
              <a:gd name="connsiteY5918" fmla="*/ 1886686 h 6858000"/>
              <a:gd name="connsiteX5919" fmla="*/ 2761810 w 6858000"/>
              <a:gd name="connsiteY5919" fmla="*/ 1885840 h 6858000"/>
              <a:gd name="connsiteX5920" fmla="*/ 545889 w 6858000"/>
              <a:gd name="connsiteY5920" fmla="*/ 1885840 h 6858000"/>
              <a:gd name="connsiteX5921" fmla="*/ 545889 w 6858000"/>
              <a:gd name="connsiteY5921" fmla="*/ 1886686 h 6858000"/>
              <a:gd name="connsiteX5922" fmla="*/ 546741 w 6858000"/>
              <a:gd name="connsiteY5922" fmla="*/ 1886686 h 6858000"/>
              <a:gd name="connsiteX5923" fmla="*/ 546741 w 6858000"/>
              <a:gd name="connsiteY5923" fmla="*/ 1885840 h 6858000"/>
              <a:gd name="connsiteX5924" fmla="*/ 2637678 w 6858000"/>
              <a:gd name="connsiteY5924" fmla="*/ 1885617 h 6858000"/>
              <a:gd name="connsiteX5925" fmla="*/ 2637678 w 6858000"/>
              <a:gd name="connsiteY5925" fmla="*/ 1886914 h 6858000"/>
              <a:gd name="connsiteX5926" fmla="*/ 2638974 w 6858000"/>
              <a:gd name="connsiteY5926" fmla="*/ 1886914 h 6858000"/>
              <a:gd name="connsiteX5927" fmla="*/ 2638974 w 6858000"/>
              <a:gd name="connsiteY5927" fmla="*/ 1885617 h 6858000"/>
              <a:gd name="connsiteX5928" fmla="*/ 2514621 w 6858000"/>
              <a:gd name="connsiteY5928" fmla="*/ 1885617 h 6858000"/>
              <a:gd name="connsiteX5929" fmla="*/ 2514621 w 6858000"/>
              <a:gd name="connsiteY5929" fmla="*/ 1886914 h 6858000"/>
              <a:gd name="connsiteX5930" fmla="*/ 2515917 w 6858000"/>
              <a:gd name="connsiteY5930" fmla="*/ 1886914 h 6858000"/>
              <a:gd name="connsiteX5931" fmla="*/ 2515917 w 6858000"/>
              <a:gd name="connsiteY5931" fmla="*/ 1885617 h 6858000"/>
              <a:gd name="connsiteX5932" fmla="*/ 668724 w 6858000"/>
              <a:gd name="connsiteY5932" fmla="*/ 1885617 h 6858000"/>
              <a:gd name="connsiteX5933" fmla="*/ 668724 w 6858000"/>
              <a:gd name="connsiteY5933" fmla="*/ 1886914 h 6858000"/>
              <a:gd name="connsiteX5934" fmla="*/ 670020 w 6858000"/>
              <a:gd name="connsiteY5934" fmla="*/ 1886914 h 6858000"/>
              <a:gd name="connsiteX5935" fmla="*/ 670020 w 6858000"/>
              <a:gd name="connsiteY5935" fmla="*/ 1885617 h 6858000"/>
              <a:gd name="connsiteX5936" fmla="*/ 422610 w 6858000"/>
              <a:gd name="connsiteY5936" fmla="*/ 1885617 h 6858000"/>
              <a:gd name="connsiteX5937" fmla="*/ 422610 w 6858000"/>
              <a:gd name="connsiteY5937" fmla="*/ 1886914 h 6858000"/>
              <a:gd name="connsiteX5938" fmla="*/ 423906 w 6858000"/>
              <a:gd name="connsiteY5938" fmla="*/ 1886914 h 6858000"/>
              <a:gd name="connsiteX5939" fmla="*/ 423906 w 6858000"/>
              <a:gd name="connsiteY5939" fmla="*/ 1885617 h 6858000"/>
              <a:gd name="connsiteX5940" fmla="*/ 2391342 w 6858000"/>
              <a:gd name="connsiteY5940" fmla="*/ 1885388 h 6858000"/>
              <a:gd name="connsiteX5941" fmla="*/ 2391342 w 6858000"/>
              <a:gd name="connsiteY5941" fmla="*/ 1887132 h 6858000"/>
              <a:gd name="connsiteX5942" fmla="*/ 2393082 w 6858000"/>
              <a:gd name="connsiteY5942" fmla="*/ 1887132 h 6858000"/>
              <a:gd name="connsiteX5943" fmla="*/ 2393082 w 6858000"/>
              <a:gd name="connsiteY5943" fmla="*/ 1885388 h 6858000"/>
              <a:gd name="connsiteX5944" fmla="*/ 2268284 w 6858000"/>
              <a:gd name="connsiteY5944" fmla="*/ 1885388 h 6858000"/>
              <a:gd name="connsiteX5945" fmla="*/ 2268284 w 6858000"/>
              <a:gd name="connsiteY5945" fmla="*/ 1887132 h 6858000"/>
              <a:gd name="connsiteX5946" fmla="*/ 2270024 w 6858000"/>
              <a:gd name="connsiteY5946" fmla="*/ 1887132 h 6858000"/>
              <a:gd name="connsiteX5947" fmla="*/ 2270024 w 6858000"/>
              <a:gd name="connsiteY5947" fmla="*/ 1885388 h 6858000"/>
              <a:gd name="connsiteX5948" fmla="*/ 791559 w 6858000"/>
              <a:gd name="connsiteY5948" fmla="*/ 1885388 h 6858000"/>
              <a:gd name="connsiteX5949" fmla="*/ 791559 w 6858000"/>
              <a:gd name="connsiteY5949" fmla="*/ 1887132 h 6858000"/>
              <a:gd name="connsiteX5950" fmla="*/ 793300 w 6858000"/>
              <a:gd name="connsiteY5950" fmla="*/ 1887132 h 6858000"/>
              <a:gd name="connsiteX5951" fmla="*/ 793300 w 6858000"/>
              <a:gd name="connsiteY5951" fmla="*/ 1885388 h 6858000"/>
              <a:gd name="connsiteX5952" fmla="*/ 299330 w 6858000"/>
              <a:gd name="connsiteY5952" fmla="*/ 1885388 h 6858000"/>
              <a:gd name="connsiteX5953" fmla="*/ 299330 w 6858000"/>
              <a:gd name="connsiteY5953" fmla="*/ 1887132 h 6858000"/>
              <a:gd name="connsiteX5954" fmla="*/ 301071 w 6858000"/>
              <a:gd name="connsiteY5954" fmla="*/ 1887132 h 6858000"/>
              <a:gd name="connsiteX5955" fmla="*/ 301071 w 6858000"/>
              <a:gd name="connsiteY5955" fmla="*/ 1885388 h 6858000"/>
              <a:gd name="connsiteX5956" fmla="*/ 176273 w 6858000"/>
              <a:gd name="connsiteY5956" fmla="*/ 1885388 h 6858000"/>
              <a:gd name="connsiteX5957" fmla="*/ 176273 w 6858000"/>
              <a:gd name="connsiteY5957" fmla="*/ 1887132 h 6858000"/>
              <a:gd name="connsiteX5958" fmla="*/ 178014 w 6858000"/>
              <a:gd name="connsiteY5958" fmla="*/ 1887132 h 6858000"/>
              <a:gd name="connsiteX5959" fmla="*/ 178014 w 6858000"/>
              <a:gd name="connsiteY5959" fmla="*/ 1885388 h 6858000"/>
              <a:gd name="connsiteX5960" fmla="*/ 2145005 w 6858000"/>
              <a:gd name="connsiteY5960" fmla="*/ 1885174 h 6858000"/>
              <a:gd name="connsiteX5961" fmla="*/ 2145005 w 6858000"/>
              <a:gd name="connsiteY5961" fmla="*/ 1887353 h 6858000"/>
              <a:gd name="connsiteX5962" fmla="*/ 2147190 w 6858000"/>
              <a:gd name="connsiteY5962" fmla="*/ 1887353 h 6858000"/>
              <a:gd name="connsiteX5963" fmla="*/ 2147190 w 6858000"/>
              <a:gd name="connsiteY5963" fmla="*/ 1885174 h 6858000"/>
              <a:gd name="connsiteX5964" fmla="*/ 2021947 w 6858000"/>
              <a:gd name="connsiteY5964" fmla="*/ 1885174 h 6858000"/>
              <a:gd name="connsiteX5965" fmla="*/ 2021947 w 6858000"/>
              <a:gd name="connsiteY5965" fmla="*/ 1887353 h 6858000"/>
              <a:gd name="connsiteX5966" fmla="*/ 2024132 w 6858000"/>
              <a:gd name="connsiteY5966" fmla="*/ 1887353 h 6858000"/>
              <a:gd name="connsiteX5967" fmla="*/ 2024132 w 6858000"/>
              <a:gd name="connsiteY5967" fmla="*/ 1885174 h 6858000"/>
              <a:gd name="connsiteX5968" fmla="*/ 1898890 w 6858000"/>
              <a:gd name="connsiteY5968" fmla="*/ 1885174 h 6858000"/>
              <a:gd name="connsiteX5969" fmla="*/ 1898890 w 6858000"/>
              <a:gd name="connsiteY5969" fmla="*/ 1887353 h 6858000"/>
              <a:gd name="connsiteX5970" fmla="*/ 1901075 w 6858000"/>
              <a:gd name="connsiteY5970" fmla="*/ 1887353 h 6858000"/>
              <a:gd name="connsiteX5971" fmla="*/ 1901075 w 6858000"/>
              <a:gd name="connsiteY5971" fmla="*/ 1885174 h 6858000"/>
              <a:gd name="connsiteX5972" fmla="*/ 1037452 w 6858000"/>
              <a:gd name="connsiteY5972" fmla="*/ 1885174 h 6858000"/>
              <a:gd name="connsiteX5973" fmla="*/ 1037452 w 6858000"/>
              <a:gd name="connsiteY5973" fmla="*/ 1887353 h 6858000"/>
              <a:gd name="connsiteX5974" fmla="*/ 1039637 w 6858000"/>
              <a:gd name="connsiteY5974" fmla="*/ 1887353 h 6858000"/>
              <a:gd name="connsiteX5975" fmla="*/ 1039637 w 6858000"/>
              <a:gd name="connsiteY5975" fmla="*/ 1885174 h 6858000"/>
              <a:gd name="connsiteX5976" fmla="*/ 914395 w 6858000"/>
              <a:gd name="connsiteY5976" fmla="*/ 1885174 h 6858000"/>
              <a:gd name="connsiteX5977" fmla="*/ 914395 w 6858000"/>
              <a:gd name="connsiteY5977" fmla="*/ 1887353 h 6858000"/>
              <a:gd name="connsiteX5978" fmla="*/ 916580 w 6858000"/>
              <a:gd name="connsiteY5978" fmla="*/ 1887353 h 6858000"/>
              <a:gd name="connsiteX5979" fmla="*/ 916580 w 6858000"/>
              <a:gd name="connsiteY5979" fmla="*/ 1885174 h 6858000"/>
              <a:gd name="connsiteX5980" fmla="*/ 52993 w 6858000"/>
              <a:gd name="connsiteY5980" fmla="*/ 1885174 h 6858000"/>
              <a:gd name="connsiteX5981" fmla="*/ 52993 w 6858000"/>
              <a:gd name="connsiteY5981" fmla="*/ 1887353 h 6858000"/>
              <a:gd name="connsiteX5982" fmla="*/ 55178 w 6858000"/>
              <a:gd name="connsiteY5982" fmla="*/ 1887353 h 6858000"/>
              <a:gd name="connsiteX5983" fmla="*/ 55178 w 6858000"/>
              <a:gd name="connsiteY5983" fmla="*/ 1885174 h 6858000"/>
              <a:gd name="connsiteX5984" fmla="*/ 1775611 w 6858000"/>
              <a:gd name="connsiteY5984" fmla="*/ 1884944 h 6858000"/>
              <a:gd name="connsiteX5985" fmla="*/ 1775611 w 6858000"/>
              <a:gd name="connsiteY5985" fmla="*/ 1887542 h 6858000"/>
              <a:gd name="connsiteX5986" fmla="*/ 1778203 w 6858000"/>
              <a:gd name="connsiteY5986" fmla="*/ 1887542 h 6858000"/>
              <a:gd name="connsiteX5987" fmla="*/ 1778203 w 6858000"/>
              <a:gd name="connsiteY5987" fmla="*/ 1884944 h 6858000"/>
              <a:gd name="connsiteX5988" fmla="*/ 1652553 w 6858000"/>
              <a:gd name="connsiteY5988" fmla="*/ 1884944 h 6858000"/>
              <a:gd name="connsiteX5989" fmla="*/ 1652553 w 6858000"/>
              <a:gd name="connsiteY5989" fmla="*/ 1887542 h 6858000"/>
              <a:gd name="connsiteX5990" fmla="*/ 1655145 w 6858000"/>
              <a:gd name="connsiteY5990" fmla="*/ 1887542 h 6858000"/>
              <a:gd name="connsiteX5991" fmla="*/ 1655145 w 6858000"/>
              <a:gd name="connsiteY5991" fmla="*/ 1884944 h 6858000"/>
              <a:gd name="connsiteX5992" fmla="*/ 1529496 w 6858000"/>
              <a:gd name="connsiteY5992" fmla="*/ 1884944 h 6858000"/>
              <a:gd name="connsiteX5993" fmla="*/ 1529496 w 6858000"/>
              <a:gd name="connsiteY5993" fmla="*/ 1887542 h 6858000"/>
              <a:gd name="connsiteX5994" fmla="*/ 1532088 w 6858000"/>
              <a:gd name="connsiteY5994" fmla="*/ 1887542 h 6858000"/>
              <a:gd name="connsiteX5995" fmla="*/ 1532088 w 6858000"/>
              <a:gd name="connsiteY5995" fmla="*/ 1884944 h 6858000"/>
              <a:gd name="connsiteX5996" fmla="*/ 1406439 w 6858000"/>
              <a:gd name="connsiteY5996" fmla="*/ 1884944 h 6858000"/>
              <a:gd name="connsiteX5997" fmla="*/ 1406439 w 6858000"/>
              <a:gd name="connsiteY5997" fmla="*/ 1887542 h 6858000"/>
              <a:gd name="connsiteX5998" fmla="*/ 1409031 w 6858000"/>
              <a:gd name="connsiteY5998" fmla="*/ 1887542 h 6858000"/>
              <a:gd name="connsiteX5999" fmla="*/ 1409031 w 6858000"/>
              <a:gd name="connsiteY5999" fmla="*/ 1884944 h 6858000"/>
              <a:gd name="connsiteX6000" fmla="*/ 1283381 w 6858000"/>
              <a:gd name="connsiteY6000" fmla="*/ 1884944 h 6858000"/>
              <a:gd name="connsiteX6001" fmla="*/ 1283381 w 6858000"/>
              <a:gd name="connsiteY6001" fmla="*/ 1887542 h 6858000"/>
              <a:gd name="connsiteX6002" fmla="*/ 1285973 w 6858000"/>
              <a:gd name="connsiteY6002" fmla="*/ 1887542 h 6858000"/>
              <a:gd name="connsiteX6003" fmla="*/ 1285973 w 6858000"/>
              <a:gd name="connsiteY6003" fmla="*/ 1884944 h 6858000"/>
              <a:gd name="connsiteX6004" fmla="*/ 1160324 w 6858000"/>
              <a:gd name="connsiteY6004" fmla="*/ 1884944 h 6858000"/>
              <a:gd name="connsiteX6005" fmla="*/ 1160324 w 6858000"/>
              <a:gd name="connsiteY6005" fmla="*/ 1887542 h 6858000"/>
              <a:gd name="connsiteX6006" fmla="*/ 1162916 w 6858000"/>
              <a:gd name="connsiteY6006" fmla="*/ 1887542 h 6858000"/>
              <a:gd name="connsiteX6007" fmla="*/ 1162916 w 6858000"/>
              <a:gd name="connsiteY6007" fmla="*/ 1884944 h 6858000"/>
              <a:gd name="connsiteX6008" fmla="*/ 4114848 w 6858000"/>
              <a:gd name="connsiteY6008" fmla="*/ 1762962 h 6858000"/>
              <a:gd name="connsiteX6009" fmla="*/ 4114848 w 6858000"/>
              <a:gd name="connsiteY6009" fmla="*/ 1763410 h 6858000"/>
              <a:gd name="connsiteX6010" fmla="*/ 4115292 w 6858000"/>
              <a:gd name="connsiteY6010" fmla="*/ 1763410 h 6858000"/>
              <a:gd name="connsiteX6011" fmla="*/ 4115292 w 6858000"/>
              <a:gd name="connsiteY6011" fmla="*/ 1762962 h 6858000"/>
              <a:gd name="connsiteX6012" fmla="*/ 3991790 w 6858000"/>
              <a:gd name="connsiteY6012" fmla="*/ 1762962 h 6858000"/>
              <a:gd name="connsiteX6013" fmla="*/ 3991790 w 6858000"/>
              <a:gd name="connsiteY6013" fmla="*/ 1763410 h 6858000"/>
              <a:gd name="connsiteX6014" fmla="*/ 3992235 w 6858000"/>
              <a:gd name="connsiteY6014" fmla="*/ 1763410 h 6858000"/>
              <a:gd name="connsiteX6015" fmla="*/ 3992235 w 6858000"/>
              <a:gd name="connsiteY6015" fmla="*/ 1762962 h 6858000"/>
              <a:gd name="connsiteX6016" fmla="*/ 3868733 w 6858000"/>
              <a:gd name="connsiteY6016" fmla="*/ 1762962 h 6858000"/>
              <a:gd name="connsiteX6017" fmla="*/ 3868733 w 6858000"/>
              <a:gd name="connsiteY6017" fmla="*/ 1763410 h 6858000"/>
              <a:gd name="connsiteX6018" fmla="*/ 3869177 w 6858000"/>
              <a:gd name="connsiteY6018" fmla="*/ 1763410 h 6858000"/>
              <a:gd name="connsiteX6019" fmla="*/ 3869177 w 6858000"/>
              <a:gd name="connsiteY6019" fmla="*/ 1762962 h 6858000"/>
              <a:gd name="connsiteX6020" fmla="*/ 3745676 w 6858000"/>
              <a:gd name="connsiteY6020" fmla="*/ 1762962 h 6858000"/>
              <a:gd name="connsiteX6021" fmla="*/ 3745676 w 6858000"/>
              <a:gd name="connsiteY6021" fmla="*/ 1763410 h 6858000"/>
              <a:gd name="connsiteX6022" fmla="*/ 3746120 w 6858000"/>
              <a:gd name="connsiteY6022" fmla="*/ 1763410 h 6858000"/>
              <a:gd name="connsiteX6023" fmla="*/ 3746120 w 6858000"/>
              <a:gd name="connsiteY6023" fmla="*/ 1762962 h 6858000"/>
              <a:gd name="connsiteX6024" fmla="*/ 3622618 w 6858000"/>
              <a:gd name="connsiteY6024" fmla="*/ 1762962 h 6858000"/>
              <a:gd name="connsiteX6025" fmla="*/ 3622618 w 6858000"/>
              <a:gd name="connsiteY6025" fmla="*/ 1763410 h 6858000"/>
              <a:gd name="connsiteX6026" fmla="*/ 3623062 w 6858000"/>
              <a:gd name="connsiteY6026" fmla="*/ 1763410 h 6858000"/>
              <a:gd name="connsiteX6027" fmla="*/ 3623062 w 6858000"/>
              <a:gd name="connsiteY6027" fmla="*/ 1762962 h 6858000"/>
              <a:gd name="connsiteX6028" fmla="*/ 3499524 w 6858000"/>
              <a:gd name="connsiteY6028" fmla="*/ 1762962 h 6858000"/>
              <a:gd name="connsiteX6029" fmla="*/ 3499524 w 6858000"/>
              <a:gd name="connsiteY6029" fmla="*/ 1763410 h 6858000"/>
              <a:gd name="connsiteX6030" fmla="*/ 3499968 w 6858000"/>
              <a:gd name="connsiteY6030" fmla="*/ 1763410 h 6858000"/>
              <a:gd name="connsiteX6031" fmla="*/ 3499968 w 6858000"/>
              <a:gd name="connsiteY6031" fmla="*/ 1762962 h 6858000"/>
              <a:gd name="connsiteX6032" fmla="*/ 3376467 w 6858000"/>
              <a:gd name="connsiteY6032" fmla="*/ 1762962 h 6858000"/>
              <a:gd name="connsiteX6033" fmla="*/ 3376467 w 6858000"/>
              <a:gd name="connsiteY6033" fmla="*/ 1763410 h 6858000"/>
              <a:gd name="connsiteX6034" fmla="*/ 3376911 w 6858000"/>
              <a:gd name="connsiteY6034" fmla="*/ 1763410 h 6858000"/>
              <a:gd name="connsiteX6035" fmla="*/ 3376911 w 6858000"/>
              <a:gd name="connsiteY6035" fmla="*/ 1762962 h 6858000"/>
              <a:gd name="connsiteX6036" fmla="*/ 3253409 w 6858000"/>
              <a:gd name="connsiteY6036" fmla="*/ 1762962 h 6858000"/>
              <a:gd name="connsiteX6037" fmla="*/ 3253409 w 6858000"/>
              <a:gd name="connsiteY6037" fmla="*/ 1763410 h 6858000"/>
              <a:gd name="connsiteX6038" fmla="*/ 3253853 w 6858000"/>
              <a:gd name="connsiteY6038" fmla="*/ 1763410 h 6858000"/>
              <a:gd name="connsiteX6039" fmla="*/ 3253853 w 6858000"/>
              <a:gd name="connsiteY6039" fmla="*/ 1762962 h 6858000"/>
              <a:gd name="connsiteX6040" fmla="*/ 3130352 w 6858000"/>
              <a:gd name="connsiteY6040" fmla="*/ 1762962 h 6858000"/>
              <a:gd name="connsiteX6041" fmla="*/ 3130352 w 6858000"/>
              <a:gd name="connsiteY6041" fmla="*/ 1763410 h 6858000"/>
              <a:gd name="connsiteX6042" fmla="*/ 3130796 w 6858000"/>
              <a:gd name="connsiteY6042" fmla="*/ 1763410 h 6858000"/>
              <a:gd name="connsiteX6043" fmla="*/ 3130796 w 6858000"/>
              <a:gd name="connsiteY6043" fmla="*/ 1762962 h 6858000"/>
              <a:gd name="connsiteX6044" fmla="*/ 3007295 w 6858000"/>
              <a:gd name="connsiteY6044" fmla="*/ 1762962 h 6858000"/>
              <a:gd name="connsiteX6045" fmla="*/ 3007295 w 6858000"/>
              <a:gd name="connsiteY6045" fmla="*/ 1763410 h 6858000"/>
              <a:gd name="connsiteX6046" fmla="*/ 3007739 w 6858000"/>
              <a:gd name="connsiteY6046" fmla="*/ 1763410 h 6858000"/>
              <a:gd name="connsiteX6047" fmla="*/ 3007739 w 6858000"/>
              <a:gd name="connsiteY6047" fmla="*/ 1762962 h 6858000"/>
              <a:gd name="connsiteX6048" fmla="*/ 669169 w 6858000"/>
              <a:gd name="connsiteY6048" fmla="*/ 1762962 h 6858000"/>
              <a:gd name="connsiteX6049" fmla="*/ 669169 w 6858000"/>
              <a:gd name="connsiteY6049" fmla="*/ 1763410 h 6858000"/>
              <a:gd name="connsiteX6050" fmla="*/ 669613 w 6858000"/>
              <a:gd name="connsiteY6050" fmla="*/ 1763410 h 6858000"/>
              <a:gd name="connsiteX6051" fmla="*/ 669613 w 6858000"/>
              <a:gd name="connsiteY6051" fmla="*/ 1762962 h 6858000"/>
              <a:gd name="connsiteX6052" fmla="*/ 546111 w 6858000"/>
              <a:gd name="connsiteY6052" fmla="*/ 1762962 h 6858000"/>
              <a:gd name="connsiteX6053" fmla="*/ 546111 w 6858000"/>
              <a:gd name="connsiteY6053" fmla="*/ 1763410 h 6858000"/>
              <a:gd name="connsiteX6054" fmla="*/ 546555 w 6858000"/>
              <a:gd name="connsiteY6054" fmla="*/ 1763410 h 6858000"/>
              <a:gd name="connsiteX6055" fmla="*/ 546555 w 6858000"/>
              <a:gd name="connsiteY6055" fmla="*/ 1762962 h 6858000"/>
              <a:gd name="connsiteX6056" fmla="*/ 423054 w 6858000"/>
              <a:gd name="connsiteY6056" fmla="*/ 1762962 h 6858000"/>
              <a:gd name="connsiteX6057" fmla="*/ 423054 w 6858000"/>
              <a:gd name="connsiteY6057" fmla="*/ 1763410 h 6858000"/>
              <a:gd name="connsiteX6058" fmla="*/ 423498 w 6858000"/>
              <a:gd name="connsiteY6058" fmla="*/ 1763410 h 6858000"/>
              <a:gd name="connsiteX6059" fmla="*/ 423498 w 6858000"/>
              <a:gd name="connsiteY6059" fmla="*/ 1762962 h 6858000"/>
              <a:gd name="connsiteX6060" fmla="*/ 2884015 w 6858000"/>
              <a:gd name="connsiteY6060" fmla="*/ 1762780 h 6858000"/>
              <a:gd name="connsiteX6061" fmla="*/ 2884015 w 6858000"/>
              <a:gd name="connsiteY6061" fmla="*/ 1763630 h 6858000"/>
              <a:gd name="connsiteX6062" fmla="*/ 2884867 w 6858000"/>
              <a:gd name="connsiteY6062" fmla="*/ 1763630 h 6858000"/>
              <a:gd name="connsiteX6063" fmla="*/ 2884867 w 6858000"/>
              <a:gd name="connsiteY6063" fmla="*/ 1762780 h 6858000"/>
              <a:gd name="connsiteX6064" fmla="*/ 2760958 w 6858000"/>
              <a:gd name="connsiteY6064" fmla="*/ 1762780 h 6858000"/>
              <a:gd name="connsiteX6065" fmla="*/ 2760958 w 6858000"/>
              <a:gd name="connsiteY6065" fmla="*/ 1763630 h 6858000"/>
              <a:gd name="connsiteX6066" fmla="*/ 2761810 w 6858000"/>
              <a:gd name="connsiteY6066" fmla="*/ 1763630 h 6858000"/>
              <a:gd name="connsiteX6067" fmla="*/ 2761810 w 6858000"/>
              <a:gd name="connsiteY6067" fmla="*/ 1762780 h 6858000"/>
              <a:gd name="connsiteX6068" fmla="*/ 2637901 w 6858000"/>
              <a:gd name="connsiteY6068" fmla="*/ 1762780 h 6858000"/>
              <a:gd name="connsiteX6069" fmla="*/ 2637901 w 6858000"/>
              <a:gd name="connsiteY6069" fmla="*/ 1763630 h 6858000"/>
              <a:gd name="connsiteX6070" fmla="*/ 2638753 w 6858000"/>
              <a:gd name="connsiteY6070" fmla="*/ 1763630 h 6858000"/>
              <a:gd name="connsiteX6071" fmla="*/ 2638753 w 6858000"/>
              <a:gd name="connsiteY6071" fmla="*/ 1762780 h 6858000"/>
              <a:gd name="connsiteX6072" fmla="*/ 792004 w 6858000"/>
              <a:gd name="connsiteY6072" fmla="*/ 1762780 h 6858000"/>
              <a:gd name="connsiteX6073" fmla="*/ 792004 w 6858000"/>
              <a:gd name="connsiteY6073" fmla="*/ 1763630 h 6858000"/>
              <a:gd name="connsiteX6074" fmla="*/ 792856 w 6858000"/>
              <a:gd name="connsiteY6074" fmla="*/ 1763630 h 6858000"/>
              <a:gd name="connsiteX6075" fmla="*/ 792856 w 6858000"/>
              <a:gd name="connsiteY6075" fmla="*/ 1762780 h 6858000"/>
              <a:gd name="connsiteX6076" fmla="*/ 299775 w 6858000"/>
              <a:gd name="connsiteY6076" fmla="*/ 1762780 h 6858000"/>
              <a:gd name="connsiteX6077" fmla="*/ 299775 w 6858000"/>
              <a:gd name="connsiteY6077" fmla="*/ 1763630 h 6858000"/>
              <a:gd name="connsiteX6078" fmla="*/ 300627 w 6858000"/>
              <a:gd name="connsiteY6078" fmla="*/ 1763630 h 6858000"/>
              <a:gd name="connsiteX6079" fmla="*/ 300627 w 6858000"/>
              <a:gd name="connsiteY6079" fmla="*/ 1762780 h 6858000"/>
              <a:gd name="connsiteX6080" fmla="*/ 176717 w 6858000"/>
              <a:gd name="connsiteY6080" fmla="*/ 1762780 h 6858000"/>
              <a:gd name="connsiteX6081" fmla="*/ 176717 w 6858000"/>
              <a:gd name="connsiteY6081" fmla="*/ 1763630 h 6858000"/>
              <a:gd name="connsiteX6082" fmla="*/ 177569 w 6858000"/>
              <a:gd name="connsiteY6082" fmla="*/ 1763630 h 6858000"/>
              <a:gd name="connsiteX6083" fmla="*/ 177569 w 6858000"/>
              <a:gd name="connsiteY6083" fmla="*/ 1762780 h 6858000"/>
              <a:gd name="connsiteX6084" fmla="*/ 53623 w 6858000"/>
              <a:gd name="connsiteY6084" fmla="*/ 1762780 h 6858000"/>
              <a:gd name="connsiteX6085" fmla="*/ 53623 w 6858000"/>
              <a:gd name="connsiteY6085" fmla="*/ 1763630 h 6858000"/>
              <a:gd name="connsiteX6086" fmla="*/ 54475 w 6858000"/>
              <a:gd name="connsiteY6086" fmla="*/ 1763630 h 6858000"/>
              <a:gd name="connsiteX6087" fmla="*/ 54475 w 6858000"/>
              <a:gd name="connsiteY6087" fmla="*/ 1762780 h 6858000"/>
              <a:gd name="connsiteX6088" fmla="*/ 2514621 w 6858000"/>
              <a:gd name="connsiteY6088" fmla="*/ 1762555 h 6858000"/>
              <a:gd name="connsiteX6089" fmla="*/ 2514621 w 6858000"/>
              <a:gd name="connsiteY6089" fmla="*/ 1763855 h 6858000"/>
              <a:gd name="connsiteX6090" fmla="*/ 2515917 w 6858000"/>
              <a:gd name="connsiteY6090" fmla="*/ 1763855 h 6858000"/>
              <a:gd name="connsiteX6091" fmla="*/ 2515917 w 6858000"/>
              <a:gd name="connsiteY6091" fmla="*/ 1762555 h 6858000"/>
              <a:gd name="connsiteX6092" fmla="*/ 2391564 w 6858000"/>
              <a:gd name="connsiteY6092" fmla="*/ 1762555 h 6858000"/>
              <a:gd name="connsiteX6093" fmla="*/ 2391564 w 6858000"/>
              <a:gd name="connsiteY6093" fmla="*/ 1763855 h 6858000"/>
              <a:gd name="connsiteX6094" fmla="*/ 2392860 w 6858000"/>
              <a:gd name="connsiteY6094" fmla="*/ 1763855 h 6858000"/>
              <a:gd name="connsiteX6095" fmla="*/ 2392860 w 6858000"/>
              <a:gd name="connsiteY6095" fmla="*/ 1762555 h 6858000"/>
              <a:gd name="connsiteX6096" fmla="*/ 2268507 w 6858000"/>
              <a:gd name="connsiteY6096" fmla="*/ 1762555 h 6858000"/>
              <a:gd name="connsiteX6097" fmla="*/ 2268507 w 6858000"/>
              <a:gd name="connsiteY6097" fmla="*/ 1763855 h 6858000"/>
              <a:gd name="connsiteX6098" fmla="*/ 2269803 w 6858000"/>
              <a:gd name="connsiteY6098" fmla="*/ 1763855 h 6858000"/>
              <a:gd name="connsiteX6099" fmla="*/ 2269803 w 6858000"/>
              <a:gd name="connsiteY6099" fmla="*/ 1762555 h 6858000"/>
              <a:gd name="connsiteX6100" fmla="*/ 1037896 w 6858000"/>
              <a:gd name="connsiteY6100" fmla="*/ 1762555 h 6858000"/>
              <a:gd name="connsiteX6101" fmla="*/ 1037896 w 6858000"/>
              <a:gd name="connsiteY6101" fmla="*/ 1763855 h 6858000"/>
              <a:gd name="connsiteX6102" fmla="*/ 1039192 w 6858000"/>
              <a:gd name="connsiteY6102" fmla="*/ 1763855 h 6858000"/>
              <a:gd name="connsiteX6103" fmla="*/ 1039192 w 6858000"/>
              <a:gd name="connsiteY6103" fmla="*/ 1762555 h 6858000"/>
              <a:gd name="connsiteX6104" fmla="*/ 914839 w 6858000"/>
              <a:gd name="connsiteY6104" fmla="*/ 1762555 h 6858000"/>
              <a:gd name="connsiteX6105" fmla="*/ 914839 w 6858000"/>
              <a:gd name="connsiteY6105" fmla="*/ 1763855 h 6858000"/>
              <a:gd name="connsiteX6106" fmla="*/ 916135 w 6858000"/>
              <a:gd name="connsiteY6106" fmla="*/ 1763855 h 6858000"/>
              <a:gd name="connsiteX6107" fmla="*/ 916135 w 6858000"/>
              <a:gd name="connsiteY6107" fmla="*/ 1762555 h 6858000"/>
              <a:gd name="connsiteX6108" fmla="*/ 2145227 w 6858000"/>
              <a:gd name="connsiteY6108" fmla="*/ 1762334 h 6858000"/>
              <a:gd name="connsiteX6109" fmla="*/ 2145227 w 6858000"/>
              <a:gd name="connsiteY6109" fmla="*/ 1764078 h 6858000"/>
              <a:gd name="connsiteX6110" fmla="*/ 2146967 w 6858000"/>
              <a:gd name="connsiteY6110" fmla="*/ 1764078 h 6858000"/>
              <a:gd name="connsiteX6111" fmla="*/ 2146967 w 6858000"/>
              <a:gd name="connsiteY6111" fmla="*/ 1762334 h 6858000"/>
              <a:gd name="connsiteX6112" fmla="*/ 2022170 w 6858000"/>
              <a:gd name="connsiteY6112" fmla="*/ 1762334 h 6858000"/>
              <a:gd name="connsiteX6113" fmla="*/ 2022170 w 6858000"/>
              <a:gd name="connsiteY6113" fmla="*/ 1764078 h 6858000"/>
              <a:gd name="connsiteX6114" fmla="*/ 2023910 w 6858000"/>
              <a:gd name="connsiteY6114" fmla="*/ 1764078 h 6858000"/>
              <a:gd name="connsiteX6115" fmla="*/ 2023910 w 6858000"/>
              <a:gd name="connsiteY6115" fmla="*/ 1762334 h 6858000"/>
              <a:gd name="connsiteX6116" fmla="*/ 1899112 w 6858000"/>
              <a:gd name="connsiteY6116" fmla="*/ 1762334 h 6858000"/>
              <a:gd name="connsiteX6117" fmla="*/ 1899112 w 6858000"/>
              <a:gd name="connsiteY6117" fmla="*/ 1764078 h 6858000"/>
              <a:gd name="connsiteX6118" fmla="*/ 1900852 w 6858000"/>
              <a:gd name="connsiteY6118" fmla="*/ 1764078 h 6858000"/>
              <a:gd name="connsiteX6119" fmla="*/ 1900852 w 6858000"/>
              <a:gd name="connsiteY6119" fmla="*/ 1762334 h 6858000"/>
              <a:gd name="connsiteX6120" fmla="*/ 1776055 w 6858000"/>
              <a:gd name="connsiteY6120" fmla="*/ 1762334 h 6858000"/>
              <a:gd name="connsiteX6121" fmla="*/ 1776055 w 6858000"/>
              <a:gd name="connsiteY6121" fmla="*/ 1764078 h 6858000"/>
              <a:gd name="connsiteX6122" fmla="*/ 1777796 w 6858000"/>
              <a:gd name="connsiteY6122" fmla="*/ 1764078 h 6858000"/>
              <a:gd name="connsiteX6123" fmla="*/ 1777796 w 6858000"/>
              <a:gd name="connsiteY6123" fmla="*/ 1762334 h 6858000"/>
              <a:gd name="connsiteX6124" fmla="*/ 1652998 w 6858000"/>
              <a:gd name="connsiteY6124" fmla="*/ 1762334 h 6858000"/>
              <a:gd name="connsiteX6125" fmla="*/ 1652998 w 6858000"/>
              <a:gd name="connsiteY6125" fmla="*/ 1764078 h 6858000"/>
              <a:gd name="connsiteX6126" fmla="*/ 1654738 w 6858000"/>
              <a:gd name="connsiteY6126" fmla="*/ 1764078 h 6858000"/>
              <a:gd name="connsiteX6127" fmla="*/ 1654738 w 6858000"/>
              <a:gd name="connsiteY6127" fmla="*/ 1762334 h 6858000"/>
              <a:gd name="connsiteX6128" fmla="*/ 1529940 w 6858000"/>
              <a:gd name="connsiteY6128" fmla="*/ 1762334 h 6858000"/>
              <a:gd name="connsiteX6129" fmla="*/ 1529940 w 6858000"/>
              <a:gd name="connsiteY6129" fmla="*/ 1764078 h 6858000"/>
              <a:gd name="connsiteX6130" fmla="*/ 1531681 w 6858000"/>
              <a:gd name="connsiteY6130" fmla="*/ 1764078 h 6858000"/>
              <a:gd name="connsiteX6131" fmla="*/ 1531681 w 6858000"/>
              <a:gd name="connsiteY6131" fmla="*/ 1762334 h 6858000"/>
              <a:gd name="connsiteX6132" fmla="*/ 1406883 w 6858000"/>
              <a:gd name="connsiteY6132" fmla="*/ 1762334 h 6858000"/>
              <a:gd name="connsiteX6133" fmla="*/ 1406883 w 6858000"/>
              <a:gd name="connsiteY6133" fmla="*/ 1764078 h 6858000"/>
              <a:gd name="connsiteX6134" fmla="*/ 1408624 w 6858000"/>
              <a:gd name="connsiteY6134" fmla="*/ 1764078 h 6858000"/>
              <a:gd name="connsiteX6135" fmla="*/ 1408624 w 6858000"/>
              <a:gd name="connsiteY6135" fmla="*/ 1762334 h 6858000"/>
              <a:gd name="connsiteX6136" fmla="*/ 1283826 w 6858000"/>
              <a:gd name="connsiteY6136" fmla="*/ 1762334 h 6858000"/>
              <a:gd name="connsiteX6137" fmla="*/ 1283826 w 6858000"/>
              <a:gd name="connsiteY6137" fmla="*/ 1764078 h 6858000"/>
              <a:gd name="connsiteX6138" fmla="*/ 1285566 w 6858000"/>
              <a:gd name="connsiteY6138" fmla="*/ 1764078 h 6858000"/>
              <a:gd name="connsiteX6139" fmla="*/ 1285566 w 6858000"/>
              <a:gd name="connsiteY6139" fmla="*/ 1762334 h 6858000"/>
              <a:gd name="connsiteX6140" fmla="*/ 1160731 w 6858000"/>
              <a:gd name="connsiteY6140" fmla="*/ 1762334 h 6858000"/>
              <a:gd name="connsiteX6141" fmla="*/ 1160731 w 6858000"/>
              <a:gd name="connsiteY6141" fmla="*/ 1764078 h 6858000"/>
              <a:gd name="connsiteX6142" fmla="*/ 1162472 w 6858000"/>
              <a:gd name="connsiteY6142" fmla="*/ 1764078 h 6858000"/>
              <a:gd name="connsiteX6143" fmla="*/ 1162472 w 6858000"/>
              <a:gd name="connsiteY6143" fmla="*/ 1762334 h 6858000"/>
              <a:gd name="connsiteX6144" fmla="*/ 3991790 w 6858000"/>
              <a:gd name="connsiteY6144" fmla="*/ 1639905 h 6858000"/>
              <a:gd name="connsiteX6145" fmla="*/ 3991790 w 6858000"/>
              <a:gd name="connsiteY6145" fmla="*/ 1640355 h 6858000"/>
              <a:gd name="connsiteX6146" fmla="*/ 3992235 w 6858000"/>
              <a:gd name="connsiteY6146" fmla="*/ 1640355 h 6858000"/>
              <a:gd name="connsiteX6147" fmla="*/ 3992235 w 6858000"/>
              <a:gd name="connsiteY6147" fmla="*/ 1639905 h 6858000"/>
              <a:gd name="connsiteX6148" fmla="*/ 3868733 w 6858000"/>
              <a:gd name="connsiteY6148" fmla="*/ 1639905 h 6858000"/>
              <a:gd name="connsiteX6149" fmla="*/ 3868733 w 6858000"/>
              <a:gd name="connsiteY6149" fmla="*/ 1640355 h 6858000"/>
              <a:gd name="connsiteX6150" fmla="*/ 3869177 w 6858000"/>
              <a:gd name="connsiteY6150" fmla="*/ 1640355 h 6858000"/>
              <a:gd name="connsiteX6151" fmla="*/ 3869177 w 6858000"/>
              <a:gd name="connsiteY6151" fmla="*/ 1639905 h 6858000"/>
              <a:gd name="connsiteX6152" fmla="*/ 3745676 w 6858000"/>
              <a:gd name="connsiteY6152" fmla="*/ 1639905 h 6858000"/>
              <a:gd name="connsiteX6153" fmla="*/ 3745676 w 6858000"/>
              <a:gd name="connsiteY6153" fmla="*/ 1640355 h 6858000"/>
              <a:gd name="connsiteX6154" fmla="*/ 3746120 w 6858000"/>
              <a:gd name="connsiteY6154" fmla="*/ 1640355 h 6858000"/>
              <a:gd name="connsiteX6155" fmla="*/ 3746120 w 6858000"/>
              <a:gd name="connsiteY6155" fmla="*/ 1639905 h 6858000"/>
              <a:gd name="connsiteX6156" fmla="*/ 3622618 w 6858000"/>
              <a:gd name="connsiteY6156" fmla="*/ 1639905 h 6858000"/>
              <a:gd name="connsiteX6157" fmla="*/ 3622618 w 6858000"/>
              <a:gd name="connsiteY6157" fmla="*/ 1640355 h 6858000"/>
              <a:gd name="connsiteX6158" fmla="*/ 3623062 w 6858000"/>
              <a:gd name="connsiteY6158" fmla="*/ 1640355 h 6858000"/>
              <a:gd name="connsiteX6159" fmla="*/ 3623062 w 6858000"/>
              <a:gd name="connsiteY6159" fmla="*/ 1639905 h 6858000"/>
              <a:gd name="connsiteX6160" fmla="*/ 3499524 w 6858000"/>
              <a:gd name="connsiteY6160" fmla="*/ 1639905 h 6858000"/>
              <a:gd name="connsiteX6161" fmla="*/ 3499524 w 6858000"/>
              <a:gd name="connsiteY6161" fmla="*/ 1640355 h 6858000"/>
              <a:gd name="connsiteX6162" fmla="*/ 3499968 w 6858000"/>
              <a:gd name="connsiteY6162" fmla="*/ 1640355 h 6858000"/>
              <a:gd name="connsiteX6163" fmla="*/ 3499968 w 6858000"/>
              <a:gd name="connsiteY6163" fmla="*/ 1639905 h 6858000"/>
              <a:gd name="connsiteX6164" fmla="*/ 3376467 w 6858000"/>
              <a:gd name="connsiteY6164" fmla="*/ 1639905 h 6858000"/>
              <a:gd name="connsiteX6165" fmla="*/ 3376467 w 6858000"/>
              <a:gd name="connsiteY6165" fmla="*/ 1640355 h 6858000"/>
              <a:gd name="connsiteX6166" fmla="*/ 3376911 w 6858000"/>
              <a:gd name="connsiteY6166" fmla="*/ 1640355 h 6858000"/>
              <a:gd name="connsiteX6167" fmla="*/ 3376911 w 6858000"/>
              <a:gd name="connsiteY6167" fmla="*/ 1639905 h 6858000"/>
              <a:gd name="connsiteX6168" fmla="*/ 3253409 w 6858000"/>
              <a:gd name="connsiteY6168" fmla="*/ 1639905 h 6858000"/>
              <a:gd name="connsiteX6169" fmla="*/ 3253409 w 6858000"/>
              <a:gd name="connsiteY6169" fmla="*/ 1640355 h 6858000"/>
              <a:gd name="connsiteX6170" fmla="*/ 3253853 w 6858000"/>
              <a:gd name="connsiteY6170" fmla="*/ 1640355 h 6858000"/>
              <a:gd name="connsiteX6171" fmla="*/ 3253853 w 6858000"/>
              <a:gd name="connsiteY6171" fmla="*/ 1639905 h 6858000"/>
              <a:gd name="connsiteX6172" fmla="*/ 3130352 w 6858000"/>
              <a:gd name="connsiteY6172" fmla="*/ 1639905 h 6858000"/>
              <a:gd name="connsiteX6173" fmla="*/ 3130352 w 6858000"/>
              <a:gd name="connsiteY6173" fmla="*/ 1640355 h 6858000"/>
              <a:gd name="connsiteX6174" fmla="*/ 3130796 w 6858000"/>
              <a:gd name="connsiteY6174" fmla="*/ 1640355 h 6858000"/>
              <a:gd name="connsiteX6175" fmla="*/ 3130796 w 6858000"/>
              <a:gd name="connsiteY6175" fmla="*/ 1639905 h 6858000"/>
              <a:gd name="connsiteX6176" fmla="*/ 3007295 w 6858000"/>
              <a:gd name="connsiteY6176" fmla="*/ 1639905 h 6858000"/>
              <a:gd name="connsiteX6177" fmla="*/ 3007295 w 6858000"/>
              <a:gd name="connsiteY6177" fmla="*/ 1640355 h 6858000"/>
              <a:gd name="connsiteX6178" fmla="*/ 3007739 w 6858000"/>
              <a:gd name="connsiteY6178" fmla="*/ 1640355 h 6858000"/>
              <a:gd name="connsiteX6179" fmla="*/ 3007739 w 6858000"/>
              <a:gd name="connsiteY6179" fmla="*/ 1639905 h 6858000"/>
              <a:gd name="connsiteX6180" fmla="*/ 2884238 w 6858000"/>
              <a:gd name="connsiteY6180" fmla="*/ 1639905 h 6858000"/>
              <a:gd name="connsiteX6181" fmla="*/ 2884238 w 6858000"/>
              <a:gd name="connsiteY6181" fmla="*/ 1640355 h 6858000"/>
              <a:gd name="connsiteX6182" fmla="*/ 2884682 w 6858000"/>
              <a:gd name="connsiteY6182" fmla="*/ 1640355 h 6858000"/>
              <a:gd name="connsiteX6183" fmla="*/ 2884682 w 6858000"/>
              <a:gd name="connsiteY6183" fmla="*/ 1639905 h 6858000"/>
              <a:gd name="connsiteX6184" fmla="*/ 2761180 w 6858000"/>
              <a:gd name="connsiteY6184" fmla="*/ 1639905 h 6858000"/>
              <a:gd name="connsiteX6185" fmla="*/ 2761180 w 6858000"/>
              <a:gd name="connsiteY6185" fmla="*/ 1640355 h 6858000"/>
              <a:gd name="connsiteX6186" fmla="*/ 2761624 w 6858000"/>
              <a:gd name="connsiteY6186" fmla="*/ 1640355 h 6858000"/>
              <a:gd name="connsiteX6187" fmla="*/ 2761624 w 6858000"/>
              <a:gd name="connsiteY6187" fmla="*/ 1639905 h 6858000"/>
              <a:gd name="connsiteX6188" fmla="*/ 792226 w 6858000"/>
              <a:gd name="connsiteY6188" fmla="*/ 1639905 h 6858000"/>
              <a:gd name="connsiteX6189" fmla="*/ 792226 w 6858000"/>
              <a:gd name="connsiteY6189" fmla="*/ 1640355 h 6858000"/>
              <a:gd name="connsiteX6190" fmla="*/ 792670 w 6858000"/>
              <a:gd name="connsiteY6190" fmla="*/ 1640355 h 6858000"/>
              <a:gd name="connsiteX6191" fmla="*/ 792670 w 6858000"/>
              <a:gd name="connsiteY6191" fmla="*/ 1639905 h 6858000"/>
              <a:gd name="connsiteX6192" fmla="*/ 669169 w 6858000"/>
              <a:gd name="connsiteY6192" fmla="*/ 1639905 h 6858000"/>
              <a:gd name="connsiteX6193" fmla="*/ 669169 w 6858000"/>
              <a:gd name="connsiteY6193" fmla="*/ 1640355 h 6858000"/>
              <a:gd name="connsiteX6194" fmla="*/ 669613 w 6858000"/>
              <a:gd name="connsiteY6194" fmla="*/ 1640355 h 6858000"/>
              <a:gd name="connsiteX6195" fmla="*/ 669613 w 6858000"/>
              <a:gd name="connsiteY6195" fmla="*/ 1639905 h 6858000"/>
              <a:gd name="connsiteX6196" fmla="*/ 423054 w 6858000"/>
              <a:gd name="connsiteY6196" fmla="*/ 1639905 h 6858000"/>
              <a:gd name="connsiteX6197" fmla="*/ 423054 w 6858000"/>
              <a:gd name="connsiteY6197" fmla="*/ 1640355 h 6858000"/>
              <a:gd name="connsiteX6198" fmla="*/ 423498 w 6858000"/>
              <a:gd name="connsiteY6198" fmla="*/ 1640355 h 6858000"/>
              <a:gd name="connsiteX6199" fmla="*/ 423498 w 6858000"/>
              <a:gd name="connsiteY6199" fmla="*/ 1639905 h 6858000"/>
              <a:gd name="connsiteX6200" fmla="*/ 299960 w 6858000"/>
              <a:gd name="connsiteY6200" fmla="*/ 1639905 h 6858000"/>
              <a:gd name="connsiteX6201" fmla="*/ 299960 w 6858000"/>
              <a:gd name="connsiteY6201" fmla="*/ 1640355 h 6858000"/>
              <a:gd name="connsiteX6202" fmla="*/ 300404 w 6858000"/>
              <a:gd name="connsiteY6202" fmla="*/ 1640355 h 6858000"/>
              <a:gd name="connsiteX6203" fmla="*/ 300404 w 6858000"/>
              <a:gd name="connsiteY6203" fmla="*/ 1639905 h 6858000"/>
              <a:gd name="connsiteX6204" fmla="*/ 176902 w 6858000"/>
              <a:gd name="connsiteY6204" fmla="*/ 1639905 h 6858000"/>
              <a:gd name="connsiteX6205" fmla="*/ 176902 w 6858000"/>
              <a:gd name="connsiteY6205" fmla="*/ 1640355 h 6858000"/>
              <a:gd name="connsiteX6206" fmla="*/ 177346 w 6858000"/>
              <a:gd name="connsiteY6206" fmla="*/ 1640355 h 6858000"/>
              <a:gd name="connsiteX6207" fmla="*/ 177346 w 6858000"/>
              <a:gd name="connsiteY6207" fmla="*/ 1639905 h 6858000"/>
              <a:gd name="connsiteX6208" fmla="*/ 53845 w 6858000"/>
              <a:gd name="connsiteY6208" fmla="*/ 1639905 h 6858000"/>
              <a:gd name="connsiteX6209" fmla="*/ 53845 w 6858000"/>
              <a:gd name="connsiteY6209" fmla="*/ 1640355 h 6858000"/>
              <a:gd name="connsiteX6210" fmla="*/ 54289 w 6858000"/>
              <a:gd name="connsiteY6210" fmla="*/ 1640355 h 6858000"/>
              <a:gd name="connsiteX6211" fmla="*/ 54289 w 6858000"/>
              <a:gd name="connsiteY6211" fmla="*/ 1639905 h 6858000"/>
              <a:gd name="connsiteX6212" fmla="*/ 2637901 w 6858000"/>
              <a:gd name="connsiteY6212" fmla="*/ 1639688 h 6858000"/>
              <a:gd name="connsiteX6213" fmla="*/ 2637901 w 6858000"/>
              <a:gd name="connsiteY6213" fmla="*/ 1640535 h 6858000"/>
              <a:gd name="connsiteX6214" fmla="*/ 2638753 w 6858000"/>
              <a:gd name="connsiteY6214" fmla="*/ 1640535 h 6858000"/>
              <a:gd name="connsiteX6215" fmla="*/ 2638753 w 6858000"/>
              <a:gd name="connsiteY6215" fmla="*/ 1639688 h 6858000"/>
              <a:gd name="connsiteX6216" fmla="*/ 2514843 w 6858000"/>
              <a:gd name="connsiteY6216" fmla="*/ 1639688 h 6858000"/>
              <a:gd name="connsiteX6217" fmla="*/ 2514843 w 6858000"/>
              <a:gd name="connsiteY6217" fmla="*/ 1640535 h 6858000"/>
              <a:gd name="connsiteX6218" fmla="*/ 2515695 w 6858000"/>
              <a:gd name="connsiteY6218" fmla="*/ 1640535 h 6858000"/>
              <a:gd name="connsiteX6219" fmla="*/ 2515695 w 6858000"/>
              <a:gd name="connsiteY6219" fmla="*/ 1639688 h 6858000"/>
              <a:gd name="connsiteX6220" fmla="*/ 2391786 w 6858000"/>
              <a:gd name="connsiteY6220" fmla="*/ 1639688 h 6858000"/>
              <a:gd name="connsiteX6221" fmla="*/ 2391786 w 6858000"/>
              <a:gd name="connsiteY6221" fmla="*/ 1640535 h 6858000"/>
              <a:gd name="connsiteX6222" fmla="*/ 2392638 w 6858000"/>
              <a:gd name="connsiteY6222" fmla="*/ 1640535 h 6858000"/>
              <a:gd name="connsiteX6223" fmla="*/ 2392638 w 6858000"/>
              <a:gd name="connsiteY6223" fmla="*/ 1639688 h 6858000"/>
              <a:gd name="connsiteX6224" fmla="*/ 2268729 w 6858000"/>
              <a:gd name="connsiteY6224" fmla="*/ 1639688 h 6858000"/>
              <a:gd name="connsiteX6225" fmla="*/ 2268729 w 6858000"/>
              <a:gd name="connsiteY6225" fmla="*/ 1640535 h 6858000"/>
              <a:gd name="connsiteX6226" fmla="*/ 2269581 w 6858000"/>
              <a:gd name="connsiteY6226" fmla="*/ 1640535 h 6858000"/>
              <a:gd name="connsiteX6227" fmla="*/ 2269581 w 6858000"/>
              <a:gd name="connsiteY6227" fmla="*/ 1639688 h 6858000"/>
              <a:gd name="connsiteX6228" fmla="*/ 2145671 w 6858000"/>
              <a:gd name="connsiteY6228" fmla="*/ 1639688 h 6858000"/>
              <a:gd name="connsiteX6229" fmla="*/ 2145671 w 6858000"/>
              <a:gd name="connsiteY6229" fmla="*/ 1640535 h 6858000"/>
              <a:gd name="connsiteX6230" fmla="*/ 2146523 w 6858000"/>
              <a:gd name="connsiteY6230" fmla="*/ 1640535 h 6858000"/>
              <a:gd name="connsiteX6231" fmla="*/ 2146523 w 6858000"/>
              <a:gd name="connsiteY6231" fmla="*/ 1639688 h 6858000"/>
              <a:gd name="connsiteX6232" fmla="*/ 1161176 w 6858000"/>
              <a:gd name="connsiteY6232" fmla="*/ 1639688 h 6858000"/>
              <a:gd name="connsiteX6233" fmla="*/ 1161176 w 6858000"/>
              <a:gd name="connsiteY6233" fmla="*/ 1640535 h 6858000"/>
              <a:gd name="connsiteX6234" fmla="*/ 1162028 w 6858000"/>
              <a:gd name="connsiteY6234" fmla="*/ 1640535 h 6858000"/>
              <a:gd name="connsiteX6235" fmla="*/ 1162028 w 6858000"/>
              <a:gd name="connsiteY6235" fmla="*/ 1639688 h 6858000"/>
              <a:gd name="connsiteX6236" fmla="*/ 1038118 w 6858000"/>
              <a:gd name="connsiteY6236" fmla="*/ 1639688 h 6858000"/>
              <a:gd name="connsiteX6237" fmla="*/ 1038118 w 6858000"/>
              <a:gd name="connsiteY6237" fmla="*/ 1640535 h 6858000"/>
              <a:gd name="connsiteX6238" fmla="*/ 1038970 w 6858000"/>
              <a:gd name="connsiteY6238" fmla="*/ 1640535 h 6858000"/>
              <a:gd name="connsiteX6239" fmla="*/ 1038970 w 6858000"/>
              <a:gd name="connsiteY6239" fmla="*/ 1639688 h 6858000"/>
              <a:gd name="connsiteX6240" fmla="*/ 915061 w 6858000"/>
              <a:gd name="connsiteY6240" fmla="*/ 1639688 h 6858000"/>
              <a:gd name="connsiteX6241" fmla="*/ 915061 w 6858000"/>
              <a:gd name="connsiteY6241" fmla="*/ 1640535 h 6858000"/>
              <a:gd name="connsiteX6242" fmla="*/ 915913 w 6858000"/>
              <a:gd name="connsiteY6242" fmla="*/ 1640535 h 6858000"/>
              <a:gd name="connsiteX6243" fmla="*/ 915913 w 6858000"/>
              <a:gd name="connsiteY6243" fmla="*/ 1639688 h 6858000"/>
              <a:gd name="connsiteX6244" fmla="*/ 2022392 w 6858000"/>
              <a:gd name="connsiteY6244" fmla="*/ 1639496 h 6858000"/>
              <a:gd name="connsiteX6245" fmla="*/ 2022392 w 6858000"/>
              <a:gd name="connsiteY6245" fmla="*/ 1640794 h 6858000"/>
              <a:gd name="connsiteX6246" fmla="*/ 2023688 w 6858000"/>
              <a:gd name="connsiteY6246" fmla="*/ 1640794 h 6858000"/>
              <a:gd name="connsiteX6247" fmla="*/ 2023688 w 6858000"/>
              <a:gd name="connsiteY6247" fmla="*/ 1639496 h 6858000"/>
              <a:gd name="connsiteX6248" fmla="*/ 1899335 w 6858000"/>
              <a:gd name="connsiteY6248" fmla="*/ 1639496 h 6858000"/>
              <a:gd name="connsiteX6249" fmla="*/ 1899335 w 6858000"/>
              <a:gd name="connsiteY6249" fmla="*/ 1640794 h 6858000"/>
              <a:gd name="connsiteX6250" fmla="*/ 1900631 w 6858000"/>
              <a:gd name="connsiteY6250" fmla="*/ 1640794 h 6858000"/>
              <a:gd name="connsiteX6251" fmla="*/ 1900631 w 6858000"/>
              <a:gd name="connsiteY6251" fmla="*/ 1639496 h 6858000"/>
              <a:gd name="connsiteX6252" fmla="*/ 1776277 w 6858000"/>
              <a:gd name="connsiteY6252" fmla="*/ 1639496 h 6858000"/>
              <a:gd name="connsiteX6253" fmla="*/ 1776277 w 6858000"/>
              <a:gd name="connsiteY6253" fmla="*/ 1640794 h 6858000"/>
              <a:gd name="connsiteX6254" fmla="*/ 1777573 w 6858000"/>
              <a:gd name="connsiteY6254" fmla="*/ 1640794 h 6858000"/>
              <a:gd name="connsiteX6255" fmla="*/ 1777573 w 6858000"/>
              <a:gd name="connsiteY6255" fmla="*/ 1639496 h 6858000"/>
              <a:gd name="connsiteX6256" fmla="*/ 1653220 w 6858000"/>
              <a:gd name="connsiteY6256" fmla="*/ 1639496 h 6858000"/>
              <a:gd name="connsiteX6257" fmla="*/ 1653220 w 6858000"/>
              <a:gd name="connsiteY6257" fmla="*/ 1640794 h 6858000"/>
              <a:gd name="connsiteX6258" fmla="*/ 1654516 w 6858000"/>
              <a:gd name="connsiteY6258" fmla="*/ 1640794 h 6858000"/>
              <a:gd name="connsiteX6259" fmla="*/ 1654516 w 6858000"/>
              <a:gd name="connsiteY6259" fmla="*/ 1639496 h 6858000"/>
              <a:gd name="connsiteX6260" fmla="*/ 1530163 w 6858000"/>
              <a:gd name="connsiteY6260" fmla="*/ 1639496 h 6858000"/>
              <a:gd name="connsiteX6261" fmla="*/ 1530163 w 6858000"/>
              <a:gd name="connsiteY6261" fmla="*/ 1640794 h 6858000"/>
              <a:gd name="connsiteX6262" fmla="*/ 1531459 w 6858000"/>
              <a:gd name="connsiteY6262" fmla="*/ 1640794 h 6858000"/>
              <a:gd name="connsiteX6263" fmla="*/ 1531459 w 6858000"/>
              <a:gd name="connsiteY6263" fmla="*/ 1639496 h 6858000"/>
              <a:gd name="connsiteX6264" fmla="*/ 1407068 w 6858000"/>
              <a:gd name="connsiteY6264" fmla="*/ 1639496 h 6858000"/>
              <a:gd name="connsiteX6265" fmla="*/ 1407068 w 6858000"/>
              <a:gd name="connsiteY6265" fmla="*/ 1640794 h 6858000"/>
              <a:gd name="connsiteX6266" fmla="*/ 1408364 w 6858000"/>
              <a:gd name="connsiteY6266" fmla="*/ 1640794 h 6858000"/>
              <a:gd name="connsiteX6267" fmla="*/ 1408364 w 6858000"/>
              <a:gd name="connsiteY6267" fmla="*/ 1639496 h 6858000"/>
              <a:gd name="connsiteX6268" fmla="*/ 1284011 w 6858000"/>
              <a:gd name="connsiteY6268" fmla="*/ 1639496 h 6858000"/>
              <a:gd name="connsiteX6269" fmla="*/ 1284011 w 6858000"/>
              <a:gd name="connsiteY6269" fmla="*/ 1640794 h 6858000"/>
              <a:gd name="connsiteX6270" fmla="*/ 1285307 w 6858000"/>
              <a:gd name="connsiteY6270" fmla="*/ 1640794 h 6858000"/>
              <a:gd name="connsiteX6271" fmla="*/ 1285307 w 6858000"/>
              <a:gd name="connsiteY6271" fmla="*/ 1639496 h 6858000"/>
              <a:gd name="connsiteX6272" fmla="*/ 3991790 w 6858000"/>
              <a:gd name="connsiteY6272" fmla="*/ 1516854 h 6858000"/>
              <a:gd name="connsiteX6273" fmla="*/ 3991790 w 6858000"/>
              <a:gd name="connsiteY6273" fmla="*/ 1517296 h 6858000"/>
              <a:gd name="connsiteX6274" fmla="*/ 3992235 w 6858000"/>
              <a:gd name="connsiteY6274" fmla="*/ 1517296 h 6858000"/>
              <a:gd name="connsiteX6275" fmla="*/ 3992235 w 6858000"/>
              <a:gd name="connsiteY6275" fmla="*/ 1516854 h 6858000"/>
              <a:gd name="connsiteX6276" fmla="*/ 3868733 w 6858000"/>
              <a:gd name="connsiteY6276" fmla="*/ 1516854 h 6858000"/>
              <a:gd name="connsiteX6277" fmla="*/ 3868733 w 6858000"/>
              <a:gd name="connsiteY6277" fmla="*/ 1517296 h 6858000"/>
              <a:gd name="connsiteX6278" fmla="*/ 3869177 w 6858000"/>
              <a:gd name="connsiteY6278" fmla="*/ 1517296 h 6858000"/>
              <a:gd name="connsiteX6279" fmla="*/ 3869177 w 6858000"/>
              <a:gd name="connsiteY6279" fmla="*/ 1516854 h 6858000"/>
              <a:gd name="connsiteX6280" fmla="*/ 3745676 w 6858000"/>
              <a:gd name="connsiteY6280" fmla="*/ 1516854 h 6858000"/>
              <a:gd name="connsiteX6281" fmla="*/ 3745676 w 6858000"/>
              <a:gd name="connsiteY6281" fmla="*/ 1517296 h 6858000"/>
              <a:gd name="connsiteX6282" fmla="*/ 3746120 w 6858000"/>
              <a:gd name="connsiteY6282" fmla="*/ 1517296 h 6858000"/>
              <a:gd name="connsiteX6283" fmla="*/ 3746120 w 6858000"/>
              <a:gd name="connsiteY6283" fmla="*/ 1516854 h 6858000"/>
              <a:gd name="connsiteX6284" fmla="*/ 3622618 w 6858000"/>
              <a:gd name="connsiteY6284" fmla="*/ 1516854 h 6858000"/>
              <a:gd name="connsiteX6285" fmla="*/ 3622618 w 6858000"/>
              <a:gd name="connsiteY6285" fmla="*/ 1517296 h 6858000"/>
              <a:gd name="connsiteX6286" fmla="*/ 3623062 w 6858000"/>
              <a:gd name="connsiteY6286" fmla="*/ 1517296 h 6858000"/>
              <a:gd name="connsiteX6287" fmla="*/ 3623062 w 6858000"/>
              <a:gd name="connsiteY6287" fmla="*/ 1516854 h 6858000"/>
              <a:gd name="connsiteX6288" fmla="*/ 3499524 w 6858000"/>
              <a:gd name="connsiteY6288" fmla="*/ 1516854 h 6858000"/>
              <a:gd name="connsiteX6289" fmla="*/ 3499524 w 6858000"/>
              <a:gd name="connsiteY6289" fmla="*/ 1517296 h 6858000"/>
              <a:gd name="connsiteX6290" fmla="*/ 3499968 w 6858000"/>
              <a:gd name="connsiteY6290" fmla="*/ 1517296 h 6858000"/>
              <a:gd name="connsiteX6291" fmla="*/ 3499968 w 6858000"/>
              <a:gd name="connsiteY6291" fmla="*/ 1516854 h 6858000"/>
              <a:gd name="connsiteX6292" fmla="*/ 3376467 w 6858000"/>
              <a:gd name="connsiteY6292" fmla="*/ 1516854 h 6858000"/>
              <a:gd name="connsiteX6293" fmla="*/ 3376467 w 6858000"/>
              <a:gd name="connsiteY6293" fmla="*/ 1517296 h 6858000"/>
              <a:gd name="connsiteX6294" fmla="*/ 3376911 w 6858000"/>
              <a:gd name="connsiteY6294" fmla="*/ 1517296 h 6858000"/>
              <a:gd name="connsiteX6295" fmla="*/ 3376911 w 6858000"/>
              <a:gd name="connsiteY6295" fmla="*/ 1516854 h 6858000"/>
              <a:gd name="connsiteX6296" fmla="*/ 3253409 w 6858000"/>
              <a:gd name="connsiteY6296" fmla="*/ 1516854 h 6858000"/>
              <a:gd name="connsiteX6297" fmla="*/ 3253409 w 6858000"/>
              <a:gd name="connsiteY6297" fmla="*/ 1517296 h 6858000"/>
              <a:gd name="connsiteX6298" fmla="*/ 3253853 w 6858000"/>
              <a:gd name="connsiteY6298" fmla="*/ 1517296 h 6858000"/>
              <a:gd name="connsiteX6299" fmla="*/ 3253853 w 6858000"/>
              <a:gd name="connsiteY6299" fmla="*/ 1516854 h 6858000"/>
              <a:gd name="connsiteX6300" fmla="*/ 3130352 w 6858000"/>
              <a:gd name="connsiteY6300" fmla="*/ 1516854 h 6858000"/>
              <a:gd name="connsiteX6301" fmla="*/ 3130352 w 6858000"/>
              <a:gd name="connsiteY6301" fmla="*/ 1517296 h 6858000"/>
              <a:gd name="connsiteX6302" fmla="*/ 3130796 w 6858000"/>
              <a:gd name="connsiteY6302" fmla="*/ 1517296 h 6858000"/>
              <a:gd name="connsiteX6303" fmla="*/ 3130796 w 6858000"/>
              <a:gd name="connsiteY6303" fmla="*/ 1516854 h 6858000"/>
              <a:gd name="connsiteX6304" fmla="*/ 3007295 w 6858000"/>
              <a:gd name="connsiteY6304" fmla="*/ 1516854 h 6858000"/>
              <a:gd name="connsiteX6305" fmla="*/ 3007295 w 6858000"/>
              <a:gd name="connsiteY6305" fmla="*/ 1517296 h 6858000"/>
              <a:gd name="connsiteX6306" fmla="*/ 3007739 w 6858000"/>
              <a:gd name="connsiteY6306" fmla="*/ 1517296 h 6858000"/>
              <a:gd name="connsiteX6307" fmla="*/ 3007739 w 6858000"/>
              <a:gd name="connsiteY6307" fmla="*/ 1516854 h 6858000"/>
              <a:gd name="connsiteX6308" fmla="*/ 2884238 w 6858000"/>
              <a:gd name="connsiteY6308" fmla="*/ 1516854 h 6858000"/>
              <a:gd name="connsiteX6309" fmla="*/ 2884238 w 6858000"/>
              <a:gd name="connsiteY6309" fmla="*/ 1517296 h 6858000"/>
              <a:gd name="connsiteX6310" fmla="*/ 2884682 w 6858000"/>
              <a:gd name="connsiteY6310" fmla="*/ 1517296 h 6858000"/>
              <a:gd name="connsiteX6311" fmla="*/ 2884682 w 6858000"/>
              <a:gd name="connsiteY6311" fmla="*/ 1516854 h 6858000"/>
              <a:gd name="connsiteX6312" fmla="*/ 2761180 w 6858000"/>
              <a:gd name="connsiteY6312" fmla="*/ 1516854 h 6858000"/>
              <a:gd name="connsiteX6313" fmla="*/ 2761180 w 6858000"/>
              <a:gd name="connsiteY6313" fmla="*/ 1517296 h 6858000"/>
              <a:gd name="connsiteX6314" fmla="*/ 2761624 w 6858000"/>
              <a:gd name="connsiteY6314" fmla="*/ 1517296 h 6858000"/>
              <a:gd name="connsiteX6315" fmla="*/ 2761624 w 6858000"/>
              <a:gd name="connsiteY6315" fmla="*/ 1516854 h 6858000"/>
              <a:gd name="connsiteX6316" fmla="*/ 2638123 w 6858000"/>
              <a:gd name="connsiteY6316" fmla="*/ 1516854 h 6858000"/>
              <a:gd name="connsiteX6317" fmla="*/ 2638123 w 6858000"/>
              <a:gd name="connsiteY6317" fmla="*/ 1517296 h 6858000"/>
              <a:gd name="connsiteX6318" fmla="*/ 2638567 w 6858000"/>
              <a:gd name="connsiteY6318" fmla="*/ 1517296 h 6858000"/>
              <a:gd name="connsiteX6319" fmla="*/ 2638567 w 6858000"/>
              <a:gd name="connsiteY6319" fmla="*/ 1516854 h 6858000"/>
              <a:gd name="connsiteX6320" fmla="*/ 2515066 w 6858000"/>
              <a:gd name="connsiteY6320" fmla="*/ 1516854 h 6858000"/>
              <a:gd name="connsiteX6321" fmla="*/ 2515066 w 6858000"/>
              <a:gd name="connsiteY6321" fmla="*/ 1517296 h 6858000"/>
              <a:gd name="connsiteX6322" fmla="*/ 2515510 w 6858000"/>
              <a:gd name="connsiteY6322" fmla="*/ 1517296 h 6858000"/>
              <a:gd name="connsiteX6323" fmla="*/ 2515510 w 6858000"/>
              <a:gd name="connsiteY6323" fmla="*/ 1516854 h 6858000"/>
              <a:gd name="connsiteX6324" fmla="*/ 2392008 w 6858000"/>
              <a:gd name="connsiteY6324" fmla="*/ 1516854 h 6858000"/>
              <a:gd name="connsiteX6325" fmla="*/ 2392008 w 6858000"/>
              <a:gd name="connsiteY6325" fmla="*/ 1517296 h 6858000"/>
              <a:gd name="connsiteX6326" fmla="*/ 2392452 w 6858000"/>
              <a:gd name="connsiteY6326" fmla="*/ 1517296 h 6858000"/>
              <a:gd name="connsiteX6327" fmla="*/ 2392452 w 6858000"/>
              <a:gd name="connsiteY6327" fmla="*/ 1516854 h 6858000"/>
              <a:gd name="connsiteX6328" fmla="*/ 1161398 w 6858000"/>
              <a:gd name="connsiteY6328" fmla="*/ 1516854 h 6858000"/>
              <a:gd name="connsiteX6329" fmla="*/ 1161398 w 6858000"/>
              <a:gd name="connsiteY6329" fmla="*/ 1517296 h 6858000"/>
              <a:gd name="connsiteX6330" fmla="*/ 1161842 w 6858000"/>
              <a:gd name="connsiteY6330" fmla="*/ 1517296 h 6858000"/>
              <a:gd name="connsiteX6331" fmla="*/ 1161842 w 6858000"/>
              <a:gd name="connsiteY6331" fmla="*/ 1516854 h 6858000"/>
              <a:gd name="connsiteX6332" fmla="*/ 1038341 w 6858000"/>
              <a:gd name="connsiteY6332" fmla="*/ 1516854 h 6858000"/>
              <a:gd name="connsiteX6333" fmla="*/ 1038341 w 6858000"/>
              <a:gd name="connsiteY6333" fmla="*/ 1517296 h 6858000"/>
              <a:gd name="connsiteX6334" fmla="*/ 1038785 w 6858000"/>
              <a:gd name="connsiteY6334" fmla="*/ 1517296 h 6858000"/>
              <a:gd name="connsiteX6335" fmla="*/ 1038785 w 6858000"/>
              <a:gd name="connsiteY6335" fmla="*/ 1516854 h 6858000"/>
              <a:gd name="connsiteX6336" fmla="*/ 915283 w 6858000"/>
              <a:gd name="connsiteY6336" fmla="*/ 1516854 h 6858000"/>
              <a:gd name="connsiteX6337" fmla="*/ 915283 w 6858000"/>
              <a:gd name="connsiteY6337" fmla="*/ 1517296 h 6858000"/>
              <a:gd name="connsiteX6338" fmla="*/ 915727 w 6858000"/>
              <a:gd name="connsiteY6338" fmla="*/ 1517296 h 6858000"/>
              <a:gd name="connsiteX6339" fmla="*/ 915727 w 6858000"/>
              <a:gd name="connsiteY6339" fmla="*/ 1516854 h 6858000"/>
              <a:gd name="connsiteX6340" fmla="*/ 792226 w 6858000"/>
              <a:gd name="connsiteY6340" fmla="*/ 1516854 h 6858000"/>
              <a:gd name="connsiteX6341" fmla="*/ 792226 w 6858000"/>
              <a:gd name="connsiteY6341" fmla="*/ 1517296 h 6858000"/>
              <a:gd name="connsiteX6342" fmla="*/ 792670 w 6858000"/>
              <a:gd name="connsiteY6342" fmla="*/ 1517296 h 6858000"/>
              <a:gd name="connsiteX6343" fmla="*/ 792670 w 6858000"/>
              <a:gd name="connsiteY6343" fmla="*/ 1516854 h 6858000"/>
              <a:gd name="connsiteX6344" fmla="*/ 299960 w 6858000"/>
              <a:gd name="connsiteY6344" fmla="*/ 1516854 h 6858000"/>
              <a:gd name="connsiteX6345" fmla="*/ 299960 w 6858000"/>
              <a:gd name="connsiteY6345" fmla="*/ 1517296 h 6858000"/>
              <a:gd name="connsiteX6346" fmla="*/ 300404 w 6858000"/>
              <a:gd name="connsiteY6346" fmla="*/ 1517296 h 6858000"/>
              <a:gd name="connsiteX6347" fmla="*/ 300404 w 6858000"/>
              <a:gd name="connsiteY6347" fmla="*/ 1516854 h 6858000"/>
              <a:gd name="connsiteX6348" fmla="*/ 176902 w 6858000"/>
              <a:gd name="connsiteY6348" fmla="*/ 1516854 h 6858000"/>
              <a:gd name="connsiteX6349" fmla="*/ 176902 w 6858000"/>
              <a:gd name="connsiteY6349" fmla="*/ 1517296 h 6858000"/>
              <a:gd name="connsiteX6350" fmla="*/ 177346 w 6858000"/>
              <a:gd name="connsiteY6350" fmla="*/ 1517296 h 6858000"/>
              <a:gd name="connsiteX6351" fmla="*/ 177346 w 6858000"/>
              <a:gd name="connsiteY6351" fmla="*/ 1516854 h 6858000"/>
              <a:gd name="connsiteX6352" fmla="*/ 53845 w 6858000"/>
              <a:gd name="connsiteY6352" fmla="*/ 1516854 h 6858000"/>
              <a:gd name="connsiteX6353" fmla="*/ 53845 w 6858000"/>
              <a:gd name="connsiteY6353" fmla="*/ 1517296 h 6858000"/>
              <a:gd name="connsiteX6354" fmla="*/ 54289 w 6858000"/>
              <a:gd name="connsiteY6354" fmla="*/ 1517296 h 6858000"/>
              <a:gd name="connsiteX6355" fmla="*/ 54289 w 6858000"/>
              <a:gd name="connsiteY6355" fmla="*/ 1516854 h 6858000"/>
              <a:gd name="connsiteX6356" fmla="*/ 2268729 w 6858000"/>
              <a:gd name="connsiteY6356" fmla="*/ 1516632 h 6858000"/>
              <a:gd name="connsiteX6357" fmla="*/ 2268729 w 6858000"/>
              <a:gd name="connsiteY6357" fmla="*/ 1517480 h 6858000"/>
              <a:gd name="connsiteX6358" fmla="*/ 2269581 w 6858000"/>
              <a:gd name="connsiteY6358" fmla="*/ 1517480 h 6858000"/>
              <a:gd name="connsiteX6359" fmla="*/ 2269581 w 6858000"/>
              <a:gd name="connsiteY6359" fmla="*/ 1516632 h 6858000"/>
              <a:gd name="connsiteX6360" fmla="*/ 2145671 w 6858000"/>
              <a:gd name="connsiteY6360" fmla="*/ 1516632 h 6858000"/>
              <a:gd name="connsiteX6361" fmla="*/ 2145671 w 6858000"/>
              <a:gd name="connsiteY6361" fmla="*/ 1517480 h 6858000"/>
              <a:gd name="connsiteX6362" fmla="*/ 2146523 w 6858000"/>
              <a:gd name="connsiteY6362" fmla="*/ 1517480 h 6858000"/>
              <a:gd name="connsiteX6363" fmla="*/ 2146523 w 6858000"/>
              <a:gd name="connsiteY6363" fmla="*/ 1516632 h 6858000"/>
              <a:gd name="connsiteX6364" fmla="*/ 2022614 w 6858000"/>
              <a:gd name="connsiteY6364" fmla="*/ 1516632 h 6858000"/>
              <a:gd name="connsiteX6365" fmla="*/ 2022614 w 6858000"/>
              <a:gd name="connsiteY6365" fmla="*/ 1517480 h 6858000"/>
              <a:gd name="connsiteX6366" fmla="*/ 2023466 w 6858000"/>
              <a:gd name="connsiteY6366" fmla="*/ 1517480 h 6858000"/>
              <a:gd name="connsiteX6367" fmla="*/ 2023466 w 6858000"/>
              <a:gd name="connsiteY6367" fmla="*/ 1516632 h 6858000"/>
              <a:gd name="connsiteX6368" fmla="*/ 1899557 w 6858000"/>
              <a:gd name="connsiteY6368" fmla="*/ 1516632 h 6858000"/>
              <a:gd name="connsiteX6369" fmla="*/ 1899557 w 6858000"/>
              <a:gd name="connsiteY6369" fmla="*/ 1517480 h 6858000"/>
              <a:gd name="connsiteX6370" fmla="*/ 1900409 w 6858000"/>
              <a:gd name="connsiteY6370" fmla="*/ 1517480 h 6858000"/>
              <a:gd name="connsiteX6371" fmla="*/ 1900409 w 6858000"/>
              <a:gd name="connsiteY6371" fmla="*/ 1516632 h 6858000"/>
              <a:gd name="connsiteX6372" fmla="*/ 1776499 w 6858000"/>
              <a:gd name="connsiteY6372" fmla="*/ 1516632 h 6858000"/>
              <a:gd name="connsiteX6373" fmla="*/ 1776499 w 6858000"/>
              <a:gd name="connsiteY6373" fmla="*/ 1517480 h 6858000"/>
              <a:gd name="connsiteX6374" fmla="*/ 1777351 w 6858000"/>
              <a:gd name="connsiteY6374" fmla="*/ 1517480 h 6858000"/>
              <a:gd name="connsiteX6375" fmla="*/ 1777351 w 6858000"/>
              <a:gd name="connsiteY6375" fmla="*/ 1516632 h 6858000"/>
              <a:gd name="connsiteX6376" fmla="*/ 1653405 w 6858000"/>
              <a:gd name="connsiteY6376" fmla="*/ 1516632 h 6858000"/>
              <a:gd name="connsiteX6377" fmla="*/ 1653405 w 6858000"/>
              <a:gd name="connsiteY6377" fmla="*/ 1517480 h 6858000"/>
              <a:gd name="connsiteX6378" fmla="*/ 1654257 w 6858000"/>
              <a:gd name="connsiteY6378" fmla="*/ 1517480 h 6858000"/>
              <a:gd name="connsiteX6379" fmla="*/ 1654257 w 6858000"/>
              <a:gd name="connsiteY6379" fmla="*/ 1516632 h 6858000"/>
              <a:gd name="connsiteX6380" fmla="*/ 1530348 w 6858000"/>
              <a:gd name="connsiteY6380" fmla="*/ 1516632 h 6858000"/>
              <a:gd name="connsiteX6381" fmla="*/ 1530348 w 6858000"/>
              <a:gd name="connsiteY6381" fmla="*/ 1517480 h 6858000"/>
              <a:gd name="connsiteX6382" fmla="*/ 1531200 w 6858000"/>
              <a:gd name="connsiteY6382" fmla="*/ 1517480 h 6858000"/>
              <a:gd name="connsiteX6383" fmla="*/ 1531200 w 6858000"/>
              <a:gd name="connsiteY6383" fmla="*/ 1516632 h 6858000"/>
              <a:gd name="connsiteX6384" fmla="*/ 1407290 w 6858000"/>
              <a:gd name="connsiteY6384" fmla="*/ 1516632 h 6858000"/>
              <a:gd name="connsiteX6385" fmla="*/ 1407290 w 6858000"/>
              <a:gd name="connsiteY6385" fmla="*/ 1517480 h 6858000"/>
              <a:gd name="connsiteX6386" fmla="*/ 1408142 w 6858000"/>
              <a:gd name="connsiteY6386" fmla="*/ 1517480 h 6858000"/>
              <a:gd name="connsiteX6387" fmla="*/ 1408142 w 6858000"/>
              <a:gd name="connsiteY6387" fmla="*/ 1516632 h 6858000"/>
              <a:gd name="connsiteX6388" fmla="*/ 1284233 w 6858000"/>
              <a:gd name="connsiteY6388" fmla="*/ 1516632 h 6858000"/>
              <a:gd name="connsiteX6389" fmla="*/ 1284233 w 6858000"/>
              <a:gd name="connsiteY6389" fmla="*/ 1517480 h 6858000"/>
              <a:gd name="connsiteX6390" fmla="*/ 1285085 w 6858000"/>
              <a:gd name="connsiteY6390" fmla="*/ 1517480 h 6858000"/>
              <a:gd name="connsiteX6391" fmla="*/ 1285085 w 6858000"/>
              <a:gd name="connsiteY6391" fmla="*/ 1516632 h 6858000"/>
              <a:gd name="connsiteX6392" fmla="*/ 3991790 w 6858000"/>
              <a:gd name="connsiteY6392" fmla="*/ 1393797 h 6858000"/>
              <a:gd name="connsiteX6393" fmla="*/ 3991790 w 6858000"/>
              <a:gd name="connsiteY6393" fmla="*/ 1394235 h 6858000"/>
              <a:gd name="connsiteX6394" fmla="*/ 3992235 w 6858000"/>
              <a:gd name="connsiteY6394" fmla="*/ 1394235 h 6858000"/>
              <a:gd name="connsiteX6395" fmla="*/ 3992235 w 6858000"/>
              <a:gd name="connsiteY6395" fmla="*/ 1393797 h 6858000"/>
              <a:gd name="connsiteX6396" fmla="*/ 3868733 w 6858000"/>
              <a:gd name="connsiteY6396" fmla="*/ 1393797 h 6858000"/>
              <a:gd name="connsiteX6397" fmla="*/ 3868733 w 6858000"/>
              <a:gd name="connsiteY6397" fmla="*/ 1394235 h 6858000"/>
              <a:gd name="connsiteX6398" fmla="*/ 3869177 w 6858000"/>
              <a:gd name="connsiteY6398" fmla="*/ 1394235 h 6858000"/>
              <a:gd name="connsiteX6399" fmla="*/ 3869177 w 6858000"/>
              <a:gd name="connsiteY6399" fmla="*/ 1393797 h 6858000"/>
              <a:gd name="connsiteX6400" fmla="*/ 3745676 w 6858000"/>
              <a:gd name="connsiteY6400" fmla="*/ 1393797 h 6858000"/>
              <a:gd name="connsiteX6401" fmla="*/ 3745676 w 6858000"/>
              <a:gd name="connsiteY6401" fmla="*/ 1394235 h 6858000"/>
              <a:gd name="connsiteX6402" fmla="*/ 3746120 w 6858000"/>
              <a:gd name="connsiteY6402" fmla="*/ 1394235 h 6858000"/>
              <a:gd name="connsiteX6403" fmla="*/ 3746120 w 6858000"/>
              <a:gd name="connsiteY6403" fmla="*/ 1393797 h 6858000"/>
              <a:gd name="connsiteX6404" fmla="*/ 3622618 w 6858000"/>
              <a:gd name="connsiteY6404" fmla="*/ 1393797 h 6858000"/>
              <a:gd name="connsiteX6405" fmla="*/ 3622618 w 6858000"/>
              <a:gd name="connsiteY6405" fmla="*/ 1394235 h 6858000"/>
              <a:gd name="connsiteX6406" fmla="*/ 3623062 w 6858000"/>
              <a:gd name="connsiteY6406" fmla="*/ 1394235 h 6858000"/>
              <a:gd name="connsiteX6407" fmla="*/ 3623062 w 6858000"/>
              <a:gd name="connsiteY6407" fmla="*/ 1393797 h 6858000"/>
              <a:gd name="connsiteX6408" fmla="*/ 3499524 w 6858000"/>
              <a:gd name="connsiteY6408" fmla="*/ 1393797 h 6858000"/>
              <a:gd name="connsiteX6409" fmla="*/ 3499524 w 6858000"/>
              <a:gd name="connsiteY6409" fmla="*/ 1394235 h 6858000"/>
              <a:gd name="connsiteX6410" fmla="*/ 3499968 w 6858000"/>
              <a:gd name="connsiteY6410" fmla="*/ 1394235 h 6858000"/>
              <a:gd name="connsiteX6411" fmla="*/ 3499968 w 6858000"/>
              <a:gd name="connsiteY6411" fmla="*/ 1393797 h 6858000"/>
              <a:gd name="connsiteX6412" fmla="*/ 3376467 w 6858000"/>
              <a:gd name="connsiteY6412" fmla="*/ 1393797 h 6858000"/>
              <a:gd name="connsiteX6413" fmla="*/ 3376467 w 6858000"/>
              <a:gd name="connsiteY6413" fmla="*/ 1394235 h 6858000"/>
              <a:gd name="connsiteX6414" fmla="*/ 3376911 w 6858000"/>
              <a:gd name="connsiteY6414" fmla="*/ 1394235 h 6858000"/>
              <a:gd name="connsiteX6415" fmla="*/ 3376911 w 6858000"/>
              <a:gd name="connsiteY6415" fmla="*/ 1393797 h 6858000"/>
              <a:gd name="connsiteX6416" fmla="*/ 3253409 w 6858000"/>
              <a:gd name="connsiteY6416" fmla="*/ 1393797 h 6858000"/>
              <a:gd name="connsiteX6417" fmla="*/ 3253409 w 6858000"/>
              <a:gd name="connsiteY6417" fmla="*/ 1394235 h 6858000"/>
              <a:gd name="connsiteX6418" fmla="*/ 3253853 w 6858000"/>
              <a:gd name="connsiteY6418" fmla="*/ 1394235 h 6858000"/>
              <a:gd name="connsiteX6419" fmla="*/ 3253853 w 6858000"/>
              <a:gd name="connsiteY6419" fmla="*/ 1393797 h 6858000"/>
              <a:gd name="connsiteX6420" fmla="*/ 3130352 w 6858000"/>
              <a:gd name="connsiteY6420" fmla="*/ 1393797 h 6858000"/>
              <a:gd name="connsiteX6421" fmla="*/ 3130352 w 6858000"/>
              <a:gd name="connsiteY6421" fmla="*/ 1394235 h 6858000"/>
              <a:gd name="connsiteX6422" fmla="*/ 3130796 w 6858000"/>
              <a:gd name="connsiteY6422" fmla="*/ 1394235 h 6858000"/>
              <a:gd name="connsiteX6423" fmla="*/ 3130796 w 6858000"/>
              <a:gd name="connsiteY6423" fmla="*/ 1393797 h 6858000"/>
              <a:gd name="connsiteX6424" fmla="*/ 3007295 w 6858000"/>
              <a:gd name="connsiteY6424" fmla="*/ 1393797 h 6858000"/>
              <a:gd name="connsiteX6425" fmla="*/ 3007295 w 6858000"/>
              <a:gd name="connsiteY6425" fmla="*/ 1394235 h 6858000"/>
              <a:gd name="connsiteX6426" fmla="*/ 3007739 w 6858000"/>
              <a:gd name="connsiteY6426" fmla="*/ 1394235 h 6858000"/>
              <a:gd name="connsiteX6427" fmla="*/ 3007739 w 6858000"/>
              <a:gd name="connsiteY6427" fmla="*/ 1393797 h 6858000"/>
              <a:gd name="connsiteX6428" fmla="*/ 2884238 w 6858000"/>
              <a:gd name="connsiteY6428" fmla="*/ 1393797 h 6858000"/>
              <a:gd name="connsiteX6429" fmla="*/ 2884238 w 6858000"/>
              <a:gd name="connsiteY6429" fmla="*/ 1394235 h 6858000"/>
              <a:gd name="connsiteX6430" fmla="*/ 2884682 w 6858000"/>
              <a:gd name="connsiteY6430" fmla="*/ 1394235 h 6858000"/>
              <a:gd name="connsiteX6431" fmla="*/ 2884682 w 6858000"/>
              <a:gd name="connsiteY6431" fmla="*/ 1393797 h 6858000"/>
              <a:gd name="connsiteX6432" fmla="*/ 2761180 w 6858000"/>
              <a:gd name="connsiteY6432" fmla="*/ 1393797 h 6858000"/>
              <a:gd name="connsiteX6433" fmla="*/ 2761180 w 6858000"/>
              <a:gd name="connsiteY6433" fmla="*/ 1394235 h 6858000"/>
              <a:gd name="connsiteX6434" fmla="*/ 2761624 w 6858000"/>
              <a:gd name="connsiteY6434" fmla="*/ 1394235 h 6858000"/>
              <a:gd name="connsiteX6435" fmla="*/ 2761624 w 6858000"/>
              <a:gd name="connsiteY6435" fmla="*/ 1393797 h 6858000"/>
              <a:gd name="connsiteX6436" fmla="*/ 2638123 w 6858000"/>
              <a:gd name="connsiteY6436" fmla="*/ 1393797 h 6858000"/>
              <a:gd name="connsiteX6437" fmla="*/ 2638123 w 6858000"/>
              <a:gd name="connsiteY6437" fmla="*/ 1394235 h 6858000"/>
              <a:gd name="connsiteX6438" fmla="*/ 2638567 w 6858000"/>
              <a:gd name="connsiteY6438" fmla="*/ 1394235 h 6858000"/>
              <a:gd name="connsiteX6439" fmla="*/ 2638567 w 6858000"/>
              <a:gd name="connsiteY6439" fmla="*/ 1393797 h 6858000"/>
              <a:gd name="connsiteX6440" fmla="*/ 2515066 w 6858000"/>
              <a:gd name="connsiteY6440" fmla="*/ 1393797 h 6858000"/>
              <a:gd name="connsiteX6441" fmla="*/ 2515066 w 6858000"/>
              <a:gd name="connsiteY6441" fmla="*/ 1394235 h 6858000"/>
              <a:gd name="connsiteX6442" fmla="*/ 2515510 w 6858000"/>
              <a:gd name="connsiteY6442" fmla="*/ 1394235 h 6858000"/>
              <a:gd name="connsiteX6443" fmla="*/ 2515510 w 6858000"/>
              <a:gd name="connsiteY6443" fmla="*/ 1393797 h 6858000"/>
              <a:gd name="connsiteX6444" fmla="*/ 2392008 w 6858000"/>
              <a:gd name="connsiteY6444" fmla="*/ 1393797 h 6858000"/>
              <a:gd name="connsiteX6445" fmla="*/ 2392008 w 6858000"/>
              <a:gd name="connsiteY6445" fmla="*/ 1394235 h 6858000"/>
              <a:gd name="connsiteX6446" fmla="*/ 2392452 w 6858000"/>
              <a:gd name="connsiteY6446" fmla="*/ 1394235 h 6858000"/>
              <a:gd name="connsiteX6447" fmla="*/ 2392452 w 6858000"/>
              <a:gd name="connsiteY6447" fmla="*/ 1393797 h 6858000"/>
              <a:gd name="connsiteX6448" fmla="*/ 2268951 w 6858000"/>
              <a:gd name="connsiteY6448" fmla="*/ 1393797 h 6858000"/>
              <a:gd name="connsiteX6449" fmla="*/ 2268951 w 6858000"/>
              <a:gd name="connsiteY6449" fmla="*/ 1394235 h 6858000"/>
              <a:gd name="connsiteX6450" fmla="*/ 2269395 w 6858000"/>
              <a:gd name="connsiteY6450" fmla="*/ 1394235 h 6858000"/>
              <a:gd name="connsiteX6451" fmla="*/ 2269395 w 6858000"/>
              <a:gd name="connsiteY6451" fmla="*/ 1393797 h 6858000"/>
              <a:gd name="connsiteX6452" fmla="*/ 2145894 w 6858000"/>
              <a:gd name="connsiteY6452" fmla="*/ 1393797 h 6858000"/>
              <a:gd name="connsiteX6453" fmla="*/ 2145894 w 6858000"/>
              <a:gd name="connsiteY6453" fmla="*/ 1394235 h 6858000"/>
              <a:gd name="connsiteX6454" fmla="*/ 2146338 w 6858000"/>
              <a:gd name="connsiteY6454" fmla="*/ 1394235 h 6858000"/>
              <a:gd name="connsiteX6455" fmla="*/ 2146338 w 6858000"/>
              <a:gd name="connsiteY6455" fmla="*/ 1393797 h 6858000"/>
              <a:gd name="connsiteX6456" fmla="*/ 2022836 w 6858000"/>
              <a:gd name="connsiteY6456" fmla="*/ 1393797 h 6858000"/>
              <a:gd name="connsiteX6457" fmla="*/ 2022836 w 6858000"/>
              <a:gd name="connsiteY6457" fmla="*/ 1394235 h 6858000"/>
              <a:gd name="connsiteX6458" fmla="*/ 2023280 w 6858000"/>
              <a:gd name="connsiteY6458" fmla="*/ 1394235 h 6858000"/>
              <a:gd name="connsiteX6459" fmla="*/ 2023280 w 6858000"/>
              <a:gd name="connsiteY6459" fmla="*/ 1393797 h 6858000"/>
              <a:gd name="connsiteX6460" fmla="*/ 1899742 w 6858000"/>
              <a:gd name="connsiteY6460" fmla="*/ 1393797 h 6858000"/>
              <a:gd name="connsiteX6461" fmla="*/ 1899742 w 6858000"/>
              <a:gd name="connsiteY6461" fmla="*/ 1394235 h 6858000"/>
              <a:gd name="connsiteX6462" fmla="*/ 1900186 w 6858000"/>
              <a:gd name="connsiteY6462" fmla="*/ 1394235 h 6858000"/>
              <a:gd name="connsiteX6463" fmla="*/ 1900186 w 6858000"/>
              <a:gd name="connsiteY6463" fmla="*/ 1393797 h 6858000"/>
              <a:gd name="connsiteX6464" fmla="*/ 1776685 w 6858000"/>
              <a:gd name="connsiteY6464" fmla="*/ 1393797 h 6858000"/>
              <a:gd name="connsiteX6465" fmla="*/ 1776685 w 6858000"/>
              <a:gd name="connsiteY6465" fmla="*/ 1394235 h 6858000"/>
              <a:gd name="connsiteX6466" fmla="*/ 1777129 w 6858000"/>
              <a:gd name="connsiteY6466" fmla="*/ 1394235 h 6858000"/>
              <a:gd name="connsiteX6467" fmla="*/ 1777129 w 6858000"/>
              <a:gd name="connsiteY6467" fmla="*/ 1393797 h 6858000"/>
              <a:gd name="connsiteX6468" fmla="*/ 1653627 w 6858000"/>
              <a:gd name="connsiteY6468" fmla="*/ 1393797 h 6858000"/>
              <a:gd name="connsiteX6469" fmla="*/ 1653627 w 6858000"/>
              <a:gd name="connsiteY6469" fmla="*/ 1394235 h 6858000"/>
              <a:gd name="connsiteX6470" fmla="*/ 1654071 w 6858000"/>
              <a:gd name="connsiteY6470" fmla="*/ 1394235 h 6858000"/>
              <a:gd name="connsiteX6471" fmla="*/ 1654071 w 6858000"/>
              <a:gd name="connsiteY6471" fmla="*/ 1393797 h 6858000"/>
              <a:gd name="connsiteX6472" fmla="*/ 1530570 w 6858000"/>
              <a:gd name="connsiteY6472" fmla="*/ 1393797 h 6858000"/>
              <a:gd name="connsiteX6473" fmla="*/ 1530570 w 6858000"/>
              <a:gd name="connsiteY6473" fmla="*/ 1394235 h 6858000"/>
              <a:gd name="connsiteX6474" fmla="*/ 1531014 w 6858000"/>
              <a:gd name="connsiteY6474" fmla="*/ 1394235 h 6858000"/>
              <a:gd name="connsiteX6475" fmla="*/ 1531014 w 6858000"/>
              <a:gd name="connsiteY6475" fmla="*/ 1393797 h 6858000"/>
              <a:gd name="connsiteX6476" fmla="*/ 1407513 w 6858000"/>
              <a:gd name="connsiteY6476" fmla="*/ 1393797 h 6858000"/>
              <a:gd name="connsiteX6477" fmla="*/ 1407513 w 6858000"/>
              <a:gd name="connsiteY6477" fmla="*/ 1394235 h 6858000"/>
              <a:gd name="connsiteX6478" fmla="*/ 1407957 w 6858000"/>
              <a:gd name="connsiteY6478" fmla="*/ 1394235 h 6858000"/>
              <a:gd name="connsiteX6479" fmla="*/ 1407957 w 6858000"/>
              <a:gd name="connsiteY6479" fmla="*/ 1393797 h 6858000"/>
              <a:gd name="connsiteX6480" fmla="*/ 1284455 w 6858000"/>
              <a:gd name="connsiteY6480" fmla="*/ 1393797 h 6858000"/>
              <a:gd name="connsiteX6481" fmla="*/ 1284455 w 6858000"/>
              <a:gd name="connsiteY6481" fmla="*/ 1394235 h 6858000"/>
              <a:gd name="connsiteX6482" fmla="*/ 1284899 w 6858000"/>
              <a:gd name="connsiteY6482" fmla="*/ 1394235 h 6858000"/>
              <a:gd name="connsiteX6483" fmla="*/ 1284899 w 6858000"/>
              <a:gd name="connsiteY6483" fmla="*/ 1393797 h 6858000"/>
              <a:gd name="connsiteX6484" fmla="*/ 1161398 w 6858000"/>
              <a:gd name="connsiteY6484" fmla="*/ 1393797 h 6858000"/>
              <a:gd name="connsiteX6485" fmla="*/ 1161398 w 6858000"/>
              <a:gd name="connsiteY6485" fmla="*/ 1394235 h 6858000"/>
              <a:gd name="connsiteX6486" fmla="*/ 1161842 w 6858000"/>
              <a:gd name="connsiteY6486" fmla="*/ 1394235 h 6858000"/>
              <a:gd name="connsiteX6487" fmla="*/ 1161842 w 6858000"/>
              <a:gd name="connsiteY6487" fmla="*/ 1393797 h 6858000"/>
              <a:gd name="connsiteX6488" fmla="*/ 1038341 w 6858000"/>
              <a:gd name="connsiteY6488" fmla="*/ 1393797 h 6858000"/>
              <a:gd name="connsiteX6489" fmla="*/ 1038341 w 6858000"/>
              <a:gd name="connsiteY6489" fmla="*/ 1394235 h 6858000"/>
              <a:gd name="connsiteX6490" fmla="*/ 1038785 w 6858000"/>
              <a:gd name="connsiteY6490" fmla="*/ 1394235 h 6858000"/>
              <a:gd name="connsiteX6491" fmla="*/ 1038785 w 6858000"/>
              <a:gd name="connsiteY6491" fmla="*/ 1393797 h 6858000"/>
              <a:gd name="connsiteX6492" fmla="*/ 915283 w 6858000"/>
              <a:gd name="connsiteY6492" fmla="*/ 1393797 h 6858000"/>
              <a:gd name="connsiteX6493" fmla="*/ 915283 w 6858000"/>
              <a:gd name="connsiteY6493" fmla="*/ 1394235 h 6858000"/>
              <a:gd name="connsiteX6494" fmla="*/ 915727 w 6858000"/>
              <a:gd name="connsiteY6494" fmla="*/ 1394235 h 6858000"/>
              <a:gd name="connsiteX6495" fmla="*/ 915727 w 6858000"/>
              <a:gd name="connsiteY6495" fmla="*/ 1393797 h 6858000"/>
              <a:gd name="connsiteX6496" fmla="*/ 792226 w 6858000"/>
              <a:gd name="connsiteY6496" fmla="*/ 1393797 h 6858000"/>
              <a:gd name="connsiteX6497" fmla="*/ 792226 w 6858000"/>
              <a:gd name="connsiteY6497" fmla="*/ 1394235 h 6858000"/>
              <a:gd name="connsiteX6498" fmla="*/ 792670 w 6858000"/>
              <a:gd name="connsiteY6498" fmla="*/ 1394235 h 6858000"/>
              <a:gd name="connsiteX6499" fmla="*/ 792670 w 6858000"/>
              <a:gd name="connsiteY6499" fmla="*/ 1393797 h 6858000"/>
              <a:gd name="connsiteX6500" fmla="*/ 53845 w 6858000"/>
              <a:gd name="connsiteY6500" fmla="*/ 1393797 h 6858000"/>
              <a:gd name="connsiteX6501" fmla="*/ 53845 w 6858000"/>
              <a:gd name="connsiteY6501" fmla="*/ 1394235 h 6858000"/>
              <a:gd name="connsiteX6502" fmla="*/ 54289 w 6858000"/>
              <a:gd name="connsiteY6502" fmla="*/ 1394235 h 6858000"/>
              <a:gd name="connsiteX6503" fmla="*/ 54289 w 6858000"/>
              <a:gd name="connsiteY6503" fmla="*/ 1393797 h 6858000"/>
              <a:gd name="connsiteX6504" fmla="*/ 3745676 w 6858000"/>
              <a:gd name="connsiteY6504" fmla="*/ 1270739 h 6858000"/>
              <a:gd name="connsiteX6505" fmla="*/ 3745676 w 6858000"/>
              <a:gd name="connsiteY6505" fmla="*/ 1271180 h 6858000"/>
              <a:gd name="connsiteX6506" fmla="*/ 3746120 w 6858000"/>
              <a:gd name="connsiteY6506" fmla="*/ 1271180 h 6858000"/>
              <a:gd name="connsiteX6507" fmla="*/ 3746120 w 6858000"/>
              <a:gd name="connsiteY6507" fmla="*/ 1270739 h 6858000"/>
              <a:gd name="connsiteX6508" fmla="*/ 3622618 w 6858000"/>
              <a:gd name="connsiteY6508" fmla="*/ 1270739 h 6858000"/>
              <a:gd name="connsiteX6509" fmla="*/ 3622618 w 6858000"/>
              <a:gd name="connsiteY6509" fmla="*/ 1271180 h 6858000"/>
              <a:gd name="connsiteX6510" fmla="*/ 3623062 w 6858000"/>
              <a:gd name="connsiteY6510" fmla="*/ 1271180 h 6858000"/>
              <a:gd name="connsiteX6511" fmla="*/ 3623062 w 6858000"/>
              <a:gd name="connsiteY6511" fmla="*/ 1270739 h 6858000"/>
              <a:gd name="connsiteX6512" fmla="*/ 3499524 w 6858000"/>
              <a:gd name="connsiteY6512" fmla="*/ 1270739 h 6858000"/>
              <a:gd name="connsiteX6513" fmla="*/ 3499524 w 6858000"/>
              <a:gd name="connsiteY6513" fmla="*/ 1271180 h 6858000"/>
              <a:gd name="connsiteX6514" fmla="*/ 3499968 w 6858000"/>
              <a:gd name="connsiteY6514" fmla="*/ 1271180 h 6858000"/>
              <a:gd name="connsiteX6515" fmla="*/ 3499968 w 6858000"/>
              <a:gd name="connsiteY6515" fmla="*/ 1270739 h 6858000"/>
              <a:gd name="connsiteX6516" fmla="*/ 3376467 w 6858000"/>
              <a:gd name="connsiteY6516" fmla="*/ 1270739 h 6858000"/>
              <a:gd name="connsiteX6517" fmla="*/ 3376467 w 6858000"/>
              <a:gd name="connsiteY6517" fmla="*/ 1271180 h 6858000"/>
              <a:gd name="connsiteX6518" fmla="*/ 3376911 w 6858000"/>
              <a:gd name="connsiteY6518" fmla="*/ 1271180 h 6858000"/>
              <a:gd name="connsiteX6519" fmla="*/ 3376911 w 6858000"/>
              <a:gd name="connsiteY6519" fmla="*/ 1270739 h 6858000"/>
              <a:gd name="connsiteX6520" fmla="*/ 3253409 w 6858000"/>
              <a:gd name="connsiteY6520" fmla="*/ 1270739 h 6858000"/>
              <a:gd name="connsiteX6521" fmla="*/ 3253409 w 6858000"/>
              <a:gd name="connsiteY6521" fmla="*/ 1271180 h 6858000"/>
              <a:gd name="connsiteX6522" fmla="*/ 3253853 w 6858000"/>
              <a:gd name="connsiteY6522" fmla="*/ 1271180 h 6858000"/>
              <a:gd name="connsiteX6523" fmla="*/ 3253853 w 6858000"/>
              <a:gd name="connsiteY6523" fmla="*/ 1270739 h 6858000"/>
              <a:gd name="connsiteX6524" fmla="*/ 3130352 w 6858000"/>
              <a:gd name="connsiteY6524" fmla="*/ 1270739 h 6858000"/>
              <a:gd name="connsiteX6525" fmla="*/ 3130352 w 6858000"/>
              <a:gd name="connsiteY6525" fmla="*/ 1271180 h 6858000"/>
              <a:gd name="connsiteX6526" fmla="*/ 3130796 w 6858000"/>
              <a:gd name="connsiteY6526" fmla="*/ 1271180 h 6858000"/>
              <a:gd name="connsiteX6527" fmla="*/ 3130796 w 6858000"/>
              <a:gd name="connsiteY6527" fmla="*/ 1270739 h 6858000"/>
              <a:gd name="connsiteX6528" fmla="*/ 3007295 w 6858000"/>
              <a:gd name="connsiteY6528" fmla="*/ 1270739 h 6858000"/>
              <a:gd name="connsiteX6529" fmla="*/ 3007295 w 6858000"/>
              <a:gd name="connsiteY6529" fmla="*/ 1271180 h 6858000"/>
              <a:gd name="connsiteX6530" fmla="*/ 3007739 w 6858000"/>
              <a:gd name="connsiteY6530" fmla="*/ 1271180 h 6858000"/>
              <a:gd name="connsiteX6531" fmla="*/ 3007739 w 6858000"/>
              <a:gd name="connsiteY6531" fmla="*/ 1270739 h 6858000"/>
              <a:gd name="connsiteX6532" fmla="*/ 2884238 w 6858000"/>
              <a:gd name="connsiteY6532" fmla="*/ 1270739 h 6858000"/>
              <a:gd name="connsiteX6533" fmla="*/ 2884238 w 6858000"/>
              <a:gd name="connsiteY6533" fmla="*/ 1271180 h 6858000"/>
              <a:gd name="connsiteX6534" fmla="*/ 2884682 w 6858000"/>
              <a:gd name="connsiteY6534" fmla="*/ 1271180 h 6858000"/>
              <a:gd name="connsiteX6535" fmla="*/ 2884682 w 6858000"/>
              <a:gd name="connsiteY6535" fmla="*/ 1270739 h 6858000"/>
              <a:gd name="connsiteX6536" fmla="*/ 2761180 w 6858000"/>
              <a:gd name="connsiteY6536" fmla="*/ 1270739 h 6858000"/>
              <a:gd name="connsiteX6537" fmla="*/ 2761180 w 6858000"/>
              <a:gd name="connsiteY6537" fmla="*/ 1271180 h 6858000"/>
              <a:gd name="connsiteX6538" fmla="*/ 2761624 w 6858000"/>
              <a:gd name="connsiteY6538" fmla="*/ 1271180 h 6858000"/>
              <a:gd name="connsiteX6539" fmla="*/ 2761624 w 6858000"/>
              <a:gd name="connsiteY6539" fmla="*/ 1270739 h 6858000"/>
              <a:gd name="connsiteX6540" fmla="*/ 2638123 w 6858000"/>
              <a:gd name="connsiteY6540" fmla="*/ 1270739 h 6858000"/>
              <a:gd name="connsiteX6541" fmla="*/ 2638123 w 6858000"/>
              <a:gd name="connsiteY6541" fmla="*/ 1271180 h 6858000"/>
              <a:gd name="connsiteX6542" fmla="*/ 2638567 w 6858000"/>
              <a:gd name="connsiteY6542" fmla="*/ 1271180 h 6858000"/>
              <a:gd name="connsiteX6543" fmla="*/ 2638567 w 6858000"/>
              <a:gd name="connsiteY6543" fmla="*/ 1270739 h 6858000"/>
              <a:gd name="connsiteX6544" fmla="*/ 2515066 w 6858000"/>
              <a:gd name="connsiteY6544" fmla="*/ 1270739 h 6858000"/>
              <a:gd name="connsiteX6545" fmla="*/ 2515066 w 6858000"/>
              <a:gd name="connsiteY6545" fmla="*/ 1271180 h 6858000"/>
              <a:gd name="connsiteX6546" fmla="*/ 2515510 w 6858000"/>
              <a:gd name="connsiteY6546" fmla="*/ 1271180 h 6858000"/>
              <a:gd name="connsiteX6547" fmla="*/ 2515510 w 6858000"/>
              <a:gd name="connsiteY6547" fmla="*/ 1270739 h 6858000"/>
              <a:gd name="connsiteX6548" fmla="*/ 2392008 w 6858000"/>
              <a:gd name="connsiteY6548" fmla="*/ 1270739 h 6858000"/>
              <a:gd name="connsiteX6549" fmla="*/ 2392008 w 6858000"/>
              <a:gd name="connsiteY6549" fmla="*/ 1271180 h 6858000"/>
              <a:gd name="connsiteX6550" fmla="*/ 2392452 w 6858000"/>
              <a:gd name="connsiteY6550" fmla="*/ 1271180 h 6858000"/>
              <a:gd name="connsiteX6551" fmla="*/ 2392452 w 6858000"/>
              <a:gd name="connsiteY6551" fmla="*/ 1270739 h 6858000"/>
              <a:gd name="connsiteX6552" fmla="*/ 2268951 w 6858000"/>
              <a:gd name="connsiteY6552" fmla="*/ 1270739 h 6858000"/>
              <a:gd name="connsiteX6553" fmla="*/ 2268951 w 6858000"/>
              <a:gd name="connsiteY6553" fmla="*/ 1271180 h 6858000"/>
              <a:gd name="connsiteX6554" fmla="*/ 2269395 w 6858000"/>
              <a:gd name="connsiteY6554" fmla="*/ 1271180 h 6858000"/>
              <a:gd name="connsiteX6555" fmla="*/ 2269395 w 6858000"/>
              <a:gd name="connsiteY6555" fmla="*/ 1270739 h 6858000"/>
              <a:gd name="connsiteX6556" fmla="*/ 2145894 w 6858000"/>
              <a:gd name="connsiteY6556" fmla="*/ 1270739 h 6858000"/>
              <a:gd name="connsiteX6557" fmla="*/ 2145894 w 6858000"/>
              <a:gd name="connsiteY6557" fmla="*/ 1271180 h 6858000"/>
              <a:gd name="connsiteX6558" fmla="*/ 2146338 w 6858000"/>
              <a:gd name="connsiteY6558" fmla="*/ 1271180 h 6858000"/>
              <a:gd name="connsiteX6559" fmla="*/ 2146338 w 6858000"/>
              <a:gd name="connsiteY6559" fmla="*/ 1270739 h 6858000"/>
              <a:gd name="connsiteX6560" fmla="*/ 2022836 w 6858000"/>
              <a:gd name="connsiteY6560" fmla="*/ 1270739 h 6858000"/>
              <a:gd name="connsiteX6561" fmla="*/ 2022836 w 6858000"/>
              <a:gd name="connsiteY6561" fmla="*/ 1271180 h 6858000"/>
              <a:gd name="connsiteX6562" fmla="*/ 2023280 w 6858000"/>
              <a:gd name="connsiteY6562" fmla="*/ 1271180 h 6858000"/>
              <a:gd name="connsiteX6563" fmla="*/ 2023280 w 6858000"/>
              <a:gd name="connsiteY6563" fmla="*/ 1270739 h 6858000"/>
              <a:gd name="connsiteX6564" fmla="*/ 1899742 w 6858000"/>
              <a:gd name="connsiteY6564" fmla="*/ 1270739 h 6858000"/>
              <a:gd name="connsiteX6565" fmla="*/ 1899742 w 6858000"/>
              <a:gd name="connsiteY6565" fmla="*/ 1271180 h 6858000"/>
              <a:gd name="connsiteX6566" fmla="*/ 1900186 w 6858000"/>
              <a:gd name="connsiteY6566" fmla="*/ 1271180 h 6858000"/>
              <a:gd name="connsiteX6567" fmla="*/ 1900186 w 6858000"/>
              <a:gd name="connsiteY6567" fmla="*/ 1270739 h 6858000"/>
              <a:gd name="connsiteX6568" fmla="*/ 1776685 w 6858000"/>
              <a:gd name="connsiteY6568" fmla="*/ 1270739 h 6858000"/>
              <a:gd name="connsiteX6569" fmla="*/ 1776685 w 6858000"/>
              <a:gd name="connsiteY6569" fmla="*/ 1271180 h 6858000"/>
              <a:gd name="connsiteX6570" fmla="*/ 1777129 w 6858000"/>
              <a:gd name="connsiteY6570" fmla="*/ 1271180 h 6858000"/>
              <a:gd name="connsiteX6571" fmla="*/ 1777129 w 6858000"/>
              <a:gd name="connsiteY6571" fmla="*/ 1270739 h 6858000"/>
              <a:gd name="connsiteX6572" fmla="*/ 1653627 w 6858000"/>
              <a:gd name="connsiteY6572" fmla="*/ 1270739 h 6858000"/>
              <a:gd name="connsiteX6573" fmla="*/ 1653627 w 6858000"/>
              <a:gd name="connsiteY6573" fmla="*/ 1271180 h 6858000"/>
              <a:gd name="connsiteX6574" fmla="*/ 1654071 w 6858000"/>
              <a:gd name="connsiteY6574" fmla="*/ 1271180 h 6858000"/>
              <a:gd name="connsiteX6575" fmla="*/ 1654071 w 6858000"/>
              <a:gd name="connsiteY6575" fmla="*/ 1270739 h 6858000"/>
              <a:gd name="connsiteX6576" fmla="*/ 1530570 w 6858000"/>
              <a:gd name="connsiteY6576" fmla="*/ 1270739 h 6858000"/>
              <a:gd name="connsiteX6577" fmla="*/ 1530570 w 6858000"/>
              <a:gd name="connsiteY6577" fmla="*/ 1271180 h 6858000"/>
              <a:gd name="connsiteX6578" fmla="*/ 1531014 w 6858000"/>
              <a:gd name="connsiteY6578" fmla="*/ 1271180 h 6858000"/>
              <a:gd name="connsiteX6579" fmla="*/ 1531014 w 6858000"/>
              <a:gd name="connsiteY6579" fmla="*/ 1270739 h 6858000"/>
              <a:gd name="connsiteX6580" fmla="*/ 1407513 w 6858000"/>
              <a:gd name="connsiteY6580" fmla="*/ 1270739 h 6858000"/>
              <a:gd name="connsiteX6581" fmla="*/ 1407513 w 6858000"/>
              <a:gd name="connsiteY6581" fmla="*/ 1271180 h 6858000"/>
              <a:gd name="connsiteX6582" fmla="*/ 1407957 w 6858000"/>
              <a:gd name="connsiteY6582" fmla="*/ 1271180 h 6858000"/>
              <a:gd name="connsiteX6583" fmla="*/ 1407957 w 6858000"/>
              <a:gd name="connsiteY6583" fmla="*/ 1270739 h 6858000"/>
              <a:gd name="connsiteX6584" fmla="*/ 1284455 w 6858000"/>
              <a:gd name="connsiteY6584" fmla="*/ 1270739 h 6858000"/>
              <a:gd name="connsiteX6585" fmla="*/ 1284455 w 6858000"/>
              <a:gd name="connsiteY6585" fmla="*/ 1271180 h 6858000"/>
              <a:gd name="connsiteX6586" fmla="*/ 1284899 w 6858000"/>
              <a:gd name="connsiteY6586" fmla="*/ 1271180 h 6858000"/>
              <a:gd name="connsiteX6587" fmla="*/ 1284899 w 6858000"/>
              <a:gd name="connsiteY6587" fmla="*/ 1270739 h 6858000"/>
              <a:gd name="connsiteX6588" fmla="*/ 1161398 w 6858000"/>
              <a:gd name="connsiteY6588" fmla="*/ 1270739 h 6858000"/>
              <a:gd name="connsiteX6589" fmla="*/ 1161398 w 6858000"/>
              <a:gd name="connsiteY6589" fmla="*/ 1271180 h 6858000"/>
              <a:gd name="connsiteX6590" fmla="*/ 1161842 w 6858000"/>
              <a:gd name="connsiteY6590" fmla="*/ 1271180 h 6858000"/>
              <a:gd name="connsiteX6591" fmla="*/ 1161842 w 6858000"/>
              <a:gd name="connsiteY6591" fmla="*/ 1270739 h 6858000"/>
              <a:gd name="connsiteX6592" fmla="*/ 1038341 w 6858000"/>
              <a:gd name="connsiteY6592" fmla="*/ 1270739 h 6858000"/>
              <a:gd name="connsiteX6593" fmla="*/ 1038341 w 6858000"/>
              <a:gd name="connsiteY6593" fmla="*/ 1271180 h 6858000"/>
              <a:gd name="connsiteX6594" fmla="*/ 1038785 w 6858000"/>
              <a:gd name="connsiteY6594" fmla="*/ 1271180 h 6858000"/>
              <a:gd name="connsiteX6595" fmla="*/ 1038785 w 6858000"/>
              <a:gd name="connsiteY6595" fmla="*/ 1270739 h 6858000"/>
              <a:gd name="connsiteX6596" fmla="*/ 915283 w 6858000"/>
              <a:gd name="connsiteY6596" fmla="*/ 1270739 h 6858000"/>
              <a:gd name="connsiteX6597" fmla="*/ 915283 w 6858000"/>
              <a:gd name="connsiteY6597" fmla="*/ 1271180 h 6858000"/>
              <a:gd name="connsiteX6598" fmla="*/ 915727 w 6858000"/>
              <a:gd name="connsiteY6598" fmla="*/ 1271180 h 6858000"/>
              <a:gd name="connsiteX6599" fmla="*/ 915727 w 6858000"/>
              <a:gd name="connsiteY6599" fmla="*/ 1270739 h 6858000"/>
              <a:gd name="connsiteX6600" fmla="*/ 3745676 w 6858000"/>
              <a:gd name="connsiteY6600" fmla="*/ 1147675 h 6858000"/>
              <a:gd name="connsiteX6601" fmla="*/ 3745676 w 6858000"/>
              <a:gd name="connsiteY6601" fmla="*/ 1148121 h 6858000"/>
              <a:gd name="connsiteX6602" fmla="*/ 3746120 w 6858000"/>
              <a:gd name="connsiteY6602" fmla="*/ 1148121 h 6858000"/>
              <a:gd name="connsiteX6603" fmla="*/ 3746120 w 6858000"/>
              <a:gd name="connsiteY6603" fmla="*/ 1147675 h 6858000"/>
              <a:gd name="connsiteX6604" fmla="*/ 3622618 w 6858000"/>
              <a:gd name="connsiteY6604" fmla="*/ 1147675 h 6858000"/>
              <a:gd name="connsiteX6605" fmla="*/ 3622618 w 6858000"/>
              <a:gd name="connsiteY6605" fmla="*/ 1148121 h 6858000"/>
              <a:gd name="connsiteX6606" fmla="*/ 3623062 w 6858000"/>
              <a:gd name="connsiteY6606" fmla="*/ 1148121 h 6858000"/>
              <a:gd name="connsiteX6607" fmla="*/ 3623062 w 6858000"/>
              <a:gd name="connsiteY6607" fmla="*/ 1147675 h 6858000"/>
              <a:gd name="connsiteX6608" fmla="*/ 3499524 w 6858000"/>
              <a:gd name="connsiteY6608" fmla="*/ 1147675 h 6858000"/>
              <a:gd name="connsiteX6609" fmla="*/ 3499524 w 6858000"/>
              <a:gd name="connsiteY6609" fmla="*/ 1148121 h 6858000"/>
              <a:gd name="connsiteX6610" fmla="*/ 3499968 w 6858000"/>
              <a:gd name="connsiteY6610" fmla="*/ 1148121 h 6858000"/>
              <a:gd name="connsiteX6611" fmla="*/ 3499968 w 6858000"/>
              <a:gd name="connsiteY6611" fmla="*/ 1147675 h 6858000"/>
              <a:gd name="connsiteX6612" fmla="*/ 3376467 w 6858000"/>
              <a:gd name="connsiteY6612" fmla="*/ 1147675 h 6858000"/>
              <a:gd name="connsiteX6613" fmla="*/ 3376467 w 6858000"/>
              <a:gd name="connsiteY6613" fmla="*/ 1148121 h 6858000"/>
              <a:gd name="connsiteX6614" fmla="*/ 3376911 w 6858000"/>
              <a:gd name="connsiteY6614" fmla="*/ 1148121 h 6858000"/>
              <a:gd name="connsiteX6615" fmla="*/ 3376911 w 6858000"/>
              <a:gd name="connsiteY6615" fmla="*/ 1147675 h 6858000"/>
              <a:gd name="connsiteX6616" fmla="*/ 3253409 w 6858000"/>
              <a:gd name="connsiteY6616" fmla="*/ 1147675 h 6858000"/>
              <a:gd name="connsiteX6617" fmla="*/ 3253409 w 6858000"/>
              <a:gd name="connsiteY6617" fmla="*/ 1148121 h 6858000"/>
              <a:gd name="connsiteX6618" fmla="*/ 3253853 w 6858000"/>
              <a:gd name="connsiteY6618" fmla="*/ 1148121 h 6858000"/>
              <a:gd name="connsiteX6619" fmla="*/ 3253853 w 6858000"/>
              <a:gd name="connsiteY6619" fmla="*/ 1147675 h 6858000"/>
              <a:gd name="connsiteX6620" fmla="*/ 3130352 w 6858000"/>
              <a:gd name="connsiteY6620" fmla="*/ 1147675 h 6858000"/>
              <a:gd name="connsiteX6621" fmla="*/ 3130352 w 6858000"/>
              <a:gd name="connsiteY6621" fmla="*/ 1148121 h 6858000"/>
              <a:gd name="connsiteX6622" fmla="*/ 3130796 w 6858000"/>
              <a:gd name="connsiteY6622" fmla="*/ 1148121 h 6858000"/>
              <a:gd name="connsiteX6623" fmla="*/ 3130796 w 6858000"/>
              <a:gd name="connsiteY6623" fmla="*/ 1147675 h 6858000"/>
              <a:gd name="connsiteX6624" fmla="*/ 3007295 w 6858000"/>
              <a:gd name="connsiteY6624" fmla="*/ 1147675 h 6858000"/>
              <a:gd name="connsiteX6625" fmla="*/ 3007295 w 6858000"/>
              <a:gd name="connsiteY6625" fmla="*/ 1148121 h 6858000"/>
              <a:gd name="connsiteX6626" fmla="*/ 3007739 w 6858000"/>
              <a:gd name="connsiteY6626" fmla="*/ 1148121 h 6858000"/>
              <a:gd name="connsiteX6627" fmla="*/ 3007739 w 6858000"/>
              <a:gd name="connsiteY6627" fmla="*/ 1147675 h 6858000"/>
              <a:gd name="connsiteX6628" fmla="*/ 2884238 w 6858000"/>
              <a:gd name="connsiteY6628" fmla="*/ 1147675 h 6858000"/>
              <a:gd name="connsiteX6629" fmla="*/ 2884238 w 6858000"/>
              <a:gd name="connsiteY6629" fmla="*/ 1148121 h 6858000"/>
              <a:gd name="connsiteX6630" fmla="*/ 2884682 w 6858000"/>
              <a:gd name="connsiteY6630" fmla="*/ 1148121 h 6858000"/>
              <a:gd name="connsiteX6631" fmla="*/ 2884682 w 6858000"/>
              <a:gd name="connsiteY6631" fmla="*/ 1147675 h 6858000"/>
              <a:gd name="connsiteX6632" fmla="*/ 2761180 w 6858000"/>
              <a:gd name="connsiteY6632" fmla="*/ 1147675 h 6858000"/>
              <a:gd name="connsiteX6633" fmla="*/ 2761180 w 6858000"/>
              <a:gd name="connsiteY6633" fmla="*/ 1148121 h 6858000"/>
              <a:gd name="connsiteX6634" fmla="*/ 2761624 w 6858000"/>
              <a:gd name="connsiteY6634" fmla="*/ 1148121 h 6858000"/>
              <a:gd name="connsiteX6635" fmla="*/ 2761624 w 6858000"/>
              <a:gd name="connsiteY6635" fmla="*/ 1147675 h 6858000"/>
              <a:gd name="connsiteX6636" fmla="*/ 2638123 w 6858000"/>
              <a:gd name="connsiteY6636" fmla="*/ 1147675 h 6858000"/>
              <a:gd name="connsiteX6637" fmla="*/ 2638123 w 6858000"/>
              <a:gd name="connsiteY6637" fmla="*/ 1148121 h 6858000"/>
              <a:gd name="connsiteX6638" fmla="*/ 2638567 w 6858000"/>
              <a:gd name="connsiteY6638" fmla="*/ 1148121 h 6858000"/>
              <a:gd name="connsiteX6639" fmla="*/ 2638567 w 6858000"/>
              <a:gd name="connsiteY6639" fmla="*/ 1147675 h 6858000"/>
              <a:gd name="connsiteX6640" fmla="*/ 2515066 w 6858000"/>
              <a:gd name="connsiteY6640" fmla="*/ 1147675 h 6858000"/>
              <a:gd name="connsiteX6641" fmla="*/ 2515066 w 6858000"/>
              <a:gd name="connsiteY6641" fmla="*/ 1148121 h 6858000"/>
              <a:gd name="connsiteX6642" fmla="*/ 2515510 w 6858000"/>
              <a:gd name="connsiteY6642" fmla="*/ 1148121 h 6858000"/>
              <a:gd name="connsiteX6643" fmla="*/ 2515510 w 6858000"/>
              <a:gd name="connsiteY6643" fmla="*/ 1147675 h 6858000"/>
              <a:gd name="connsiteX6644" fmla="*/ 2392008 w 6858000"/>
              <a:gd name="connsiteY6644" fmla="*/ 1147675 h 6858000"/>
              <a:gd name="connsiteX6645" fmla="*/ 2392008 w 6858000"/>
              <a:gd name="connsiteY6645" fmla="*/ 1148121 h 6858000"/>
              <a:gd name="connsiteX6646" fmla="*/ 2392452 w 6858000"/>
              <a:gd name="connsiteY6646" fmla="*/ 1148121 h 6858000"/>
              <a:gd name="connsiteX6647" fmla="*/ 2392452 w 6858000"/>
              <a:gd name="connsiteY6647" fmla="*/ 1147675 h 6858000"/>
              <a:gd name="connsiteX6648" fmla="*/ 2268951 w 6858000"/>
              <a:gd name="connsiteY6648" fmla="*/ 1147675 h 6858000"/>
              <a:gd name="connsiteX6649" fmla="*/ 2268951 w 6858000"/>
              <a:gd name="connsiteY6649" fmla="*/ 1148121 h 6858000"/>
              <a:gd name="connsiteX6650" fmla="*/ 2269395 w 6858000"/>
              <a:gd name="connsiteY6650" fmla="*/ 1148121 h 6858000"/>
              <a:gd name="connsiteX6651" fmla="*/ 2269395 w 6858000"/>
              <a:gd name="connsiteY6651" fmla="*/ 1147675 h 6858000"/>
              <a:gd name="connsiteX6652" fmla="*/ 2145894 w 6858000"/>
              <a:gd name="connsiteY6652" fmla="*/ 1147675 h 6858000"/>
              <a:gd name="connsiteX6653" fmla="*/ 2145894 w 6858000"/>
              <a:gd name="connsiteY6653" fmla="*/ 1148121 h 6858000"/>
              <a:gd name="connsiteX6654" fmla="*/ 2146338 w 6858000"/>
              <a:gd name="connsiteY6654" fmla="*/ 1148121 h 6858000"/>
              <a:gd name="connsiteX6655" fmla="*/ 2146338 w 6858000"/>
              <a:gd name="connsiteY6655" fmla="*/ 1147675 h 6858000"/>
              <a:gd name="connsiteX6656" fmla="*/ 2022836 w 6858000"/>
              <a:gd name="connsiteY6656" fmla="*/ 1147675 h 6858000"/>
              <a:gd name="connsiteX6657" fmla="*/ 2022836 w 6858000"/>
              <a:gd name="connsiteY6657" fmla="*/ 1148121 h 6858000"/>
              <a:gd name="connsiteX6658" fmla="*/ 2023280 w 6858000"/>
              <a:gd name="connsiteY6658" fmla="*/ 1148121 h 6858000"/>
              <a:gd name="connsiteX6659" fmla="*/ 2023280 w 6858000"/>
              <a:gd name="connsiteY6659" fmla="*/ 1147675 h 6858000"/>
              <a:gd name="connsiteX6660" fmla="*/ 1899742 w 6858000"/>
              <a:gd name="connsiteY6660" fmla="*/ 1147675 h 6858000"/>
              <a:gd name="connsiteX6661" fmla="*/ 1899742 w 6858000"/>
              <a:gd name="connsiteY6661" fmla="*/ 1148121 h 6858000"/>
              <a:gd name="connsiteX6662" fmla="*/ 1900186 w 6858000"/>
              <a:gd name="connsiteY6662" fmla="*/ 1148121 h 6858000"/>
              <a:gd name="connsiteX6663" fmla="*/ 1900186 w 6858000"/>
              <a:gd name="connsiteY6663" fmla="*/ 1147675 h 6858000"/>
              <a:gd name="connsiteX6664" fmla="*/ 1776685 w 6858000"/>
              <a:gd name="connsiteY6664" fmla="*/ 1147675 h 6858000"/>
              <a:gd name="connsiteX6665" fmla="*/ 1776685 w 6858000"/>
              <a:gd name="connsiteY6665" fmla="*/ 1148121 h 6858000"/>
              <a:gd name="connsiteX6666" fmla="*/ 1777129 w 6858000"/>
              <a:gd name="connsiteY6666" fmla="*/ 1148121 h 6858000"/>
              <a:gd name="connsiteX6667" fmla="*/ 1777129 w 6858000"/>
              <a:gd name="connsiteY6667" fmla="*/ 1147675 h 6858000"/>
              <a:gd name="connsiteX6668" fmla="*/ 1653627 w 6858000"/>
              <a:gd name="connsiteY6668" fmla="*/ 1147675 h 6858000"/>
              <a:gd name="connsiteX6669" fmla="*/ 1653627 w 6858000"/>
              <a:gd name="connsiteY6669" fmla="*/ 1148121 h 6858000"/>
              <a:gd name="connsiteX6670" fmla="*/ 1654071 w 6858000"/>
              <a:gd name="connsiteY6670" fmla="*/ 1148121 h 6858000"/>
              <a:gd name="connsiteX6671" fmla="*/ 1654071 w 6858000"/>
              <a:gd name="connsiteY6671" fmla="*/ 1147675 h 6858000"/>
              <a:gd name="connsiteX6672" fmla="*/ 1530570 w 6858000"/>
              <a:gd name="connsiteY6672" fmla="*/ 1147675 h 6858000"/>
              <a:gd name="connsiteX6673" fmla="*/ 1530570 w 6858000"/>
              <a:gd name="connsiteY6673" fmla="*/ 1148121 h 6858000"/>
              <a:gd name="connsiteX6674" fmla="*/ 1531014 w 6858000"/>
              <a:gd name="connsiteY6674" fmla="*/ 1148121 h 6858000"/>
              <a:gd name="connsiteX6675" fmla="*/ 1531014 w 6858000"/>
              <a:gd name="connsiteY6675" fmla="*/ 1147675 h 6858000"/>
              <a:gd name="connsiteX6676" fmla="*/ 1407513 w 6858000"/>
              <a:gd name="connsiteY6676" fmla="*/ 1147675 h 6858000"/>
              <a:gd name="connsiteX6677" fmla="*/ 1407513 w 6858000"/>
              <a:gd name="connsiteY6677" fmla="*/ 1148121 h 6858000"/>
              <a:gd name="connsiteX6678" fmla="*/ 1407957 w 6858000"/>
              <a:gd name="connsiteY6678" fmla="*/ 1148121 h 6858000"/>
              <a:gd name="connsiteX6679" fmla="*/ 1407957 w 6858000"/>
              <a:gd name="connsiteY6679" fmla="*/ 1147675 h 6858000"/>
              <a:gd name="connsiteX6680" fmla="*/ 1284455 w 6858000"/>
              <a:gd name="connsiteY6680" fmla="*/ 1147675 h 6858000"/>
              <a:gd name="connsiteX6681" fmla="*/ 1284455 w 6858000"/>
              <a:gd name="connsiteY6681" fmla="*/ 1148121 h 6858000"/>
              <a:gd name="connsiteX6682" fmla="*/ 1284899 w 6858000"/>
              <a:gd name="connsiteY6682" fmla="*/ 1148121 h 6858000"/>
              <a:gd name="connsiteX6683" fmla="*/ 1284899 w 6858000"/>
              <a:gd name="connsiteY6683" fmla="*/ 1147675 h 6858000"/>
              <a:gd name="connsiteX6684" fmla="*/ 1161398 w 6858000"/>
              <a:gd name="connsiteY6684" fmla="*/ 1147675 h 6858000"/>
              <a:gd name="connsiteX6685" fmla="*/ 1161398 w 6858000"/>
              <a:gd name="connsiteY6685" fmla="*/ 1148121 h 6858000"/>
              <a:gd name="connsiteX6686" fmla="*/ 1161842 w 6858000"/>
              <a:gd name="connsiteY6686" fmla="*/ 1148121 h 6858000"/>
              <a:gd name="connsiteX6687" fmla="*/ 1161842 w 6858000"/>
              <a:gd name="connsiteY6687" fmla="*/ 1147675 h 6858000"/>
              <a:gd name="connsiteX6688" fmla="*/ 1038341 w 6858000"/>
              <a:gd name="connsiteY6688" fmla="*/ 1147675 h 6858000"/>
              <a:gd name="connsiteX6689" fmla="*/ 1038341 w 6858000"/>
              <a:gd name="connsiteY6689" fmla="*/ 1148121 h 6858000"/>
              <a:gd name="connsiteX6690" fmla="*/ 1038785 w 6858000"/>
              <a:gd name="connsiteY6690" fmla="*/ 1148121 h 6858000"/>
              <a:gd name="connsiteX6691" fmla="*/ 1038785 w 6858000"/>
              <a:gd name="connsiteY6691" fmla="*/ 1147675 h 6858000"/>
              <a:gd name="connsiteX6692" fmla="*/ 0 w 6858000"/>
              <a:gd name="connsiteY6692" fmla="*/ 0 h 6858000"/>
              <a:gd name="connsiteX6693" fmla="*/ 6858000 w 6858000"/>
              <a:gd name="connsiteY6693" fmla="*/ 0 h 6858000"/>
              <a:gd name="connsiteX6694" fmla="*/ 6858000 w 6858000"/>
              <a:gd name="connsiteY6694" fmla="*/ 6858000 h 6858000"/>
              <a:gd name="connsiteX6695" fmla="*/ 473010 w 6858000"/>
              <a:gd name="connsiteY6695" fmla="*/ 6858000 h 6858000"/>
              <a:gd name="connsiteX6696" fmla="*/ 473010 w 6858000"/>
              <a:gd name="connsiteY6696" fmla="*/ 6758901 h 6858000"/>
              <a:gd name="connsiteX6697" fmla="*/ 373542 w 6858000"/>
              <a:gd name="connsiteY6697" fmla="*/ 6758901 h 6858000"/>
              <a:gd name="connsiteX6698" fmla="*/ 373542 w 6858000"/>
              <a:gd name="connsiteY6698" fmla="*/ 6858000 h 6858000"/>
              <a:gd name="connsiteX6699" fmla="*/ 350582 w 6858000"/>
              <a:gd name="connsiteY6699" fmla="*/ 6858000 h 6858000"/>
              <a:gd name="connsiteX6700" fmla="*/ 350582 w 6858000"/>
              <a:gd name="connsiteY6700" fmla="*/ 6758271 h 6858000"/>
              <a:gd name="connsiteX6701" fmla="*/ 249818 w 6858000"/>
              <a:gd name="connsiteY6701" fmla="*/ 6758271 h 6858000"/>
              <a:gd name="connsiteX6702" fmla="*/ 249818 w 6858000"/>
              <a:gd name="connsiteY6702" fmla="*/ 6858000 h 6858000"/>
              <a:gd name="connsiteX6703" fmla="*/ 227933 w 6858000"/>
              <a:gd name="connsiteY6703" fmla="*/ 6858000 h 6858000"/>
              <a:gd name="connsiteX6704" fmla="*/ 227933 w 6858000"/>
              <a:gd name="connsiteY6704" fmla="*/ 6757827 h 6858000"/>
              <a:gd name="connsiteX6705" fmla="*/ 126317 w 6858000"/>
              <a:gd name="connsiteY6705" fmla="*/ 6757827 h 6858000"/>
              <a:gd name="connsiteX6706" fmla="*/ 126317 w 6858000"/>
              <a:gd name="connsiteY6706" fmla="*/ 6858000 h 6858000"/>
              <a:gd name="connsiteX6707" fmla="*/ 104023 w 6858000"/>
              <a:gd name="connsiteY6707" fmla="*/ 6858000 h 6858000"/>
              <a:gd name="connsiteX6708" fmla="*/ 104023 w 6858000"/>
              <a:gd name="connsiteY6708" fmla="*/ 6758716 h 6858000"/>
              <a:gd name="connsiteX6709" fmla="*/ 4111 w 6858000"/>
              <a:gd name="connsiteY6709" fmla="*/ 6758716 h 6858000"/>
              <a:gd name="connsiteX6710" fmla="*/ 4111 w 6858000"/>
              <a:gd name="connsiteY6710" fmla="*/ 6858000 h 6858000"/>
              <a:gd name="connsiteX6711" fmla="*/ 0 w 6858000"/>
              <a:gd name="connsiteY6711" fmla="*/ 6858000 h 6858000"/>
            </a:gdLst>
            <a:ahLst/>
            <a:cxnLst>
              <a:cxn ang="0">
                <a:pos x="connsiteX0" y="connsiteY0"/>
              </a:cxn>
              <a:cxn ang="0">
                <a:pos x="connsiteX1" y="connsiteY1"/>
              </a:cxn>
              <a:cxn ang="0">
                <a:pos x="connsiteX2" y="connsiteY2"/>
              </a:cxn>
              <a:cxn ang="0">
                <a:pos x="connsiteX3" y="connsiteY3"/>
              </a:cxn>
              <a:cxn ang="0">
                <a:pos x="connsiteX4" y="connsiteY4"/>
              </a:cxn>
              <a:cxn ang="0">
                <a:pos x="connsiteX5" y="connsiteY5"/>
              </a:cxn>
              <a:cxn ang="0">
                <a:pos x="connsiteX6" y="connsiteY6"/>
              </a:cxn>
              <a:cxn ang="0">
                <a:pos x="connsiteX7" y="connsiteY7"/>
              </a:cxn>
              <a:cxn ang="0">
                <a:pos x="connsiteX8" y="connsiteY8"/>
              </a:cxn>
              <a:cxn ang="0">
                <a:pos x="connsiteX9" y="connsiteY9"/>
              </a:cxn>
              <a:cxn ang="0">
                <a:pos x="connsiteX10" y="connsiteY10"/>
              </a:cxn>
              <a:cxn ang="0">
                <a:pos x="connsiteX11" y="connsiteY11"/>
              </a:cxn>
              <a:cxn ang="0">
                <a:pos x="connsiteX12" y="connsiteY12"/>
              </a:cxn>
              <a:cxn ang="0">
                <a:pos x="connsiteX13" y="connsiteY13"/>
              </a:cxn>
              <a:cxn ang="0">
                <a:pos x="connsiteX14" y="connsiteY14"/>
              </a:cxn>
              <a:cxn ang="0">
                <a:pos x="connsiteX15" y="connsiteY15"/>
              </a:cxn>
              <a:cxn ang="0">
                <a:pos x="connsiteX16" y="connsiteY16"/>
              </a:cxn>
              <a:cxn ang="0">
                <a:pos x="connsiteX17" y="connsiteY17"/>
              </a:cxn>
              <a:cxn ang="0">
                <a:pos x="connsiteX18" y="connsiteY18"/>
              </a:cxn>
              <a:cxn ang="0">
                <a:pos x="connsiteX19" y="connsiteY19"/>
              </a:cxn>
              <a:cxn ang="0">
                <a:pos x="connsiteX20" y="connsiteY20"/>
              </a:cxn>
              <a:cxn ang="0">
                <a:pos x="connsiteX21" y="connsiteY21"/>
              </a:cxn>
              <a:cxn ang="0">
                <a:pos x="connsiteX22" y="connsiteY22"/>
              </a:cxn>
              <a:cxn ang="0">
                <a:pos x="connsiteX23" y="connsiteY23"/>
              </a:cxn>
              <a:cxn ang="0">
                <a:pos x="connsiteX24" y="connsiteY24"/>
              </a:cxn>
              <a:cxn ang="0">
                <a:pos x="connsiteX25" y="connsiteY25"/>
              </a:cxn>
              <a:cxn ang="0">
                <a:pos x="connsiteX26" y="connsiteY26"/>
              </a:cxn>
              <a:cxn ang="0">
                <a:pos x="connsiteX27" y="connsiteY27"/>
              </a:cxn>
              <a:cxn ang="0">
                <a:pos x="connsiteX28" y="connsiteY28"/>
              </a:cxn>
              <a:cxn ang="0">
                <a:pos x="connsiteX29" y="connsiteY29"/>
              </a:cxn>
              <a:cxn ang="0">
                <a:pos x="connsiteX30" y="connsiteY30"/>
              </a:cxn>
              <a:cxn ang="0">
                <a:pos x="connsiteX31" y="connsiteY31"/>
              </a:cxn>
              <a:cxn ang="0">
                <a:pos x="connsiteX32" y="connsiteY32"/>
              </a:cxn>
              <a:cxn ang="0">
                <a:pos x="connsiteX33" y="connsiteY33"/>
              </a:cxn>
              <a:cxn ang="0">
                <a:pos x="connsiteX34" y="connsiteY34"/>
              </a:cxn>
              <a:cxn ang="0">
                <a:pos x="connsiteX35" y="connsiteY35"/>
              </a:cxn>
              <a:cxn ang="0">
                <a:pos x="connsiteX36" y="connsiteY36"/>
              </a:cxn>
              <a:cxn ang="0">
                <a:pos x="connsiteX37" y="connsiteY37"/>
              </a:cxn>
              <a:cxn ang="0">
                <a:pos x="connsiteX38" y="connsiteY38"/>
              </a:cxn>
              <a:cxn ang="0">
                <a:pos x="connsiteX39" y="connsiteY39"/>
              </a:cxn>
              <a:cxn ang="0">
                <a:pos x="connsiteX40" y="connsiteY40"/>
              </a:cxn>
              <a:cxn ang="0">
                <a:pos x="connsiteX41" y="connsiteY41"/>
              </a:cxn>
              <a:cxn ang="0">
                <a:pos x="connsiteX42" y="connsiteY42"/>
              </a:cxn>
              <a:cxn ang="0">
                <a:pos x="connsiteX43" y="connsiteY43"/>
              </a:cxn>
              <a:cxn ang="0">
                <a:pos x="connsiteX44" y="connsiteY44"/>
              </a:cxn>
              <a:cxn ang="0">
                <a:pos x="connsiteX45" y="connsiteY45"/>
              </a:cxn>
              <a:cxn ang="0">
                <a:pos x="connsiteX46" y="connsiteY46"/>
              </a:cxn>
              <a:cxn ang="0">
                <a:pos x="connsiteX47" y="connsiteY47"/>
              </a:cxn>
              <a:cxn ang="0">
                <a:pos x="connsiteX48" y="connsiteY48"/>
              </a:cxn>
              <a:cxn ang="0">
                <a:pos x="connsiteX49" y="connsiteY49"/>
              </a:cxn>
              <a:cxn ang="0">
                <a:pos x="connsiteX50" y="connsiteY50"/>
              </a:cxn>
              <a:cxn ang="0">
                <a:pos x="connsiteX51" y="connsiteY51"/>
              </a:cxn>
              <a:cxn ang="0">
                <a:pos x="connsiteX52" y="connsiteY52"/>
              </a:cxn>
              <a:cxn ang="0">
                <a:pos x="connsiteX53" y="connsiteY53"/>
              </a:cxn>
              <a:cxn ang="0">
                <a:pos x="connsiteX54" y="connsiteY54"/>
              </a:cxn>
              <a:cxn ang="0">
                <a:pos x="connsiteX55" y="connsiteY55"/>
              </a:cxn>
              <a:cxn ang="0">
                <a:pos x="connsiteX56" y="connsiteY56"/>
              </a:cxn>
              <a:cxn ang="0">
                <a:pos x="connsiteX57" y="connsiteY57"/>
              </a:cxn>
              <a:cxn ang="0">
                <a:pos x="connsiteX58" y="connsiteY58"/>
              </a:cxn>
              <a:cxn ang="0">
                <a:pos x="connsiteX59" y="connsiteY59"/>
              </a:cxn>
              <a:cxn ang="0">
                <a:pos x="connsiteX60" y="connsiteY60"/>
              </a:cxn>
              <a:cxn ang="0">
                <a:pos x="connsiteX61" y="connsiteY61"/>
              </a:cxn>
              <a:cxn ang="0">
                <a:pos x="connsiteX62" y="connsiteY62"/>
              </a:cxn>
              <a:cxn ang="0">
                <a:pos x="connsiteX63" y="connsiteY63"/>
              </a:cxn>
              <a:cxn ang="0">
                <a:pos x="connsiteX64" y="connsiteY64"/>
              </a:cxn>
              <a:cxn ang="0">
                <a:pos x="connsiteX65" y="connsiteY65"/>
              </a:cxn>
              <a:cxn ang="0">
                <a:pos x="connsiteX66" y="connsiteY66"/>
              </a:cxn>
              <a:cxn ang="0">
                <a:pos x="connsiteX67" y="connsiteY67"/>
              </a:cxn>
              <a:cxn ang="0">
                <a:pos x="connsiteX68" y="connsiteY68"/>
              </a:cxn>
              <a:cxn ang="0">
                <a:pos x="connsiteX69" y="connsiteY69"/>
              </a:cxn>
              <a:cxn ang="0">
                <a:pos x="connsiteX70" y="connsiteY70"/>
              </a:cxn>
              <a:cxn ang="0">
                <a:pos x="connsiteX71" y="connsiteY71"/>
              </a:cxn>
              <a:cxn ang="0">
                <a:pos x="connsiteX72" y="connsiteY72"/>
              </a:cxn>
              <a:cxn ang="0">
                <a:pos x="connsiteX73" y="connsiteY73"/>
              </a:cxn>
              <a:cxn ang="0">
                <a:pos x="connsiteX74" y="connsiteY74"/>
              </a:cxn>
              <a:cxn ang="0">
                <a:pos x="connsiteX75" y="connsiteY75"/>
              </a:cxn>
              <a:cxn ang="0">
                <a:pos x="connsiteX76" y="connsiteY76"/>
              </a:cxn>
              <a:cxn ang="0">
                <a:pos x="connsiteX77" y="connsiteY77"/>
              </a:cxn>
              <a:cxn ang="0">
                <a:pos x="connsiteX78" y="connsiteY78"/>
              </a:cxn>
              <a:cxn ang="0">
                <a:pos x="connsiteX79" y="connsiteY79"/>
              </a:cxn>
              <a:cxn ang="0">
                <a:pos x="connsiteX80" y="connsiteY80"/>
              </a:cxn>
              <a:cxn ang="0">
                <a:pos x="connsiteX81" y="connsiteY81"/>
              </a:cxn>
              <a:cxn ang="0">
                <a:pos x="connsiteX82" y="connsiteY82"/>
              </a:cxn>
              <a:cxn ang="0">
                <a:pos x="connsiteX83" y="connsiteY83"/>
              </a:cxn>
              <a:cxn ang="0">
                <a:pos x="connsiteX84" y="connsiteY84"/>
              </a:cxn>
              <a:cxn ang="0">
                <a:pos x="connsiteX85" y="connsiteY85"/>
              </a:cxn>
              <a:cxn ang="0">
                <a:pos x="connsiteX86" y="connsiteY86"/>
              </a:cxn>
              <a:cxn ang="0">
                <a:pos x="connsiteX87" y="connsiteY87"/>
              </a:cxn>
              <a:cxn ang="0">
                <a:pos x="connsiteX88" y="connsiteY88"/>
              </a:cxn>
              <a:cxn ang="0">
                <a:pos x="connsiteX89" y="connsiteY89"/>
              </a:cxn>
              <a:cxn ang="0">
                <a:pos x="connsiteX90" y="connsiteY90"/>
              </a:cxn>
              <a:cxn ang="0">
                <a:pos x="connsiteX91" y="connsiteY91"/>
              </a:cxn>
              <a:cxn ang="0">
                <a:pos x="connsiteX92" y="connsiteY92"/>
              </a:cxn>
              <a:cxn ang="0">
                <a:pos x="connsiteX93" y="connsiteY93"/>
              </a:cxn>
              <a:cxn ang="0">
                <a:pos x="connsiteX94" y="connsiteY94"/>
              </a:cxn>
              <a:cxn ang="0">
                <a:pos x="connsiteX95" y="connsiteY95"/>
              </a:cxn>
              <a:cxn ang="0">
                <a:pos x="connsiteX96" y="connsiteY96"/>
              </a:cxn>
              <a:cxn ang="0">
                <a:pos x="connsiteX97" y="connsiteY97"/>
              </a:cxn>
              <a:cxn ang="0">
                <a:pos x="connsiteX98" y="connsiteY98"/>
              </a:cxn>
              <a:cxn ang="0">
                <a:pos x="connsiteX99" y="connsiteY99"/>
              </a:cxn>
              <a:cxn ang="0">
                <a:pos x="connsiteX100" y="connsiteY100"/>
              </a:cxn>
              <a:cxn ang="0">
                <a:pos x="connsiteX101" y="connsiteY101"/>
              </a:cxn>
              <a:cxn ang="0">
                <a:pos x="connsiteX102" y="connsiteY102"/>
              </a:cxn>
              <a:cxn ang="0">
                <a:pos x="connsiteX103" y="connsiteY103"/>
              </a:cxn>
              <a:cxn ang="0">
                <a:pos x="connsiteX104" y="connsiteY104"/>
              </a:cxn>
              <a:cxn ang="0">
                <a:pos x="connsiteX105" y="connsiteY105"/>
              </a:cxn>
              <a:cxn ang="0">
                <a:pos x="connsiteX106" y="connsiteY106"/>
              </a:cxn>
              <a:cxn ang="0">
                <a:pos x="connsiteX107" y="connsiteY107"/>
              </a:cxn>
              <a:cxn ang="0">
                <a:pos x="connsiteX108" y="connsiteY108"/>
              </a:cxn>
              <a:cxn ang="0">
                <a:pos x="connsiteX109" y="connsiteY109"/>
              </a:cxn>
              <a:cxn ang="0">
                <a:pos x="connsiteX110" y="connsiteY110"/>
              </a:cxn>
              <a:cxn ang="0">
                <a:pos x="connsiteX111" y="connsiteY111"/>
              </a:cxn>
              <a:cxn ang="0">
                <a:pos x="connsiteX112" y="connsiteY112"/>
              </a:cxn>
              <a:cxn ang="0">
                <a:pos x="connsiteX113" y="connsiteY113"/>
              </a:cxn>
              <a:cxn ang="0">
                <a:pos x="connsiteX114" y="connsiteY114"/>
              </a:cxn>
              <a:cxn ang="0">
                <a:pos x="connsiteX115" y="connsiteY115"/>
              </a:cxn>
              <a:cxn ang="0">
                <a:pos x="connsiteX116" y="connsiteY116"/>
              </a:cxn>
              <a:cxn ang="0">
                <a:pos x="connsiteX117" y="connsiteY117"/>
              </a:cxn>
              <a:cxn ang="0">
                <a:pos x="connsiteX118" y="connsiteY118"/>
              </a:cxn>
              <a:cxn ang="0">
                <a:pos x="connsiteX119" y="connsiteY119"/>
              </a:cxn>
              <a:cxn ang="0">
                <a:pos x="connsiteX120" y="connsiteY120"/>
              </a:cxn>
              <a:cxn ang="0">
                <a:pos x="connsiteX121" y="connsiteY121"/>
              </a:cxn>
              <a:cxn ang="0">
                <a:pos x="connsiteX122" y="connsiteY122"/>
              </a:cxn>
              <a:cxn ang="0">
                <a:pos x="connsiteX123" y="connsiteY123"/>
              </a:cxn>
              <a:cxn ang="0">
                <a:pos x="connsiteX124" y="connsiteY124"/>
              </a:cxn>
              <a:cxn ang="0">
                <a:pos x="connsiteX125" y="connsiteY125"/>
              </a:cxn>
              <a:cxn ang="0">
                <a:pos x="connsiteX126" y="connsiteY126"/>
              </a:cxn>
              <a:cxn ang="0">
                <a:pos x="connsiteX127" y="connsiteY127"/>
              </a:cxn>
              <a:cxn ang="0">
                <a:pos x="connsiteX128" y="connsiteY128"/>
              </a:cxn>
              <a:cxn ang="0">
                <a:pos x="connsiteX129" y="connsiteY129"/>
              </a:cxn>
              <a:cxn ang="0">
                <a:pos x="connsiteX130" y="connsiteY130"/>
              </a:cxn>
              <a:cxn ang="0">
                <a:pos x="connsiteX131" y="connsiteY131"/>
              </a:cxn>
              <a:cxn ang="0">
                <a:pos x="connsiteX132" y="connsiteY132"/>
              </a:cxn>
              <a:cxn ang="0">
                <a:pos x="connsiteX133" y="connsiteY133"/>
              </a:cxn>
              <a:cxn ang="0">
                <a:pos x="connsiteX134" y="connsiteY134"/>
              </a:cxn>
              <a:cxn ang="0">
                <a:pos x="connsiteX135" y="connsiteY135"/>
              </a:cxn>
              <a:cxn ang="0">
                <a:pos x="connsiteX136" y="connsiteY136"/>
              </a:cxn>
              <a:cxn ang="0">
                <a:pos x="connsiteX137" y="connsiteY137"/>
              </a:cxn>
              <a:cxn ang="0">
                <a:pos x="connsiteX138" y="connsiteY138"/>
              </a:cxn>
              <a:cxn ang="0">
                <a:pos x="connsiteX139" y="connsiteY139"/>
              </a:cxn>
              <a:cxn ang="0">
                <a:pos x="connsiteX140" y="connsiteY140"/>
              </a:cxn>
              <a:cxn ang="0">
                <a:pos x="connsiteX141" y="connsiteY141"/>
              </a:cxn>
              <a:cxn ang="0">
                <a:pos x="connsiteX142" y="connsiteY142"/>
              </a:cxn>
              <a:cxn ang="0">
                <a:pos x="connsiteX143" y="connsiteY143"/>
              </a:cxn>
              <a:cxn ang="0">
                <a:pos x="connsiteX144" y="connsiteY144"/>
              </a:cxn>
              <a:cxn ang="0">
                <a:pos x="connsiteX145" y="connsiteY145"/>
              </a:cxn>
              <a:cxn ang="0">
                <a:pos x="connsiteX146" y="connsiteY146"/>
              </a:cxn>
              <a:cxn ang="0">
                <a:pos x="connsiteX147" y="connsiteY147"/>
              </a:cxn>
              <a:cxn ang="0">
                <a:pos x="connsiteX148" y="connsiteY148"/>
              </a:cxn>
              <a:cxn ang="0">
                <a:pos x="connsiteX149" y="connsiteY149"/>
              </a:cxn>
              <a:cxn ang="0">
                <a:pos x="connsiteX150" y="connsiteY150"/>
              </a:cxn>
              <a:cxn ang="0">
                <a:pos x="connsiteX151" y="connsiteY151"/>
              </a:cxn>
              <a:cxn ang="0">
                <a:pos x="connsiteX152" y="connsiteY152"/>
              </a:cxn>
              <a:cxn ang="0">
                <a:pos x="connsiteX153" y="connsiteY153"/>
              </a:cxn>
              <a:cxn ang="0">
                <a:pos x="connsiteX154" y="connsiteY154"/>
              </a:cxn>
              <a:cxn ang="0">
                <a:pos x="connsiteX155" y="connsiteY155"/>
              </a:cxn>
              <a:cxn ang="0">
                <a:pos x="connsiteX156" y="connsiteY156"/>
              </a:cxn>
              <a:cxn ang="0">
                <a:pos x="connsiteX157" y="connsiteY157"/>
              </a:cxn>
              <a:cxn ang="0">
                <a:pos x="connsiteX158" y="connsiteY158"/>
              </a:cxn>
              <a:cxn ang="0">
                <a:pos x="connsiteX159" y="connsiteY159"/>
              </a:cxn>
              <a:cxn ang="0">
                <a:pos x="connsiteX160" y="connsiteY160"/>
              </a:cxn>
              <a:cxn ang="0">
                <a:pos x="connsiteX161" y="connsiteY161"/>
              </a:cxn>
              <a:cxn ang="0">
                <a:pos x="connsiteX162" y="connsiteY162"/>
              </a:cxn>
              <a:cxn ang="0">
                <a:pos x="connsiteX163" y="connsiteY163"/>
              </a:cxn>
              <a:cxn ang="0">
                <a:pos x="connsiteX164" y="connsiteY164"/>
              </a:cxn>
              <a:cxn ang="0">
                <a:pos x="connsiteX165" y="connsiteY165"/>
              </a:cxn>
              <a:cxn ang="0">
                <a:pos x="connsiteX166" y="connsiteY166"/>
              </a:cxn>
              <a:cxn ang="0">
                <a:pos x="connsiteX167" y="connsiteY167"/>
              </a:cxn>
              <a:cxn ang="0">
                <a:pos x="connsiteX168" y="connsiteY168"/>
              </a:cxn>
              <a:cxn ang="0">
                <a:pos x="connsiteX169" y="connsiteY169"/>
              </a:cxn>
              <a:cxn ang="0">
                <a:pos x="connsiteX170" y="connsiteY170"/>
              </a:cxn>
              <a:cxn ang="0">
                <a:pos x="connsiteX171" y="connsiteY171"/>
              </a:cxn>
              <a:cxn ang="0">
                <a:pos x="connsiteX172" y="connsiteY172"/>
              </a:cxn>
              <a:cxn ang="0">
                <a:pos x="connsiteX173" y="connsiteY173"/>
              </a:cxn>
              <a:cxn ang="0">
                <a:pos x="connsiteX174" y="connsiteY174"/>
              </a:cxn>
              <a:cxn ang="0">
                <a:pos x="connsiteX175" y="connsiteY175"/>
              </a:cxn>
              <a:cxn ang="0">
                <a:pos x="connsiteX176" y="connsiteY176"/>
              </a:cxn>
              <a:cxn ang="0">
                <a:pos x="connsiteX177" y="connsiteY177"/>
              </a:cxn>
              <a:cxn ang="0">
                <a:pos x="connsiteX178" y="connsiteY178"/>
              </a:cxn>
              <a:cxn ang="0">
                <a:pos x="connsiteX179" y="connsiteY179"/>
              </a:cxn>
              <a:cxn ang="0">
                <a:pos x="connsiteX180" y="connsiteY180"/>
              </a:cxn>
              <a:cxn ang="0">
                <a:pos x="connsiteX181" y="connsiteY181"/>
              </a:cxn>
              <a:cxn ang="0">
                <a:pos x="connsiteX182" y="connsiteY182"/>
              </a:cxn>
              <a:cxn ang="0">
                <a:pos x="connsiteX183" y="connsiteY183"/>
              </a:cxn>
              <a:cxn ang="0">
                <a:pos x="connsiteX184" y="connsiteY184"/>
              </a:cxn>
              <a:cxn ang="0">
                <a:pos x="connsiteX185" y="connsiteY185"/>
              </a:cxn>
              <a:cxn ang="0">
                <a:pos x="connsiteX186" y="connsiteY186"/>
              </a:cxn>
              <a:cxn ang="0">
                <a:pos x="connsiteX187" y="connsiteY187"/>
              </a:cxn>
              <a:cxn ang="0">
                <a:pos x="connsiteX188" y="connsiteY188"/>
              </a:cxn>
              <a:cxn ang="0">
                <a:pos x="connsiteX189" y="connsiteY189"/>
              </a:cxn>
              <a:cxn ang="0">
                <a:pos x="connsiteX190" y="connsiteY190"/>
              </a:cxn>
              <a:cxn ang="0">
                <a:pos x="connsiteX191" y="connsiteY191"/>
              </a:cxn>
              <a:cxn ang="0">
                <a:pos x="connsiteX192" y="connsiteY192"/>
              </a:cxn>
              <a:cxn ang="0">
                <a:pos x="connsiteX193" y="connsiteY193"/>
              </a:cxn>
              <a:cxn ang="0">
                <a:pos x="connsiteX194" y="connsiteY194"/>
              </a:cxn>
              <a:cxn ang="0">
                <a:pos x="connsiteX195" y="connsiteY195"/>
              </a:cxn>
              <a:cxn ang="0">
                <a:pos x="connsiteX196" y="connsiteY196"/>
              </a:cxn>
              <a:cxn ang="0">
                <a:pos x="connsiteX197" y="connsiteY197"/>
              </a:cxn>
              <a:cxn ang="0">
                <a:pos x="connsiteX198" y="connsiteY198"/>
              </a:cxn>
              <a:cxn ang="0">
                <a:pos x="connsiteX199" y="connsiteY199"/>
              </a:cxn>
              <a:cxn ang="0">
                <a:pos x="connsiteX200" y="connsiteY200"/>
              </a:cxn>
              <a:cxn ang="0">
                <a:pos x="connsiteX201" y="connsiteY201"/>
              </a:cxn>
              <a:cxn ang="0">
                <a:pos x="connsiteX202" y="connsiteY202"/>
              </a:cxn>
              <a:cxn ang="0">
                <a:pos x="connsiteX203" y="connsiteY203"/>
              </a:cxn>
              <a:cxn ang="0">
                <a:pos x="connsiteX204" y="connsiteY204"/>
              </a:cxn>
              <a:cxn ang="0">
                <a:pos x="connsiteX205" y="connsiteY205"/>
              </a:cxn>
              <a:cxn ang="0">
                <a:pos x="connsiteX206" y="connsiteY206"/>
              </a:cxn>
              <a:cxn ang="0">
                <a:pos x="connsiteX207" y="connsiteY207"/>
              </a:cxn>
              <a:cxn ang="0">
                <a:pos x="connsiteX208" y="connsiteY208"/>
              </a:cxn>
              <a:cxn ang="0">
                <a:pos x="connsiteX209" y="connsiteY209"/>
              </a:cxn>
              <a:cxn ang="0">
                <a:pos x="connsiteX210" y="connsiteY210"/>
              </a:cxn>
              <a:cxn ang="0">
                <a:pos x="connsiteX211" y="connsiteY211"/>
              </a:cxn>
              <a:cxn ang="0">
                <a:pos x="connsiteX212" y="connsiteY212"/>
              </a:cxn>
              <a:cxn ang="0">
                <a:pos x="connsiteX213" y="connsiteY213"/>
              </a:cxn>
              <a:cxn ang="0">
                <a:pos x="connsiteX214" y="connsiteY214"/>
              </a:cxn>
              <a:cxn ang="0">
                <a:pos x="connsiteX215" y="connsiteY215"/>
              </a:cxn>
              <a:cxn ang="0">
                <a:pos x="connsiteX216" y="connsiteY216"/>
              </a:cxn>
              <a:cxn ang="0">
                <a:pos x="connsiteX217" y="connsiteY217"/>
              </a:cxn>
              <a:cxn ang="0">
                <a:pos x="connsiteX218" y="connsiteY218"/>
              </a:cxn>
              <a:cxn ang="0">
                <a:pos x="connsiteX219" y="connsiteY219"/>
              </a:cxn>
              <a:cxn ang="0">
                <a:pos x="connsiteX220" y="connsiteY220"/>
              </a:cxn>
              <a:cxn ang="0">
                <a:pos x="connsiteX221" y="connsiteY221"/>
              </a:cxn>
              <a:cxn ang="0">
                <a:pos x="connsiteX222" y="connsiteY222"/>
              </a:cxn>
              <a:cxn ang="0">
                <a:pos x="connsiteX223" y="connsiteY223"/>
              </a:cxn>
              <a:cxn ang="0">
                <a:pos x="connsiteX224" y="connsiteY224"/>
              </a:cxn>
              <a:cxn ang="0">
                <a:pos x="connsiteX225" y="connsiteY225"/>
              </a:cxn>
              <a:cxn ang="0">
                <a:pos x="connsiteX226" y="connsiteY226"/>
              </a:cxn>
              <a:cxn ang="0">
                <a:pos x="connsiteX227" y="connsiteY227"/>
              </a:cxn>
              <a:cxn ang="0">
                <a:pos x="connsiteX228" y="connsiteY228"/>
              </a:cxn>
              <a:cxn ang="0">
                <a:pos x="connsiteX229" y="connsiteY229"/>
              </a:cxn>
              <a:cxn ang="0">
                <a:pos x="connsiteX230" y="connsiteY230"/>
              </a:cxn>
              <a:cxn ang="0">
                <a:pos x="connsiteX231" y="connsiteY231"/>
              </a:cxn>
              <a:cxn ang="0">
                <a:pos x="connsiteX232" y="connsiteY232"/>
              </a:cxn>
              <a:cxn ang="0">
                <a:pos x="connsiteX233" y="connsiteY233"/>
              </a:cxn>
              <a:cxn ang="0">
                <a:pos x="connsiteX234" y="connsiteY234"/>
              </a:cxn>
              <a:cxn ang="0">
                <a:pos x="connsiteX235" y="connsiteY235"/>
              </a:cxn>
              <a:cxn ang="0">
                <a:pos x="connsiteX236" y="connsiteY236"/>
              </a:cxn>
              <a:cxn ang="0">
                <a:pos x="connsiteX237" y="connsiteY237"/>
              </a:cxn>
              <a:cxn ang="0">
                <a:pos x="connsiteX238" y="connsiteY238"/>
              </a:cxn>
              <a:cxn ang="0">
                <a:pos x="connsiteX239" y="connsiteY239"/>
              </a:cxn>
              <a:cxn ang="0">
                <a:pos x="connsiteX240" y="connsiteY240"/>
              </a:cxn>
              <a:cxn ang="0">
                <a:pos x="connsiteX241" y="connsiteY241"/>
              </a:cxn>
              <a:cxn ang="0">
                <a:pos x="connsiteX242" y="connsiteY242"/>
              </a:cxn>
              <a:cxn ang="0">
                <a:pos x="connsiteX243" y="connsiteY243"/>
              </a:cxn>
              <a:cxn ang="0">
                <a:pos x="connsiteX244" y="connsiteY244"/>
              </a:cxn>
              <a:cxn ang="0">
                <a:pos x="connsiteX245" y="connsiteY245"/>
              </a:cxn>
              <a:cxn ang="0">
                <a:pos x="connsiteX246" y="connsiteY246"/>
              </a:cxn>
              <a:cxn ang="0">
                <a:pos x="connsiteX247" y="connsiteY247"/>
              </a:cxn>
              <a:cxn ang="0">
                <a:pos x="connsiteX248" y="connsiteY248"/>
              </a:cxn>
              <a:cxn ang="0">
                <a:pos x="connsiteX249" y="connsiteY249"/>
              </a:cxn>
              <a:cxn ang="0">
                <a:pos x="connsiteX250" y="connsiteY250"/>
              </a:cxn>
              <a:cxn ang="0">
                <a:pos x="connsiteX251" y="connsiteY251"/>
              </a:cxn>
              <a:cxn ang="0">
                <a:pos x="connsiteX252" y="connsiteY252"/>
              </a:cxn>
              <a:cxn ang="0">
                <a:pos x="connsiteX253" y="connsiteY253"/>
              </a:cxn>
              <a:cxn ang="0">
                <a:pos x="connsiteX254" y="connsiteY254"/>
              </a:cxn>
              <a:cxn ang="0">
                <a:pos x="connsiteX255" y="connsiteY255"/>
              </a:cxn>
              <a:cxn ang="0">
                <a:pos x="connsiteX256" y="connsiteY256"/>
              </a:cxn>
              <a:cxn ang="0">
                <a:pos x="connsiteX257" y="connsiteY257"/>
              </a:cxn>
              <a:cxn ang="0">
                <a:pos x="connsiteX258" y="connsiteY258"/>
              </a:cxn>
              <a:cxn ang="0">
                <a:pos x="connsiteX259" y="connsiteY259"/>
              </a:cxn>
              <a:cxn ang="0">
                <a:pos x="connsiteX260" y="connsiteY260"/>
              </a:cxn>
              <a:cxn ang="0">
                <a:pos x="connsiteX261" y="connsiteY261"/>
              </a:cxn>
              <a:cxn ang="0">
                <a:pos x="connsiteX262" y="connsiteY262"/>
              </a:cxn>
              <a:cxn ang="0">
                <a:pos x="connsiteX263" y="connsiteY263"/>
              </a:cxn>
              <a:cxn ang="0">
                <a:pos x="connsiteX264" y="connsiteY264"/>
              </a:cxn>
              <a:cxn ang="0">
                <a:pos x="connsiteX265" y="connsiteY265"/>
              </a:cxn>
              <a:cxn ang="0">
                <a:pos x="connsiteX266" y="connsiteY266"/>
              </a:cxn>
              <a:cxn ang="0">
                <a:pos x="connsiteX267" y="connsiteY267"/>
              </a:cxn>
              <a:cxn ang="0">
                <a:pos x="connsiteX268" y="connsiteY268"/>
              </a:cxn>
              <a:cxn ang="0">
                <a:pos x="connsiteX269" y="connsiteY269"/>
              </a:cxn>
              <a:cxn ang="0">
                <a:pos x="connsiteX270" y="connsiteY270"/>
              </a:cxn>
              <a:cxn ang="0">
                <a:pos x="connsiteX271" y="connsiteY271"/>
              </a:cxn>
              <a:cxn ang="0">
                <a:pos x="connsiteX272" y="connsiteY272"/>
              </a:cxn>
              <a:cxn ang="0">
                <a:pos x="connsiteX273" y="connsiteY273"/>
              </a:cxn>
              <a:cxn ang="0">
                <a:pos x="connsiteX274" y="connsiteY274"/>
              </a:cxn>
              <a:cxn ang="0">
                <a:pos x="connsiteX275" y="connsiteY275"/>
              </a:cxn>
              <a:cxn ang="0">
                <a:pos x="connsiteX276" y="connsiteY276"/>
              </a:cxn>
              <a:cxn ang="0">
                <a:pos x="connsiteX277" y="connsiteY277"/>
              </a:cxn>
              <a:cxn ang="0">
                <a:pos x="connsiteX278" y="connsiteY278"/>
              </a:cxn>
              <a:cxn ang="0">
                <a:pos x="connsiteX279" y="connsiteY279"/>
              </a:cxn>
              <a:cxn ang="0">
                <a:pos x="connsiteX280" y="connsiteY280"/>
              </a:cxn>
              <a:cxn ang="0">
                <a:pos x="connsiteX281" y="connsiteY281"/>
              </a:cxn>
              <a:cxn ang="0">
                <a:pos x="connsiteX282" y="connsiteY282"/>
              </a:cxn>
              <a:cxn ang="0">
                <a:pos x="connsiteX283" y="connsiteY283"/>
              </a:cxn>
              <a:cxn ang="0">
                <a:pos x="connsiteX284" y="connsiteY284"/>
              </a:cxn>
              <a:cxn ang="0">
                <a:pos x="connsiteX285" y="connsiteY285"/>
              </a:cxn>
              <a:cxn ang="0">
                <a:pos x="connsiteX286" y="connsiteY286"/>
              </a:cxn>
              <a:cxn ang="0">
                <a:pos x="connsiteX287" y="connsiteY287"/>
              </a:cxn>
              <a:cxn ang="0">
                <a:pos x="connsiteX288" y="connsiteY288"/>
              </a:cxn>
              <a:cxn ang="0">
                <a:pos x="connsiteX289" y="connsiteY289"/>
              </a:cxn>
              <a:cxn ang="0">
                <a:pos x="connsiteX290" y="connsiteY290"/>
              </a:cxn>
              <a:cxn ang="0">
                <a:pos x="connsiteX291" y="connsiteY291"/>
              </a:cxn>
              <a:cxn ang="0">
                <a:pos x="connsiteX292" y="connsiteY292"/>
              </a:cxn>
              <a:cxn ang="0">
                <a:pos x="connsiteX293" y="connsiteY293"/>
              </a:cxn>
              <a:cxn ang="0">
                <a:pos x="connsiteX294" y="connsiteY294"/>
              </a:cxn>
              <a:cxn ang="0">
                <a:pos x="connsiteX295" y="connsiteY295"/>
              </a:cxn>
              <a:cxn ang="0">
                <a:pos x="connsiteX296" y="connsiteY296"/>
              </a:cxn>
              <a:cxn ang="0">
                <a:pos x="connsiteX297" y="connsiteY297"/>
              </a:cxn>
              <a:cxn ang="0">
                <a:pos x="connsiteX298" y="connsiteY298"/>
              </a:cxn>
              <a:cxn ang="0">
                <a:pos x="connsiteX299" y="connsiteY299"/>
              </a:cxn>
              <a:cxn ang="0">
                <a:pos x="connsiteX300" y="connsiteY300"/>
              </a:cxn>
              <a:cxn ang="0">
                <a:pos x="connsiteX301" y="connsiteY301"/>
              </a:cxn>
              <a:cxn ang="0">
                <a:pos x="connsiteX302" y="connsiteY302"/>
              </a:cxn>
              <a:cxn ang="0">
                <a:pos x="connsiteX303" y="connsiteY303"/>
              </a:cxn>
              <a:cxn ang="0">
                <a:pos x="connsiteX304" y="connsiteY304"/>
              </a:cxn>
              <a:cxn ang="0">
                <a:pos x="connsiteX305" y="connsiteY305"/>
              </a:cxn>
              <a:cxn ang="0">
                <a:pos x="connsiteX306" y="connsiteY306"/>
              </a:cxn>
              <a:cxn ang="0">
                <a:pos x="connsiteX307" y="connsiteY307"/>
              </a:cxn>
              <a:cxn ang="0">
                <a:pos x="connsiteX308" y="connsiteY308"/>
              </a:cxn>
              <a:cxn ang="0">
                <a:pos x="connsiteX309" y="connsiteY309"/>
              </a:cxn>
              <a:cxn ang="0">
                <a:pos x="connsiteX310" y="connsiteY310"/>
              </a:cxn>
              <a:cxn ang="0">
                <a:pos x="connsiteX311" y="connsiteY311"/>
              </a:cxn>
              <a:cxn ang="0">
                <a:pos x="connsiteX312" y="connsiteY312"/>
              </a:cxn>
              <a:cxn ang="0">
                <a:pos x="connsiteX313" y="connsiteY313"/>
              </a:cxn>
              <a:cxn ang="0">
                <a:pos x="connsiteX314" y="connsiteY314"/>
              </a:cxn>
              <a:cxn ang="0">
                <a:pos x="connsiteX315" y="connsiteY315"/>
              </a:cxn>
              <a:cxn ang="0">
                <a:pos x="connsiteX316" y="connsiteY316"/>
              </a:cxn>
              <a:cxn ang="0">
                <a:pos x="connsiteX317" y="connsiteY317"/>
              </a:cxn>
              <a:cxn ang="0">
                <a:pos x="connsiteX318" y="connsiteY318"/>
              </a:cxn>
              <a:cxn ang="0">
                <a:pos x="connsiteX319" y="connsiteY319"/>
              </a:cxn>
              <a:cxn ang="0">
                <a:pos x="connsiteX320" y="connsiteY320"/>
              </a:cxn>
              <a:cxn ang="0">
                <a:pos x="connsiteX321" y="connsiteY321"/>
              </a:cxn>
              <a:cxn ang="0">
                <a:pos x="connsiteX322" y="connsiteY322"/>
              </a:cxn>
              <a:cxn ang="0">
                <a:pos x="connsiteX323" y="connsiteY323"/>
              </a:cxn>
              <a:cxn ang="0">
                <a:pos x="connsiteX324" y="connsiteY324"/>
              </a:cxn>
              <a:cxn ang="0">
                <a:pos x="connsiteX325" y="connsiteY325"/>
              </a:cxn>
              <a:cxn ang="0">
                <a:pos x="connsiteX326" y="connsiteY326"/>
              </a:cxn>
              <a:cxn ang="0">
                <a:pos x="connsiteX327" y="connsiteY327"/>
              </a:cxn>
              <a:cxn ang="0">
                <a:pos x="connsiteX328" y="connsiteY328"/>
              </a:cxn>
              <a:cxn ang="0">
                <a:pos x="connsiteX329" y="connsiteY329"/>
              </a:cxn>
              <a:cxn ang="0">
                <a:pos x="connsiteX330" y="connsiteY330"/>
              </a:cxn>
              <a:cxn ang="0">
                <a:pos x="connsiteX331" y="connsiteY331"/>
              </a:cxn>
              <a:cxn ang="0">
                <a:pos x="connsiteX332" y="connsiteY332"/>
              </a:cxn>
              <a:cxn ang="0">
                <a:pos x="connsiteX333" y="connsiteY333"/>
              </a:cxn>
              <a:cxn ang="0">
                <a:pos x="connsiteX334" y="connsiteY334"/>
              </a:cxn>
              <a:cxn ang="0">
                <a:pos x="connsiteX335" y="connsiteY335"/>
              </a:cxn>
              <a:cxn ang="0">
                <a:pos x="connsiteX336" y="connsiteY336"/>
              </a:cxn>
              <a:cxn ang="0">
                <a:pos x="connsiteX337" y="connsiteY337"/>
              </a:cxn>
              <a:cxn ang="0">
                <a:pos x="connsiteX338" y="connsiteY338"/>
              </a:cxn>
              <a:cxn ang="0">
                <a:pos x="connsiteX339" y="connsiteY339"/>
              </a:cxn>
              <a:cxn ang="0">
                <a:pos x="connsiteX340" y="connsiteY340"/>
              </a:cxn>
              <a:cxn ang="0">
                <a:pos x="connsiteX341" y="connsiteY341"/>
              </a:cxn>
              <a:cxn ang="0">
                <a:pos x="connsiteX342" y="connsiteY342"/>
              </a:cxn>
              <a:cxn ang="0">
                <a:pos x="connsiteX343" y="connsiteY343"/>
              </a:cxn>
              <a:cxn ang="0">
                <a:pos x="connsiteX344" y="connsiteY344"/>
              </a:cxn>
              <a:cxn ang="0">
                <a:pos x="connsiteX345" y="connsiteY345"/>
              </a:cxn>
              <a:cxn ang="0">
                <a:pos x="connsiteX346" y="connsiteY346"/>
              </a:cxn>
              <a:cxn ang="0">
                <a:pos x="connsiteX347" y="connsiteY347"/>
              </a:cxn>
              <a:cxn ang="0">
                <a:pos x="connsiteX348" y="connsiteY348"/>
              </a:cxn>
              <a:cxn ang="0">
                <a:pos x="connsiteX349" y="connsiteY349"/>
              </a:cxn>
              <a:cxn ang="0">
                <a:pos x="connsiteX350" y="connsiteY350"/>
              </a:cxn>
              <a:cxn ang="0">
                <a:pos x="connsiteX351" y="connsiteY351"/>
              </a:cxn>
              <a:cxn ang="0">
                <a:pos x="connsiteX352" y="connsiteY352"/>
              </a:cxn>
              <a:cxn ang="0">
                <a:pos x="connsiteX353" y="connsiteY353"/>
              </a:cxn>
              <a:cxn ang="0">
                <a:pos x="connsiteX354" y="connsiteY354"/>
              </a:cxn>
              <a:cxn ang="0">
                <a:pos x="connsiteX355" y="connsiteY355"/>
              </a:cxn>
              <a:cxn ang="0">
                <a:pos x="connsiteX356" y="connsiteY356"/>
              </a:cxn>
              <a:cxn ang="0">
                <a:pos x="connsiteX357" y="connsiteY357"/>
              </a:cxn>
              <a:cxn ang="0">
                <a:pos x="connsiteX358" y="connsiteY358"/>
              </a:cxn>
              <a:cxn ang="0">
                <a:pos x="connsiteX359" y="connsiteY359"/>
              </a:cxn>
              <a:cxn ang="0">
                <a:pos x="connsiteX360" y="connsiteY360"/>
              </a:cxn>
              <a:cxn ang="0">
                <a:pos x="connsiteX361" y="connsiteY361"/>
              </a:cxn>
              <a:cxn ang="0">
                <a:pos x="connsiteX362" y="connsiteY362"/>
              </a:cxn>
              <a:cxn ang="0">
                <a:pos x="connsiteX363" y="connsiteY363"/>
              </a:cxn>
              <a:cxn ang="0">
                <a:pos x="connsiteX364" y="connsiteY364"/>
              </a:cxn>
              <a:cxn ang="0">
                <a:pos x="connsiteX365" y="connsiteY365"/>
              </a:cxn>
              <a:cxn ang="0">
                <a:pos x="connsiteX366" y="connsiteY366"/>
              </a:cxn>
              <a:cxn ang="0">
                <a:pos x="connsiteX367" y="connsiteY367"/>
              </a:cxn>
              <a:cxn ang="0">
                <a:pos x="connsiteX368" y="connsiteY368"/>
              </a:cxn>
              <a:cxn ang="0">
                <a:pos x="connsiteX369" y="connsiteY369"/>
              </a:cxn>
              <a:cxn ang="0">
                <a:pos x="connsiteX370" y="connsiteY370"/>
              </a:cxn>
              <a:cxn ang="0">
                <a:pos x="connsiteX371" y="connsiteY371"/>
              </a:cxn>
              <a:cxn ang="0">
                <a:pos x="connsiteX372" y="connsiteY372"/>
              </a:cxn>
              <a:cxn ang="0">
                <a:pos x="connsiteX373" y="connsiteY373"/>
              </a:cxn>
              <a:cxn ang="0">
                <a:pos x="connsiteX374" y="connsiteY374"/>
              </a:cxn>
              <a:cxn ang="0">
                <a:pos x="connsiteX375" y="connsiteY375"/>
              </a:cxn>
              <a:cxn ang="0">
                <a:pos x="connsiteX376" y="connsiteY376"/>
              </a:cxn>
              <a:cxn ang="0">
                <a:pos x="connsiteX377" y="connsiteY377"/>
              </a:cxn>
              <a:cxn ang="0">
                <a:pos x="connsiteX378" y="connsiteY378"/>
              </a:cxn>
              <a:cxn ang="0">
                <a:pos x="connsiteX379" y="connsiteY379"/>
              </a:cxn>
              <a:cxn ang="0">
                <a:pos x="connsiteX380" y="connsiteY380"/>
              </a:cxn>
              <a:cxn ang="0">
                <a:pos x="connsiteX381" y="connsiteY381"/>
              </a:cxn>
              <a:cxn ang="0">
                <a:pos x="connsiteX382" y="connsiteY382"/>
              </a:cxn>
              <a:cxn ang="0">
                <a:pos x="connsiteX383" y="connsiteY383"/>
              </a:cxn>
              <a:cxn ang="0">
                <a:pos x="connsiteX384" y="connsiteY384"/>
              </a:cxn>
              <a:cxn ang="0">
                <a:pos x="connsiteX385" y="connsiteY385"/>
              </a:cxn>
              <a:cxn ang="0">
                <a:pos x="connsiteX386" y="connsiteY386"/>
              </a:cxn>
              <a:cxn ang="0">
                <a:pos x="connsiteX387" y="connsiteY387"/>
              </a:cxn>
              <a:cxn ang="0">
                <a:pos x="connsiteX388" y="connsiteY388"/>
              </a:cxn>
              <a:cxn ang="0">
                <a:pos x="connsiteX389" y="connsiteY389"/>
              </a:cxn>
              <a:cxn ang="0">
                <a:pos x="connsiteX390" y="connsiteY390"/>
              </a:cxn>
              <a:cxn ang="0">
                <a:pos x="connsiteX391" y="connsiteY391"/>
              </a:cxn>
              <a:cxn ang="0">
                <a:pos x="connsiteX392" y="connsiteY392"/>
              </a:cxn>
              <a:cxn ang="0">
                <a:pos x="connsiteX393" y="connsiteY393"/>
              </a:cxn>
              <a:cxn ang="0">
                <a:pos x="connsiteX394" y="connsiteY394"/>
              </a:cxn>
              <a:cxn ang="0">
                <a:pos x="connsiteX395" y="connsiteY395"/>
              </a:cxn>
              <a:cxn ang="0">
                <a:pos x="connsiteX396" y="connsiteY396"/>
              </a:cxn>
              <a:cxn ang="0">
                <a:pos x="connsiteX397" y="connsiteY397"/>
              </a:cxn>
              <a:cxn ang="0">
                <a:pos x="connsiteX398" y="connsiteY398"/>
              </a:cxn>
              <a:cxn ang="0">
                <a:pos x="connsiteX399" y="connsiteY399"/>
              </a:cxn>
              <a:cxn ang="0">
                <a:pos x="connsiteX400" y="connsiteY400"/>
              </a:cxn>
              <a:cxn ang="0">
                <a:pos x="connsiteX401" y="connsiteY401"/>
              </a:cxn>
              <a:cxn ang="0">
                <a:pos x="connsiteX402" y="connsiteY402"/>
              </a:cxn>
              <a:cxn ang="0">
                <a:pos x="connsiteX403" y="connsiteY403"/>
              </a:cxn>
              <a:cxn ang="0">
                <a:pos x="connsiteX404" y="connsiteY404"/>
              </a:cxn>
              <a:cxn ang="0">
                <a:pos x="connsiteX405" y="connsiteY405"/>
              </a:cxn>
              <a:cxn ang="0">
                <a:pos x="connsiteX406" y="connsiteY406"/>
              </a:cxn>
              <a:cxn ang="0">
                <a:pos x="connsiteX407" y="connsiteY407"/>
              </a:cxn>
              <a:cxn ang="0">
                <a:pos x="connsiteX408" y="connsiteY408"/>
              </a:cxn>
              <a:cxn ang="0">
                <a:pos x="connsiteX409" y="connsiteY409"/>
              </a:cxn>
              <a:cxn ang="0">
                <a:pos x="connsiteX410" y="connsiteY410"/>
              </a:cxn>
              <a:cxn ang="0">
                <a:pos x="connsiteX411" y="connsiteY411"/>
              </a:cxn>
              <a:cxn ang="0">
                <a:pos x="connsiteX412" y="connsiteY412"/>
              </a:cxn>
              <a:cxn ang="0">
                <a:pos x="connsiteX413" y="connsiteY413"/>
              </a:cxn>
              <a:cxn ang="0">
                <a:pos x="connsiteX414" y="connsiteY414"/>
              </a:cxn>
              <a:cxn ang="0">
                <a:pos x="connsiteX415" y="connsiteY415"/>
              </a:cxn>
              <a:cxn ang="0">
                <a:pos x="connsiteX416" y="connsiteY416"/>
              </a:cxn>
              <a:cxn ang="0">
                <a:pos x="connsiteX417" y="connsiteY417"/>
              </a:cxn>
              <a:cxn ang="0">
                <a:pos x="connsiteX418" y="connsiteY418"/>
              </a:cxn>
              <a:cxn ang="0">
                <a:pos x="connsiteX419" y="connsiteY419"/>
              </a:cxn>
              <a:cxn ang="0">
                <a:pos x="connsiteX420" y="connsiteY420"/>
              </a:cxn>
              <a:cxn ang="0">
                <a:pos x="connsiteX421" y="connsiteY421"/>
              </a:cxn>
              <a:cxn ang="0">
                <a:pos x="connsiteX422" y="connsiteY422"/>
              </a:cxn>
              <a:cxn ang="0">
                <a:pos x="connsiteX423" y="connsiteY423"/>
              </a:cxn>
              <a:cxn ang="0">
                <a:pos x="connsiteX424" y="connsiteY424"/>
              </a:cxn>
              <a:cxn ang="0">
                <a:pos x="connsiteX425" y="connsiteY425"/>
              </a:cxn>
              <a:cxn ang="0">
                <a:pos x="connsiteX426" y="connsiteY426"/>
              </a:cxn>
              <a:cxn ang="0">
                <a:pos x="connsiteX427" y="connsiteY427"/>
              </a:cxn>
              <a:cxn ang="0">
                <a:pos x="connsiteX428" y="connsiteY428"/>
              </a:cxn>
              <a:cxn ang="0">
                <a:pos x="connsiteX429" y="connsiteY429"/>
              </a:cxn>
              <a:cxn ang="0">
                <a:pos x="connsiteX430" y="connsiteY430"/>
              </a:cxn>
              <a:cxn ang="0">
                <a:pos x="connsiteX431" y="connsiteY431"/>
              </a:cxn>
              <a:cxn ang="0">
                <a:pos x="connsiteX432" y="connsiteY432"/>
              </a:cxn>
              <a:cxn ang="0">
                <a:pos x="connsiteX433" y="connsiteY433"/>
              </a:cxn>
              <a:cxn ang="0">
                <a:pos x="connsiteX434" y="connsiteY434"/>
              </a:cxn>
              <a:cxn ang="0">
                <a:pos x="connsiteX435" y="connsiteY435"/>
              </a:cxn>
              <a:cxn ang="0">
                <a:pos x="connsiteX436" y="connsiteY436"/>
              </a:cxn>
              <a:cxn ang="0">
                <a:pos x="connsiteX437" y="connsiteY437"/>
              </a:cxn>
              <a:cxn ang="0">
                <a:pos x="connsiteX438" y="connsiteY438"/>
              </a:cxn>
              <a:cxn ang="0">
                <a:pos x="connsiteX439" y="connsiteY439"/>
              </a:cxn>
              <a:cxn ang="0">
                <a:pos x="connsiteX440" y="connsiteY440"/>
              </a:cxn>
              <a:cxn ang="0">
                <a:pos x="connsiteX441" y="connsiteY441"/>
              </a:cxn>
              <a:cxn ang="0">
                <a:pos x="connsiteX442" y="connsiteY442"/>
              </a:cxn>
              <a:cxn ang="0">
                <a:pos x="connsiteX443" y="connsiteY443"/>
              </a:cxn>
              <a:cxn ang="0">
                <a:pos x="connsiteX444" y="connsiteY444"/>
              </a:cxn>
              <a:cxn ang="0">
                <a:pos x="connsiteX445" y="connsiteY445"/>
              </a:cxn>
              <a:cxn ang="0">
                <a:pos x="connsiteX446" y="connsiteY446"/>
              </a:cxn>
              <a:cxn ang="0">
                <a:pos x="connsiteX447" y="connsiteY447"/>
              </a:cxn>
              <a:cxn ang="0">
                <a:pos x="connsiteX448" y="connsiteY448"/>
              </a:cxn>
              <a:cxn ang="0">
                <a:pos x="connsiteX449" y="connsiteY449"/>
              </a:cxn>
              <a:cxn ang="0">
                <a:pos x="connsiteX450" y="connsiteY450"/>
              </a:cxn>
              <a:cxn ang="0">
                <a:pos x="connsiteX451" y="connsiteY451"/>
              </a:cxn>
              <a:cxn ang="0">
                <a:pos x="connsiteX452" y="connsiteY452"/>
              </a:cxn>
              <a:cxn ang="0">
                <a:pos x="connsiteX453" y="connsiteY453"/>
              </a:cxn>
              <a:cxn ang="0">
                <a:pos x="connsiteX454" y="connsiteY454"/>
              </a:cxn>
              <a:cxn ang="0">
                <a:pos x="connsiteX455" y="connsiteY455"/>
              </a:cxn>
              <a:cxn ang="0">
                <a:pos x="connsiteX456" y="connsiteY456"/>
              </a:cxn>
              <a:cxn ang="0">
                <a:pos x="connsiteX457" y="connsiteY457"/>
              </a:cxn>
              <a:cxn ang="0">
                <a:pos x="connsiteX458" y="connsiteY458"/>
              </a:cxn>
              <a:cxn ang="0">
                <a:pos x="connsiteX459" y="connsiteY459"/>
              </a:cxn>
              <a:cxn ang="0">
                <a:pos x="connsiteX460" y="connsiteY460"/>
              </a:cxn>
              <a:cxn ang="0">
                <a:pos x="connsiteX461" y="connsiteY461"/>
              </a:cxn>
              <a:cxn ang="0">
                <a:pos x="connsiteX462" y="connsiteY462"/>
              </a:cxn>
              <a:cxn ang="0">
                <a:pos x="connsiteX463" y="connsiteY463"/>
              </a:cxn>
              <a:cxn ang="0">
                <a:pos x="connsiteX464" y="connsiteY464"/>
              </a:cxn>
              <a:cxn ang="0">
                <a:pos x="connsiteX465" y="connsiteY465"/>
              </a:cxn>
              <a:cxn ang="0">
                <a:pos x="connsiteX466" y="connsiteY466"/>
              </a:cxn>
              <a:cxn ang="0">
                <a:pos x="connsiteX467" y="connsiteY467"/>
              </a:cxn>
              <a:cxn ang="0">
                <a:pos x="connsiteX468" y="connsiteY468"/>
              </a:cxn>
              <a:cxn ang="0">
                <a:pos x="connsiteX469" y="connsiteY469"/>
              </a:cxn>
              <a:cxn ang="0">
                <a:pos x="connsiteX470" y="connsiteY470"/>
              </a:cxn>
              <a:cxn ang="0">
                <a:pos x="connsiteX471" y="connsiteY471"/>
              </a:cxn>
              <a:cxn ang="0">
                <a:pos x="connsiteX472" y="connsiteY472"/>
              </a:cxn>
              <a:cxn ang="0">
                <a:pos x="connsiteX473" y="connsiteY473"/>
              </a:cxn>
              <a:cxn ang="0">
                <a:pos x="connsiteX474" y="connsiteY474"/>
              </a:cxn>
              <a:cxn ang="0">
                <a:pos x="connsiteX475" y="connsiteY475"/>
              </a:cxn>
              <a:cxn ang="0">
                <a:pos x="connsiteX476" y="connsiteY476"/>
              </a:cxn>
              <a:cxn ang="0">
                <a:pos x="connsiteX477" y="connsiteY477"/>
              </a:cxn>
              <a:cxn ang="0">
                <a:pos x="connsiteX478" y="connsiteY478"/>
              </a:cxn>
              <a:cxn ang="0">
                <a:pos x="connsiteX479" y="connsiteY479"/>
              </a:cxn>
              <a:cxn ang="0">
                <a:pos x="connsiteX480" y="connsiteY480"/>
              </a:cxn>
              <a:cxn ang="0">
                <a:pos x="connsiteX481" y="connsiteY481"/>
              </a:cxn>
              <a:cxn ang="0">
                <a:pos x="connsiteX482" y="connsiteY482"/>
              </a:cxn>
              <a:cxn ang="0">
                <a:pos x="connsiteX483" y="connsiteY483"/>
              </a:cxn>
              <a:cxn ang="0">
                <a:pos x="connsiteX484" y="connsiteY484"/>
              </a:cxn>
              <a:cxn ang="0">
                <a:pos x="connsiteX485" y="connsiteY485"/>
              </a:cxn>
              <a:cxn ang="0">
                <a:pos x="connsiteX486" y="connsiteY486"/>
              </a:cxn>
              <a:cxn ang="0">
                <a:pos x="connsiteX487" y="connsiteY487"/>
              </a:cxn>
              <a:cxn ang="0">
                <a:pos x="connsiteX488" y="connsiteY488"/>
              </a:cxn>
              <a:cxn ang="0">
                <a:pos x="connsiteX489" y="connsiteY489"/>
              </a:cxn>
              <a:cxn ang="0">
                <a:pos x="connsiteX490" y="connsiteY490"/>
              </a:cxn>
              <a:cxn ang="0">
                <a:pos x="connsiteX491" y="connsiteY491"/>
              </a:cxn>
              <a:cxn ang="0">
                <a:pos x="connsiteX492" y="connsiteY492"/>
              </a:cxn>
              <a:cxn ang="0">
                <a:pos x="connsiteX493" y="connsiteY493"/>
              </a:cxn>
              <a:cxn ang="0">
                <a:pos x="connsiteX494" y="connsiteY494"/>
              </a:cxn>
              <a:cxn ang="0">
                <a:pos x="connsiteX495" y="connsiteY495"/>
              </a:cxn>
              <a:cxn ang="0">
                <a:pos x="connsiteX496" y="connsiteY496"/>
              </a:cxn>
              <a:cxn ang="0">
                <a:pos x="connsiteX497" y="connsiteY497"/>
              </a:cxn>
              <a:cxn ang="0">
                <a:pos x="connsiteX498" y="connsiteY498"/>
              </a:cxn>
              <a:cxn ang="0">
                <a:pos x="connsiteX499" y="connsiteY499"/>
              </a:cxn>
              <a:cxn ang="0">
                <a:pos x="connsiteX500" y="connsiteY500"/>
              </a:cxn>
              <a:cxn ang="0">
                <a:pos x="connsiteX501" y="connsiteY501"/>
              </a:cxn>
              <a:cxn ang="0">
                <a:pos x="connsiteX502" y="connsiteY502"/>
              </a:cxn>
              <a:cxn ang="0">
                <a:pos x="connsiteX503" y="connsiteY503"/>
              </a:cxn>
              <a:cxn ang="0">
                <a:pos x="connsiteX504" y="connsiteY504"/>
              </a:cxn>
              <a:cxn ang="0">
                <a:pos x="connsiteX505" y="connsiteY505"/>
              </a:cxn>
              <a:cxn ang="0">
                <a:pos x="connsiteX506" y="connsiteY506"/>
              </a:cxn>
              <a:cxn ang="0">
                <a:pos x="connsiteX507" y="connsiteY507"/>
              </a:cxn>
              <a:cxn ang="0">
                <a:pos x="connsiteX508" y="connsiteY508"/>
              </a:cxn>
              <a:cxn ang="0">
                <a:pos x="connsiteX509" y="connsiteY509"/>
              </a:cxn>
              <a:cxn ang="0">
                <a:pos x="connsiteX510" y="connsiteY510"/>
              </a:cxn>
              <a:cxn ang="0">
                <a:pos x="connsiteX511" y="connsiteY511"/>
              </a:cxn>
              <a:cxn ang="0">
                <a:pos x="connsiteX512" y="connsiteY512"/>
              </a:cxn>
              <a:cxn ang="0">
                <a:pos x="connsiteX513" y="connsiteY513"/>
              </a:cxn>
              <a:cxn ang="0">
                <a:pos x="connsiteX514" y="connsiteY514"/>
              </a:cxn>
              <a:cxn ang="0">
                <a:pos x="connsiteX515" y="connsiteY515"/>
              </a:cxn>
              <a:cxn ang="0">
                <a:pos x="connsiteX516" y="connsiteY516"/>
              </a:cxn>
              <a:cxn ang="0">
                <a:pos x="connsiteX517" y="connsiteY517"/>
              </a:cxn>
              <a:cxn ang="0">
                <a:pos x="connsiteX518" y="connsiteY518"/>
              </a:cxn>
              <a:cxn ang="0">
                <a:pos x="connsiteX519" y="connsiteY519"/>
              </a:cxn>
              <a:cxn ang="0">
                <a:pos x="connsiteX520" y="connsiteY520"/>
              </a:cxn>
              <a:cxn ang="0">
                <a:pos x="connsiteX521" y="connsiteY521"/>
              </a:cxn>
              <a:cxn ang="0">
                <a:pos x="connsiteX522" y="connsiteY522"/>
              </a:cxn>
              <a:cxn ang="0">
                <a:pos x="connsiteX523" y="connsiteY523"/>
              </a:cxn>
              <a:cxn ang="0">
                <a:pos x="connsiteX524" y="connsiteY524"/>
              </a:cxn>
              <a:cxn ang="0">
                <a:pos x="connsiteX525" y="connsiteY525"/>
              </a:cxn>
              <a:cxn ang="0">
                <a:pos x="connsiteX526" y="connsiteY526"/>
              </a:cxn>
              <a:cxn ang="0">
                <a:pos x="connsiteX527" y="connsiteY527"/>
              </a:cxn>
              <a:cxn ang="0">
                <a:pos x="connsiteX528" y="connsiteY528"/>
              </a:cxn>
              <a:cxn ang="0">
                <a:pos x="connsiteX529" y="connsiteY529"/>
              </a:cxn>
              <a:cxn ang="0">
                <a:pos x="connsiteX530" y="connsiteY530"/>
              </a:cxn>
              <a:cxn ang="0">
                <a:pos x="connsiteX531" y="connsiteY531"/>
              </a:cxn>
              <a:cxn ang="0">
                <a:pos x="connsiteX532" y="connsiteY532"/>
              </a:cxn>
              <a:cxn ang="0">
                <a:pos x="connsiteX533" y="connsiteY533"/>
              </a:cxn>
              <a:cxn ang="0">
                <a:pos x="connsiteX534" y="connsiteY534"/>
              </a:cxn>
              <a:cxn ang="0">
                <a:pos x="connsiteX535" y="connsiteY535"/>
              </a:cxn>
              <a:cxn ang="0">
                <a:pos x="connsiteX536" y="connsiteY536"/>
              </a:cxn>
              <a:cxn ang="0">
                <a:pos x="connsiteX537" y="connsiteY537"/>
              </a:cxn>
              <a:cxn ang="0">
                <a:pos x="connsiteX538" y="connsiteY538"/>
              </a:cxn>
              <a:cxn ang="0">
                <a:pos x="connsiteX539" y="connsiteY539"/>
              </a:cxn>
              <a:cxn ang="0">
                <a:pos x="connsiteX540" y="connsiteY540"/>
              </a:cxn>
              <a:cxn ang="0">
                <a:pos x="connsiteX541" y="connsiteY541"/>
              </a:cxn>
              <a:cxn ang="0">
                <a:pos x="connsiteX542" y="connsiteY542"/>
              </a:cxn>
              <a:cxn ang="0">
                <a:pos x="connsiteX543" y="connsiteY543"/>
              </a:cxn>
              <a:cxn ang="0">
                <a:pos x="connsiteX544" y="connsiteY544"/>
              </a:cxn>
              <a:cxn ang="0">
                <a:pos x="connsiteX545" y="connsiteY545"/>
              </a:cxn>
              <a:cxn ang="0">
                <a:pos x="connsiteX546" y="connsiteY546"/>
              </a:cxn>
              <a:cxn ang="0">
                <a:pos x="connsiteX547" y="connsiteY547"/>
              </a:cxn>
              <a:cxn ang="0">
                <a:pos x="connsiteX548" y="connsiteY548"/>
              </a:cxn>
              <a:cxn ang="0">
                <a:pos x="connsiteX549" y="connsiteY549"/>
              </a:cxn>
              <a:cxn ang="0">
                <a:pos x="connsiteX550" y="connsiteY550"/>
              </a:cxn>
              <a:cxn ang="0">
                <a:pos x="connsiteX551" y="connsiteY551"/>
              </a:cxn>
              <a:cxn ang="0">
                <a:pos x="connsiteX552" y="connsiteY552"/>
              </a:cxn>
              <a:cxn ang="0">
                <a:pos x="connsiteX553" y="connsiteY553"/>
              </a:cxn>
              <a:cxn ang="0">
                <a:pos x="connsiteX554" y="connsiteY554"/>
              </a:cxn>
              <a:cxn ang="0">
                <a:pos x="connsiteX555" y="connsiteY555"/>
              </a:cxn>
              <a:cxn ang="0">
                <a:pos x="connsiteX556" y="connsiteY556"/>
              </a:cxn>
              <a:cxn ang="0">
                <a:pos x="connsiteX557" y="connsiteY557"/>
              </a:cxn>
              <a:cxn ang="0">
                <a:pos x="connsiteX558" y="connsiteY558"/>
              </a:cxn>
              <a:cxn ang="0">
                <a:pos x="connsiteX559" y="connsiteY559"/>
              </a:cxn>
              <a:cxn ang="0">
                <a:pos x="connsiteX560" y="connsiteY560"/>
              </a:cxn>
              <a:cxn ang="0">
                <a:pos x="connsiteX561" y="connsiteY561"/>
              </a:cxn>
              <a:cxn ang="0">
                <a:pos x="connsiteX562" y="connsiteY562"/>
              </a:cxn>
              <a:cxn ang="0">
                <a:pos x="connsiteX563" y="connsiteY563"/>
              </a:cxn>
              <a:cxn ang="0">
                <a:pos x="connsiteX564" y="connsiteY564"/>
              </a:cxn>
              <a:cxn ang="0">
                <a:pos x="connsiteX565" y="connsiteY565"/>
              </a:cxn>
              <a:cxn ang="0">
                <a:pos x="connsiteX566" y="connsiteY566"/>
              </a:cxn>
              <a:cxn ang="0">
                <a:pos x="connsiteX567" y="connsiteY567"/>
              </a:cxn>
              <a:cxn ang="0">
                <a:pos x="connsiteX568" y="connsiteY568"/>
              </a:cxn>
              <a:cxn ang="0">
                <a:pos x="connsiteX569" y="connsiteY569"/>
              </a:cxn>
              <a:cxn ang="0">
                <a:pos x="connsiteX570" y="connsiteY570"/>
              </a:cxn>
              <a:cxn ang="0">
                <a:pos x="connsiteX571" y="connsiteY571"/>
              </a:cxn>
              <a:cxn ang="0">
                <a:pos x="connsiteX572" y="connsiteY572"/>
              </a:cxn>
              <a:cxn ang="0">
                <a:pos x="connsiteX573" y="connsiteY573"/>
              </a:cxn>
              <a:cxn ang="0">
                <a:pos x="connsiteX574" y="connsiteY574"/>
              </a:cxn>
              <a:cxn ang="0">
                <a:pos x="connsiteX575" y="connsiteY575"/>
              </a:cxn>
              <a:cxn ang="0">
                <a:pos x="connsiteX576" y="connsiteY576"/>
              </a:cxn>
              <a:cxn ang="0">
                <a:pos x="connsiteX577" y="connsiteY577"/>
              </a:cxn>
              <a:cxn ang="0">
                <a:pos x="connsiteX578" y="connsiteY578"/>
              </a:cxn>
              <a:cxn ang="0">
                <a:pos x="connsiteX579" y="connsiteY579"/>
              </a:cxn>
              <a:cxn ang="0">
                <a:pos x="connsiteX580" y="connsiteY580"/>
              </a:cxn>
              <a:cxn ang="0">
                <a:pos x="connsiteX581" y="connsiteY581"/>
              </a:cxn>
              <a:cxn ang="0">
                <a:pos x="connsiteX582" y="connsiteY582"/>
              </a:cxn>
              <a:cxn ang="0">
                <a:pos x="connsiteX583" y="connsiteY583"/>
              </a:cxn>
              <a:cxn ang="0">
                <a:pos x="connsiteX584" y="connsiteY584"/>
              </a:cxn>
              <a:cxn ang="0">
                <a:pos x="connsiteX585" y="connsiteY585"/>
              </a:cxn>
              <a:cxn ang="0">
                <a:pos x="connsiteX586" y="connsiteY586"/>
              </a:cxn>
              <a:cxn ang="0">
                <a:pos x="connsiteX587" y="connsiteY587"/>
              </a:cxn>
              <a:cxn ang="0">
                <a:pos x="connsiteX588" y="connsiteY588"/>
              </a:cxn>
              <a:cxn ang="0">
                <a:pos x="connsiteX589" y="connsiteY589"/>
              </a:cxn>
              <a:cxn ang="0">
                <a:pos x="connsiteX590" y="connsiteY590"/>
              </a:cxn>
              <a:cxn ang="0">
                <a:pos x="connsiteX591" y="connsiteY591"/>
              </a:cxn>
              <a:cxn ang="0">
                <a:pos x="connsiteX592" y="connsiteY592"/>
              </a:cxn>
              <a:cxn ang="0">
                <a:pos x="connsiteX593" y="connsiteY593"/>
              </a:cxn>
              <a:cxn ang="0">
                <a:pos x="connsiteX594" y="connsiteY594"/>
              </a:cxn>
              <a:cxn ang="0">
                <a:pos x="connsiteX595" y="connsiteY595"/>
              </a:cxn>
              <a:cxn ang="0">
                <a:pos x="connsiteX596" y="connsiteY596"/>
              </a:cxn>
              <a:cxn ang="0">
                <a:pos x="connsiteX597" y="connsiteY597"/>
              </a:cxn>
              <a:cxn ang="0">
                <a:pos x="connsiteX598" y="connsiteY598"/>
              </a:cxn>
              <a:cxn ang="0">
                <a:pos x="connsiteX599" y="connsiteY599"/>
              </a:cxn>
              <a:cxn ang="0">
                <a:pos x="connsiteX600" y="connsiteY600"/>
              </a:cxn>
              <a:cxn ang="0">
                <a:pos x="connsiteX601" y="connsiteY601"/>
              </a:cxn>
              <a:cxn ang="0">
                <a:pos x="connsiteX602" y="connsiteY602"/>
              </a:cxn>
              <a:cxn ang="0">
                <a:pos x="connsiteX603" y="connsiteY603"/>
              </a:cxn>
              <a:cxn ang="0">
                <a:pos x="connsiteX604" y="connsiteY604"/>
              </a:cxn>
              <a:cxn ang="0">
                <a:pos x="connsiteX605" y="connsiteY605"/>
              </a:cxn>
              <a:cxn ang="0">
                <a:pos x="connsiteX606" y="connsiteY606"/>
              </a:cxn>
              <a:cxn ang="0">
                <a:pos x="connsiteX607" y="connsiteY607"/>
              </a:cxn>
              <a:cxn ang="0">
                <a:pos x="connsiteX608" y="connsiteY608"/>
              </a:cxn>
              <a:cxn ang="0">
                <a:pos x="connsiteX609" y="connsiteY609"/>
              </a:cxn>
              <a:cxn ang="0">
                <a:pos x="connsiteX610" y="connsiteY610"/>
              </a:cxn>
              <a:cxn ang="0">
                <a:pos x="connsiteX611" y="connsiteY611"/>
              </a:cxn>
              <a:cxn ang="0">
                <a:pos x="connsiteX612" y="connsiteY612"/>
              </a:cxn>
              <a:cxn ang="0">
                <a:pos x="connsiteX613" y="connsiteY613"/>
              </a:cxn>
              <a:cxn ang="0">
                <a:pos x="connsiteX614" y="connsiteY614"/>
              </a:cxn>
              <a:cxn ang="0">
                <a:pos x="connsiteX615" y="connsiteY615"/>
              </a:cxn>
              <a:cxn ang="0">
                <a:pos x="connsiteX616" y="connsiteY616"/>
              </a:cxn>
              <a:cxn ang="0">
                <a:pos x="connsiteX617" y="connsiteY617"/>
              </a:cxn>
              <a:cxn ang="0">
                <a:pos x="connsiteX618" y="connsiteY618"/>
              </a:cxn>
              <a:cxn ang="0">
                <a:pos x="connsiteX619" y="connsiteY619"/>
              </a:cxn>
              <a:cxn ang="0">
                <a:pos x="connsiteX620" y="connsiteY620"/>
              </a:cxn>
              <a:cxn ang="0">
                <a:pos x="connsiteX621" y="connsiteY621"/>
              </a:cxn>
              <a:cxn ang="0">
                <a:pos x="connsiteX622" y="connsiteY622"/>
              </a:cxn>
              <a:cxn ang="0">
                <a:pos x="connsiteX623" y="connsiteY623"/>
              </a:cxn>
              <a:cxn ang="0">
                <a:pos x="connsiteX624" y="connsiteY624"/>
              </a:cxn>
              <a:cxn ang="0">
                <a:pos x="connsiteX625" y="connsiteY625"/>
              </a:cxn>
              <a:cxn ang="0">
                <a:pos x="connsiteX626" y="connsiteY626"/>
              </a:cxn>
              <a:cxn ang="0">
                <a:pos x="connsiteX627" y="connsiteY627"/>
              </a:cxn>
              <a:cxn ang="0">
                <a:pos x="connsiteX628" y="connsiteY628"/>
              </a:cxn>
              <a:cxn ang="0">
                <a:pos x="connsiteX629" y="connsiteY629"/>
              </a:cxn>
              <a:cxn ang="0">
                <a:pos x="connsiteX630" y="connsiteY630"/>
              </a:cxn>
              <a:cxn ang="0">
                <a:pos x="connsiteX631" y="connsiteY631"/>
              </a:cxn>
              <a:cxn ang="0">
                <a:pos x="connsiteX632" y="connsiteY632"/>
              </a:cxn>
              <a:cxn ang="0">
                <a:pos x="connsiteX633" y="connsiteY633"/>
              </a:cxn>
              <a:cxn ang="0">
                <a:pos x="connsiteX634" y="connsiteY634"/>
              </a:cxn>
              <a:cxn ang="0">
                <a:pos x="connsiteX635" y="connsiteY635"/>
              </a:cxn>
              <a:cxn ang="0">
                <a:pos x="connsiteX636" y="connsiteY636"/>
              </a:cxn>
              <a:cxn ang="0">
                <a:pos x="connsiteX637" y="connsiteY637"/>
              </a:cxn>
              <a:cxn ang="0">
                <a:pos x="connsiteX638" y="connsiteY638"/>
              </a:cxn>
              <a:cxn ang="0">
                <a:pos x="connsiteX639" y="connsiteY639"/>
              </a:cxn>
              <a:cxn ang="0">
                <a:pos x="connsiteX640" y="connsiteY640"/>
              </a:cxn>
              <a:cxn ang="0">
                <a:pos x="connsiteX641" y="connsiteY641"/>
              </a:cxn>
              <a:cxn ang="0">
                <a:pos x="connsiteX642" y="connsiteY642"/>
              </a:cxn>
              <a:cxn ang="0">
                <a:pos x="connsiteX643" y="connsiteY643"/>
              </a:cxn>
              <a:cxn ang="0">
                <a:pos x="connsiteX644" y="connsiteY644"/>
              </a:cxn>
              <a:cxn ang="0">
                <a:pos x="connsiteX645" y="connsiteY645"/>
              </a:cxn>
              <a:cxn ang="0">
                <a:pos x="connsiteX646" y="connsiteY646"/>
              </a:cxn>
              <a:cxn ang="0">
                <a:pos x="connsiteX647" y="connsiteY647"/>
              </a:cxn>
              <a:cxn ang="0">
                <a:pos x="connsiteX648" y="connsiteY648"/>
              </a:cxn>
              <a:cxn ang="0">
                <a:pos x="connsiteX649" y="connsiteY649"/>
              </a:cxn>
              <a:cxn ang="0">
                <a:pos x="connsiteX650" y="connsiteY650"/>
              </a:cxn>
              <a:cxn ang="0">
                <a:pos x="connsiteX651" y="connsiteY651"/>
              </a:cxn>
              <a:cxn ang="0">
                <a:pos x="connsiteX652" y="connsiteY652"/>
              </a:cxn>
              <a:cxn ang="0">
                <a:pos x="connsiteX653" y="connsiteY653"/>
              </a:cxn>
              <a:cxn ang="0">
                <a:pos x="connsiteX654" y="connsiteY654"/>
              </a:cxn>
              <a:cxn ang="0">
                <a:pos x="connsiteX655" y="connsiteY655"/>
              </a:cxn>
              <a:cxn ang="0">
                <a:pos x="connsiteX656" y="connsiteY656"/>
              </a:cxn>
              <a:cxn ang="0">
                <a:pos x="connsiteX657" y="connsiteY657"/>
              </a:cxn>
              <a:cxn ang="0">
                <a:pos x="connsiteX658" y="connsiteY658"/>
              </a:cxn>
              <a:cxn ang="0">
                <a:pos x="connsiteX659" y="connsiteY659"/>
              </a:cxn>
              <a:cxn ang="0">
                <a:pos x="connsiteX660" y="connsiteY660"/>
              </a:cxn>
              <a:cxn ang="0">
                <a:pos x="connsiteX661" y="connsiteY661"/>
              </a:cxn>
              <a:cxn ang="0">
                <a:pos x="connsiteX662" y="connsiteY662"/>
              </a:cxn>
              <a:cxn ang="0">
                <a:pos x="connsiteX663" y="connsiteY663"/>
              </a:cxn>
              <a:cxn ang="0">
                <a:pos x="connsiteX664" y="connsiteY664"/>
              </a:cxn>
              <a:cxn ang="0">
                <a:pos x="connsiteX665" y="connsiteY665"/>
              </a:cxn>
              <a:cxn ang="0">
                <a:pos x="connsiteX666" y="connsiteY666"/>
              </a:cxn>
              <a:cxn ang="0">
                <a:pos x="connsiteX667" y="connsiteY667"/>
              </a:cxn>
              <a:cxn ang="0">
                <a:pos x="connsiteX668" y="connsiteY668"/>
              </a:cxn>
              <a:cxn ang="0">
                <a:pos x="connsiteX669" y="connsiteY669"/>
              </a:cxn>
              <a:cxn ang="0">
                <a:pos x="connsiteX670" y="connsiteY670"/>
              </a:cxn>
              <a:cxn ang="0">
                <a:pos x="connsiteX671" y="connsiteY671"/>
              </a:cxn>
              <a:cxn ang="0">
                <a:pos x="connsiteX672" y="connsiteY672"/>
              </a:cxn>
              <a:cxn ang="0">
                <a:pos x="connsiteX673" y="connsiteY673"/>
              </a:cxn>
              <a:cxn ang="0">
                <a:pos x="connsiteX674" y="connsiteY674"/>
              </a:cxn>
              <a:cxn ang="0">
                <a:pos x="connsiteX675" y="connsiteY675"/>
              </a:cxn>
              <a:cxn ang="0">
                <a:pos x="connsiteX676" y="connsiteY676"/>
              </a:cxn>
              <a:cxn ang="0">
                <a:pos x="connsiteX677" y="connsiteY677"/>
              </a:cxn>
              <a:cxn ang="0">
                <a:pos x="connsiteX678" y="connsiteY678"/>
              </a:cxn>
              <a:cxn ang="0">
                <a:pos x="connsiteX679" y="connsiteY679"/>
              </a:cxn>
              <a:cxn ang="0">
                <a:pos x="connsiteX680" y="connsiteY680"/>
              </a:cxn>
              <a:cxn ang="0">
                <a:pos x="connsiteX681" y="connsiteY681"/>
              </a:cxn>
              <a:cxn ang="0">
                <a:pos x="connsiteX682" y="connsiteY682"/>
              </a:cxn>
              <a:cxn ang="0">
                <a:pos x="connsiteX683" y="connsiteY683"/>
              </a:cxn>
              <a:cxn ang="0">
                <a:pos x="connsiteX684" y="connsiteY684"/>
              </a:cxn>
              <a:cxn ang="0">
                <a:pos x="connsiteX685" y="connsiteY685"/>
              </a:cxn>
              <a:cxn ang="0">
                <a:pos x="connsiteX686" y="connsiteY686"/>
              </a:cxn>
              <a:cxn ang="0">
                <a:pos x="connsiteX687" y="connsiteY687"/>
              </a:cxn>
              <a:cxn ang="0">
                <a:pos x="connsiteX688" y="connsiteY688"/>
              </a:cxn>
              <a:cxn ang="0">
                <a:pos x="connsiteX689" y="connsiteY689"/>
              </a:cxn>
              <a:cxn ang="0">
                <a:pos x="connsiteX690" y="connsiteY690"/>
              </a:cxn>
              <a:cxn ang="0">
                <a:pos x="connsiteX691" y="connsiteY691"/>
              </a:cxn>
              <a:cxn ang="0">
                <a:pos x="connsiteX692" y="connsiteY692"/>
              </a:cxn>
              <a:cxn ang="0">
                <a:pos x="connsiteX693" y="connsiteY693"/>
              </a:cxn>
              <a:cxn ang="0">
                <a:pos x="connsiteX694" y="connsiteY694"/>
              </a:cxn>
              <a:cxn ang="0">
                <a:pos x="connsiteX695" y="connsiteY695"/>
              </a:cxn>
              <a:cxn ang="0">
                <a:pos x="connsiteX696" y="connsiteY696"/>
              </a:cxn>
              <a:cxn ang="0">
                <a:pos x="connsiteX697" y="connsiteY697"/>
              </a:cxn>
              <a:cxn ang="0">
                <a:pos x="connsiteX698" y="connsiteY698"/>
              </a:cxn>
              <a:cxn ang="0">
                <a:pos x="connsiteX699" y="connsiteY699"/>
              </a:cxn>
              <a:cxn ang="0">
                <a:pos x="connsiteX700" y="connsiteY700"/>
              </a:cxn>
              <a:cxn ang="0">
                <a:pos x="connsiteX701" y="connsiteY701"/>
              </a:cxn>
              <a:cxn ang="0">
                <a:pos x="connsiteX702" y="connsiteY702"/>
              </a:cxn>
              <a:cxn ang="0">
                <a:pos x="connsiteX703" y="connsiteY703"/>
              </a:cxn>
              <a:cxn ang="0">
                <a:pos x="connsiteX704" y="connsiteY704"/>
              </a:cxn>
              <a:cxn ang="0">
                <a:pos x="connsiteX705" y="connsiteY705"/>
              </a:cxn>
              <a:cxn ang="0">
                <a:pos x="connsiteX706" y="connsiteY706"/>
              </a:cxn>
              <a:cxn ang="0">
                <a:pos x="connsiteX707" y="connsiteY707"/>
              </a:cxn>
              <a:cxn ang="0">
                <a:pos x="connsiteX708" y="connsiteY708"/>
              </a:cxn>
              <a:cxn ang="0">
                <a:pos x="connsiteX709" y="connsiteY709"/>
              </a:cxn>
              <a:cxn ang="0">
                <a:pos x="connsiteX710" y="connsiteY710"/>
              </a:cxn>
              <a:cxn ang="0">
                <a:pos x="connsiteX711" y="connsiteY711"/>
              </a:cxn>
              <a:cxn ang="0">
                <a:pos x="connsiteX712" y="connsiteY712"/>
              </a:cxn>
              <a:cxn ang="0">
                <a:pos x="connsiteX713" y="connsiteY713"/>
              </a:cxn>
              <a:cxn ang="0">
                <a:pos x="connsiteX714" y="connsiteY714"/>
              </a:cxn>
              <a:cxn ang="0">
                <a:pos x="connsiteX715" y="connsiteY715"/>
              </a:cxn>
              <a:cxn ang="0">
                <a:pos x="connsiteX716" y="connsiteY716"/>
              </a:cxn>
              <a:cxn ang="0">
                <a:pos x="connsiteX717" y="connsiteY717"/>
              </a:cxn>
              <a:cxn ang="0">
                <a:pos x="connsiteX718" y="connsiteY718"/>
              </a:cxn>
              <a:cxn ang="0">
                <a:pos x="connsiteX719" y="connsiteY719"/>
              </a:cxn>
              <a:cxn ang="0">
                <a:pos x="connsiteX720" y="connsiteY720"/>
              </a:cxn>
              <a:cxn ang="0">
                <a:pos x="connsiteX721" y="connsiteY721"/>
              </a:cxn>
              <a:cxn ang="0">
                <a:pos x="connsiteX722" y="connsiteY722"/>
              </a:cxn>
              <a:cxn ang="0">
                <a:pos x="connsiteX723" y="connsiteY723"/>
              </a:cxn>
              <a:cxn ang="0">
                <a:pos x="connsiteX724" y="connsiteY724"/>
              </a:cxn>
              <a:cxn ang="0">
                <a:pos x="connsiteX725" y="connsiteY725"/>
              </a:cxn>
              <a:cxn ang="0">
                <a:pos x="connsiteX726" y="connsiteY726"/>
              </a:cxn>
              <a:cxn ang="0">
                <a:pos x="connsiteX727" y="connsiteY727"/>
              </a:cxn>
              <a:cxn ang="0">
                <a:pos x="connsiteX728" y="connsiteY728"/>
              </a:cxn>
              <a:cxn ang="0">
                <a:pos x="connsiteX729" y="connsiteY729"/>
              </a:cxn>
              <a:cxn ang="0">
                <a:pos x="connsiteX730" y="connsiteY730"/>
              </a:cxn>
              <a:cxn ang="0">
                <a:pos x="connsiteX731" y="connsiteY731"/>
              </a:cxn>
              <a:cxn ang="0">
                <a:pos x="connsiteX732" y="connsiteY732"/>
              </a:cxn>
              <a:cxn ang="0">
                <a:pos x="connsiteX733" y="connsiteY733"/>
              </a:cxn>
              <a:cxn ang="0">
                <a:pos x="connsiteX734" y="connsiteY734"/>
              </a:cxn>
              <a:cxn ang="0">
                <a:pos x="connsiteX735" y="connsiteY735"/>
              </a:cxn>
              <a:cxn ang="0">
                <a:pos x="connsiteX736" y="connsiteY736"/>
              </a:cxn>
              <a:cxn ang="0">
                <a:pos x="connsiteX737" y="connsiteY737"/>
              </a:cxn>
              <a:cxn ang="0">
                <a:pos x="connsiteX738" y="connsiteY738"/>
              </a:cxn>
              <a:cxn ang="0">
                <a:pos x="connsiteX739" y="connsiteY739"/>
              </a:cxn>
              <a:cxn ang="0">
                <a:pos x="connsiteX740" y="connsiteY740"/>
              </a:cxn>
              <a:cxn ang="0">
                <a:pos x="connsiteX741" y="connsiteY741"/>
              </a:cxn>
              <a:cxn ang="0">
                <a:pos x="connsiteX742" y="connsiteY742"/>
              </a:cxn>
              <a:cxn ang="0">
                <a:pos x="connsiteX743" y="connsiteY743"/>
              </a:cxn>
              <a:cxn ang="0">
                <a:pos x="connsiteX744" y="connsiteY744"/>
              </a:cxn>
              <a:cxn ang="0">
                <a:pos x="connsiteX745" y="connsiteY745"/>
              </a:cxn>
              <a:cxn ang="0">
                <a:pos x="connsiteX746" y="connsiteY746"/>
              </a:cxn>
              <a:cxn ang="0">
                <a:pos x="connsiteX747" y="connsiteY747"/>
              </a:cxn>
              <a:cxn ang="0">
                <a:pos x="connsiteX748" y="connsiteY748"/>
              </a:cxn>
              <a:cxn ang="0">
                <a:pos x="connsiteX749" y="connsiteY749"/>
              </a:cxn>
              <a:cxn ang="0">
                <a:pos x="connsiteX750" y="connsiteY750"/>
              </a:cxn>
              <a:cxn ang="0">
                <a:pos x="connsiteX751" y="connsiteY751"/>
              </a:cxn>
              <a:cxn ang="0">
                <a:pos x="connsiteX752" y="connsiteY752"/>
              </a:cxn>
              <a:cxn ang="0">
                <a:pos x="connsiteX753" y="connsiteY753"/>
              </a:cxn>
              <a:cxn ang="0">
                <a:pos x="connsiteX754" y="connsiteY754"/>
              </a:cxn>
              <a:cxn ang="0">
                <a:pos x="connsiteX755" y="connsiteY755"/>
              </a:cxn>
              <a:cxn ang="0">
                <a:pos x="connsiteX756" y="connsiteY756"/>
              </a:cxn>
              <a:cxn ang="0">
                <a:pos x="connsiteX757" y="connsiteY757"/>
              </a:cxn>
              <a:cxn ang="0">
                <a:pos x="connsiteX758" y="connsiteY758"/>
              </a:cxn>
              <a:cxn ang="0">
                <a:pos x="connsiteX759" y="connsiteY759"/>
              </a:cxn>
              <a:cxn ang="0">
                <a:pos x="connsiteX760" y="connsiteY760"/>
              </a:cxn>
              <a:cxn ang="0">
                <a:pos x="connsiteX761" y="connsiteY761"/>
              </a:cxn>
              <a:cxn ang="0">
                <a:pos x="connsiteX762" y="connsiteY762"/>
              </a:cxn>
              <a:cxn ang="0">
                <a:pos x="connsiteX763" y="connsiteY763"/>
              </a:cxn>
              <a:cxn ang="0">
                <a:pos x="connsiteX764" y="connsiteY764"/>
              </a:cxn>
              <a:cxn ang="0">
                <a:pos x="connsiteX765" y="connsiteY765"/>
              </a:cxn>
              <a:cxn ang="0">
                <a:pos x="connsiteX766" y="connsiteY766"/>
              </a:cxn>
              <a:cxn ang="0">
                <a:pos x="connsiteX767" y="connsiteY767"/>
              </a:cxn>
              <a:cxn ang="0">
                <a:pos x="connsiteX768" y="connsiteY768"/>
              </a:cxn>
              <a:cxn ang="0">
                <a:pos x="connsiteX769" y="connsiteY769"/>
              </a:cxn>
              <a:cxn ang="0">
                <a:pos x="connsiteX770" y="connsiteY770"/>
              </a:cxn>
              <a:cxn ang="0">
                <a:pos x="connsiteX771" y="connsiteY771"/>
              </a:cxn>
              <a:cxn ang="0">
                <a:pos x="connsiteX772" y="connsiteY772"/>
              </a:cxn>
              <a:cxn ang="0">
                <a:pos x="connsiteX773" y="connsiteY773"/>
              </a:cxn>
              <a:cxn ang="0">
                <a:pos x="connsiteX774" y="connsiteY774"/>
              </a:cxn>
              <a:cxn ang="0">
                <a:pos x="connsiteX775" y="connsiteY775"/>
              </a:cxn>
              <a:cxn ang="0">
                <a:pos x="connsiteX776" y="connsiteY776"/>
              </a:cxn>
              <a:cxn ang="0">
                <a:pos x="connsiteX777" y="connsiteY777"/>
              </a:cxn>
              <a:cxn ang="0">
                <a:pos x="connsiteX778" y="connsiteY778"/>
              </a:cxn>
              <a:cxn ang="0">
                <a:pos x="connsiteX779" y="connsiteY779"/>
              </a:cxn>
              <a:cxn ang="0">
                <a:pos x="connsiteX780" y="connsiteY780"/>
              </a:cxn>
              <a:cxn ang="0">
                <a:pos x="connsiteX781" y="connsiteY781"/>
              </a:cxn>
              <a:cxn ang="0">
                <a:pos x="connsiteX782" y="connsiteY782"/>
              </a:cxn>
              <a:cxn ang="0">
                <a:pos x="connsiteX783" y="connsiteY783"/>
              </a:cxn>
              <a:cxn ang="0">
                <a:pos x="connsiteX784" y="connsiteY784"/>
              </a:cxn>
              <a:cxn ang="0">
                <a:pos x="connsiteX785" y="connsiteY785"/>
              </a:cxn>
              <a:cxn ang="0">
                <a:pos x="connsiteX786" y="connsiteY786"/>
              </a:cxn>
              <a:cxn ang="0">
                <a:pos x="connsiteX787" y="connsiteY787"/>
              </a:cxn>
              <a:cxn ang="0">
                <a:pos x="connsiteX788" y="connsiteY788"/>
              </a:cxn>
              <a:cxn ang="0">
                <a:pos x="connsiteX789" y="connsiteY789"/>
              </a:cxn>
              <a:cxn ang="0">
                <a:pos x="connsiteX790" y="connsiteY790"/>
              </a:cxn>
              <a:cxn ang="0">
                <a:pos x="connsiteX791" y="connsiteY791"/>
              </a:cxn>
              <a:cxn ang="0">
                <a:pos x="connsiteX792" y="connsiteY792"/>
              </a:cxn>
              <a:cxn ang="0">
                <a:pos x="connsiteX793" y="connsiteY793"/>
              </a:cxn>
              <a:cxn ang="0">
                <a:pos x="connsiteX794" y="connsiteY794"/>
              </a:cxn>
              <a:cxn ang="0">
                <a:pos x="connsiteX795" y="connsiteY795"/>
              </a:cxn>
              <a:cxn ang="0">
                <a:pos x="connsiteX796" y="connsiteY796"/>
              </a:cxn>
              <a:cxn ang="0">
                <a:pos x="connsiteX797" y="connsiteY797"/>
              </a:cxn>
              <a:cxn ang="0">
                <a:pos x="connsiteX798" y="connsiteY798"/>
              </a:cxn>
              <a:cxn ang="0">
                <a:pos x="connsiteX799" y="connsiteY799"/>
              </a:cxn>
              <a:cxn ang="0">
                <a:pos x="connsiteX800" y="connsiteY800"/>
              </a:cxn>
              <a:cxn ang="0">
                <a:pos x="connsiteX801" y="connsiteY801"/>
              </a:cxn>
              <a:cxn ang="0">
                <a:pos x="connsiteX802" y="connsiteY802"/>
              </a:cxn>
              <a:cxn ang="0">
                <a:pos x="connsiteX803" y="connsiteY803"/>
              </a:cxn>
              <a:cxn ang="0">
                <a:pos x="connsiteX804" y="connsiteY804"/>
              </a:cxn>
              <a:cxn ang="0">
                <a:pos x="connsiteX805" y="connsiteY805"/>
              </a:cxn>
              <a:cxn ang="0">
                <a:pos x="connsiteX806" y="connsiteY806"/>
              </a:cxn>
              <a:cxn ang="0">
                <a:pos x="connsiteX807" y="connsiteY807"/>
              </a:cxn>
              <a:cxn ang="0">
                <a:pos x="connsiteX808" y="connsiteY808"/>
              </a:cxn>
              <a:cxn ang="0">
                <a:pos x="connsiteX809" y="connsiteY809"/>
              </a:cxn>
              <a:cxn ang="0">
                <a:pos x="connsiteX810" y="connsiteY810"/>
              </a:cxn>
              <a:cxn ang="0">
                <a:pos x="connsiteX811" y="connsiteY811"/>
              </a:cxn>
              <a:cxn ang="0">
                <a:pos x="connsiteX812" y="connsiteY812"/>
              </a:cxn>
              <a:cxn ang="0">
                <a:pos x="connsiteX813" y="connsiteY813"/>
              </a:cxn>
              <a:cxn ang="0">
                <a:pos x="connsiteX814" y="connsiteY814"/>
              </a:cxn>
              <a:cxn ang="0">
                <a:pos x="connsiteX815" y="connsiteY815"/>
              </a:cxn>
              <a:cxn ang="0">
                <a:pos x="connsiteX816" y="connsiteY816"/>
              </a:cxn>
              <a:cxn ang="0">
                <a:pos x="connsiteX817" y="connsiteY817"/>
              </a:cxn>
              <a:cxn ang="0">
                <a:pos x="connsiteX818" y="connsiteY818"/>
              </a:cxn>
              <a:cxn ang="0">
                <a:pos x="connsiteX819" y="connsiteY819"/>
              </a:cxn>
              <a:cxn ang="0">
                <a:pos x="connsiteX820" y="connsiteY820"/>
              </a:cxn>
              <a:cxn ang="0">
                <a:pos x="connsiteX821" y="connsiteY821"/>
              </a:cxn>
              <a:cxn ang="0">
                <a:pos x="connsiteX822" y="connsiteY822"/>
              </a:cxn>
              <a:cxn ang="0">
                <a:pos x="connsiteX823" y="connsiteY823"/>
              </a:cxn>
              <a:cxn ang="0">
                <a:pos x="connsiteX824" y="connsiteY824"/>
              </a:cxn>
              <a:cxn ang="0">
                <a:pos x="connsiteX825" y="connsiteY825"/>
              </a:cxn>
              <a:cxn ang="0">
                <a:pos x="connsiteX826" y="connsiteY826"/>
              </a:cxn>
              <a:cxn ang="0">
                <a:pos x="connsiteX827" y="connsiteY827"/>
              </a:cxn>
              <a:cxn ang="0">
                <a:pos x="connsiteX828" y="connsiteY828"/>
              </a:cxn>
              <a:cxn ang="0">
                <a:pos x="connsiteX829" y="connsiteY829"/>
              </a:cxn>
              <a:cxn ang="0">
                <a:pos x="connsiteX830" y="connsiteY830"/>
              </a:cxn>
              <a:cxn ang="0">
                <a:pos x="connsiteX831" y="connsiteY831"/>
              </a:cxn>
              <a:cxn ang="0">
                <a:pos x="connsiteX832" y="connsiteY832"/>
              </a:cxn>
              <a:cxn ang="0">
                <a:pos x="connsiteX833" y="connsiteY833"/>
              </a:cxn>
              <a:cxn ang="0">
                <a:pos x="connsiteX834" y="connsiteY834"/>
              </a:cxn>
              <a:cxn ang="0">
                <a:pos x="connsiteX835" y="connsiteY835"/>
              </a:cxn>
              <a:cxn ang="0">
                <a:pos x="connsiteX836" y="connsiteY836"/>
              </a:cxn>
              <a:cxn ang="0">
                <a:pos x="connsiteX837" y="connsiteY837"/>
              </a:cxn>
              <a:cxn ang="0">
                <a:pos x="connsiteX838" y="connsiteY838"/>
              </a:cxn>
              <a:cxn ang="0">
                <a:pos x="connsiteX839" y="connsiteY839"/>
              </a:cxn>
              <a:cxn ang="0">
                <a:pos x="connsiteX840" y="connsiteY840"/>
              </a:cxn>
              <a:cxn ang="0">
                <a:pos x="connsiteX841" y="connsiteY841"/>
              </a:cxn>
              <a:cxn ang="0">
                <a:pos x="connsiteX842" y="connsiteY842"/>
              </a:cxn>
              <a:cxn ang="0">
                <a:pos x="connsiteX843" y="connsiteY843"/>
              </a:cxn>
              <a:cxn ang="0">
                <a:pos x="connsiteX844" y="connsiteY844"/>
              </a:cxn>
              <a:cxn ang="0">
                <a:pos x="connsiteX845" y="connsiteY845"/>
              </a:cxn>
              <a:cxn ang="0">
                <a:pos x="connsiteX846" y="connsiteY846"/>
              </a:cxn>
              <a:cxn ang="0">
                <a:pos x="connsiteX847" y="connsiteY847"/>
              </a:cxn>
              <a:cxn ang="0">
                <a:pos x="connsiteX848" y="connsiteY848"/>
              </a:cxn>
              <a:cxn ang="0">
                <a:pos x="connsiteX849" y="connsiteY849"/>
              </a:cxn>
              <a:cxn ang="0">
                <a:pos x="connsiteX850" y="connsiteY850"/>
              </a:cxn>
              <a:cxn ang="0">
                <a:pos x="connsiteX851" y="connsiteY851"/>
              </a:cxn>
              <a:cxn ang="0">
                <a:pos x="connsiteX852" y="connsiteY852"/>
              </a:cxn>
              <a:cxn ang="0">
                <a:pos x="connsiteX853" y="connsiteY853"/>
              </a:cxn>
              <a:cxn ang="0">
                <a:pos x="connsiteX854" y="connsiteY854"/>
              </a:cxn>
              <a:cxn ang="0">
                <a:pos x="connsiteX855" y="connsiteY855"/>
              </a:cxn>
              <a:cxn ang="0">
                <a:pos x="connsiteX856" y="connsiteY856"/>
              </a:cxn>
              <a:cxn ang="0">
                <a:pos x="connsiteX857" y="connsiteY857"/>
              </a:cxn>
              <a:cxn ang="0">
                <a:pos x="connsiteX858" y="connsiteY858"/>
              </a:cxn>
              <a:cxn ang="0">
                <a:pos x="connsiteX859" y="connsiteY859"/>
              </a:cxn>
              <a:cxn ang="0">
                <a:pos x="connsiteX860" y="connsiteY860"/>
              </a:cxn>
              <a:cxn ang="0">
                <a:pos x="connsiteX861" y="connsiteY861"/>
              </a:cxn>
              <a:cxn ang="0">
                <a:pos x="connsiteX862" y="connsiteY862"/>
              </a:cxn>
              <a:cxn ang="0">
                <a:pos x="connsiteX863" y="connsiteY863"/>
              </a:cxn>
              <a:cxn ang="0">
                <a:pos x="connsiteX864" y="connsiteY864"/>
              </a:cxn>
              <a:cxn ang="0">
                <a:pos x="connsiteX865" y="connsiteY865"/>
              </a:cxn>
              <a:cxn ang="0">
                <a:pos x="connsiteX866" y="connsiteY866"/>
              </a:cxn>
              <a:cxn ang="0">
                <a:pos x="connsiteX867" y="connsiteY867"/>
              </a:cxn>
              <a:cxn ang="0">
                <a:pos x="connsiteX868" y="connsiteY868"/>
              </a:cxn>
              <a:cxn ang="0">
                <a:pos x="connsiteX869" y="connsiteY869"/>
              </a:cxn>
              <a:cxn ang="0">
                <a:pos x="connsiteX870" y="connsiteY870"/>
              </a:cxn>
              <a:cxn ang="0">
                <a:pos x="connsiteX871" y="connsiteY871"/>
              </a:cxn>
              <a:cxn ang="0">
                <a:pos x="connsiteX872" y="connsiteY872"/>
              </a:cxn>
              <a:cxn ang="0">
                <a:pos x="connsiteX873" y="connsiteY873"/>
              </a:cxn>
              <a:cxn ang="0">
                <a:pos x="connsiteX874" y="connsiteY874"/>
              </a:cxn>
              <a:cxn ang="0">
                <a:pos x="connsiteX875" y="connsiteY875"/>
              </a:cxn>
              <a:cxn ang="0">
                <a:pos x="connsiteX876" y="connsiteY876"/>
              </a:cxn>
              <a:cxn ang="0">
                <a:pos x="connsiteX877" y="connsiteY877"/>
              </a:cxn>
              <a:cxn ang="0">
                <a:pos x="connsiteX878" y="connsiteY878"/>
              </a:cxn>
              <a:cxn ang="0">
                <a:pos x="connsiteX879" y="connsiteY879"/>
              </a:cxn>
              <a:cxn ang="0">
                <a:pos x="connsiteX880" y="connsiteY880"/>
              </a:cxn>
              <a:cxn ang="0">
                <a:pos x="connsiteX881" y="connsiteY881"/>
              </a:cxn>
              <a:cxn ang="0">
                <a:pos x="connsiteX882" y="connsiteY882"/>
              </a:cxn>
              <a:cxn ang="0">
                <a:pos x="connsiteX883" y="connsiteY883"/>
              </a:cxn>
              <a:cxn ang="0">
                <a:pos x="connsiteX884" y="connsiteY884"/>
              </a:cxn>
              <a:cxn ang="0">
                <a:pos x="connsiteX885" y="connsiteY885"/>
              </a:cxn>
              <a:cxn ang="0">
                <a:pos x="connsiteX886" y="connsiteY886"/>
              </a:cxn>
              <a:cxn ang="0">
                <a:pos x="connsiteX887" y="connsiteY887"/>
              </a:cxn>
              <a:cxn ang="0">
                <a:pos x="connsiteX888" y="connsiteY888"/>
              </a:cxn>
              <a:cxn ang="0">
                <a:pos x="connsiteX889" y="connsiteY889"/>
              </a:cxn>
              <a:cxn ang="0">
                <a:pos x="connsiteX890" y="connsiteY890"/>
              </a:cxn>
              <a:cxn ang="0">
                <a:pos x="connsiteX891" y="connsiteY891"/>
              </a:cxn>
              <a:cxn ang="0">
                <a:pos x="connsiteX892" y="connsiteY892"/>
              </a:cxn>
              <a:cxn ang="0">
                <a:pos x="connsiteX893" y="connsiteY893"/>
              </a:cxn>
              <a:cxn ang="0">
                <a:pos x="connsiteX894" y="connsiteY894"/>
              </a:cxn>
              <a:cxn ang="0">
                <a:pos x="connsiteX895" y="connsiteY895"/>
              </a:cxn>
              <a:cxn ang="0">
                <a:pos x="connsiteX896" y="connsiteY896"/>
              </a:cxn>
              <a:cxn ang="0">
                <a:pos x="connsiteX897" y="connsiteY897"/>
              </a:cxn>
              <a:cxn ang="0">
                <a:pos x="connsiteX898" y="connsiteY898"/>
              </a:cxn>
              <a:cxn ang="0">
                <a:pos x="connsiteX899" y="connsiteY899"/>
              </a:cxn>
              <a:cxn ang="0">
                <a:pos x="connsiteX900" y="connsiteY900"/>
              </a:cxn>
              <a:cxn ang="0">
                <a:pos x="connsiteX901" y="connsiteY901"/>
              </a:cxn>
              <a:cxn ang="0">
                <a:pos x="connsiteX902" y="connsiteY902"/>
              </a:cxn>
              <a:cxn ang="0">
                <a:pos x="connsiteX903" y="connsiteY903"/>
              </a:cxn>
              <a:cxn ang="0">
                <a:pos x="connsiteX904" y="connsiteY904"/>
              </a:cxn>
              <a:cxn ang="0">
                <a:pos x="connsiteX905" y="connsiteY905"/>
              </a:cxn>
              <a:cxn ang="0">
                <a:pos x="connsiteX906" y="connsiteY906"/>
              </a:cxn>
              <a:cxn ang="0">
                <a:pos x="connsiteX907" y="connsiteY907"/>
              </a:cxn>
              <a:cxn ang="0">
                <a:pos x="connsiteX908" y="connsiteY908"/>
              </a:cxn>
              <a:cxn ang="0">
                <a:pos x="connsiteX909" y="connsiteY909"/>
              </a:cxn>
              <a:cxn ang="0">
                <a:pos x="connsiteX910" y="connsiteY910"/>
              </a:cxn>
              <a:cxn ang="0">
                <a:pos x="connsiteX911" y="connsiteY911"/>
              </a:cxn>
              <a:cxn ang="0">
                <a:pos x="connsiteX912" y="connsiteY912"/>
              </a:cxn>
              <a:cxn ang="0">
                <a:pos x="connsiteX913" y="connsiteY913"/>
              </a:cxn>
              <a:cxn ang="0">
                <a:pos x="connsiteX914" y="connsiteY914"/>
              </a:cxn>
              <a:cxn ang="0">
                <a:pos x="connsiteX915" y="connsiteY915"/>
              </a:cxn>
              <a:cxn ang="0">
                <a:pos x="connsiteX916" y="connsiteY916"/>
              </a:cxn>
              <a:cxn ang="0">
                <a:pos x="connsiteX917" y="connsiteY917"/>
              </a:cxn>
              <a:cxn ang="0">
                <a:pos x="connsiteX918" y="connsiteY918"/>
              </a:cxn>
              <a:cxn ang="0">
                <a:pos x="connsiteX919" y="connsiteY919"/>
              </a:cxn>
              <a:cxn ang="0">
                <a:pos x="connsiteX920" y="connsiteY920"/>
              </a:cxn>
              <a:cxn ang="0">
                <a:pos x="connsiteX921" y="connsiteY921"/>
              </a:cxn>
              <a:cxn ang="0">
                <a:pos x="connsiteX922" y="connsiteY922"/>
              </a:cxn>
              <a:cxn ang="0">
                <a:pos x="connsiteX923" y="connsiteY923"/>
              </a:cxn>
              <a:cxn ang="0">
                <a:pos x="connsiteX924" y="connsiteY924"/>
              </a:cxn>
              <a:cxn ang="0">
                <a:pos x="connsiteX925" y="connsiteY925"/>
              </a:cxn>
              <a:cxn ang="0">
                <a:pos x="connsiteX926" y="connsiteY926"/>
              </a:cxn>
              <a:cxn ang="0">
                <a:pos x="connsiteX927" y="connsiteY927"/>
              </a:cxn>
              <a:cxn ang="0">
                <a:pos x="connsiteX928" y="connsiteY928"/>
              </a:cxn>
              <a:cxn ang="0">
                <a:pos x="connsiteX929" y="connsiteY929"/>
              </a:cxn>
              <a:cxn ang="0">
                <a:pos x="connsiteX930" y="connsiteY930"/>
              </a:cxn>
              <a:cxn ang="0">
                <a:pos x="connsiteX931" y="connsiteY931"/>
              </a:cxn>
              <a:cxn ang="0">
                <a:pos x="connsiteX932" y="connsiteY932"/>
              </a:cxn>
              <a:cxn ang="0">
                <a:pos x="connsiteX933" y="connsiteY933"/>
              </a:cxn>
              <a:cxn ang="0">
                <a:pos x="connsiteX934" y="connsiteY934"/>
              </a:cxn>
              <a:cxn ang="0">
                <a:pos x="connsiteX935" y="connsiteY935"/>
              </a:cxn>
              <a:cxn ang="0">
                <a:pos x="connsiteX936" y="connsiteY936"/>
              </a:cxn>
              <a:cxn ang="0">
                <a:pos x="connsiteX937" y="connsiteY937"/>
              </a:cxn>
              <a:cxn ang="0">
                <a:pos x="connsiteX938" y="connsiteY938"/>
              </a:cxn>
              <a:cxn ang="0">
                <a:pos x="connsiteX939" y="connsiteY939"/>
              </a:cxn>
              <a:cxn ang="0">
                <a:pos x="connsiteX940" y="connsiteY940"/>
              </a:cxn>
              <a:cxn ang="0">
                <a:pos x="connsiteX941" y="connsiteY941"/>
              </a:cxn>
              <a:cxn ang="0">
                <a:pos x="connsiteX942" y="connsiteY942"/>
              </a:cxn>
              <a:cxn ang="0">
                <a:pos x="connsiteX943" y="connsiteY943"/>
              </a:cxn>
              <a:cxn ang="0">
                <a:pos x="connsiteX944" y="connsiteY944"/>
              </a:cxn>
              <a:cxn ang="0">
                <a:pos x="connsiteX945" y="connsiteY945"/>
              </a:cxn>
              <a:cxn ang="0">
                <a:pos x="connsiteX946" y="connsiteY946"/>
              </a:cxn>
              <a:cxn ang="0">
                <a:pos x="connsiteX947" y="connsiteY947"/>
              </a:cxn>
              <a:cxn ang="0">
                <a:pos x="connsiteX948" y="connsiteY948"/>
              </a:cxn>
              <a:cxn ang="0">
                <a:pos x="connsiteX949" y="connsiteY949"/>
              </a:cxn>
              <a:cxn ang="0">
                <a:pos x="connsiteX950" y="connsiteY950"/>
              </a:cxn>
              <a:cxn ang="0">
                <a:pos x="connsiteX951" y="connsiteY951"/>
              </a:cxn>
              <a:cxn ang="0">
                <a:pos x="connsiteX952" y="connsiteY952"/>
              </a:cxn>
              <a:cxn ang="0">
                <a:pos x="connsiteX953" y="connsiteY953"/>
              </a:cxn>
              <a:cxn ang="0">
                <a:pos x="connsiteX954" y="connsiteY954"/>
              </a:cxn>
              <a:cxn ang="0">
                <a:pos x="connsiteX955" y="connsiteY955"/>
              </a:cxn>
              <a:cxn ang="0">
                <a:pos x="connsiteX956" y="connsiteY956"/>
              </a:cxn>
              <a:cxn ang="0">
                <a:pos x="connsiteX957" y="connsiteY957"/>
              </a:cxn>
              <a:cxn ang="0">
                <a:pos x="connsiteX958" y="connsiteY958"/>
              </a:cxn>
              <a:cxn ang="0">
                <a:pos x="connsiteX959" y="connsiteY959"/>
              </a:cxn>
              <a:cxn ang="0">
                <a:pos x="connsiteX960" y="connsiteY960"/>
              </a:cxn>
              <a:cxn ang="0">
                <a:pos x="connsiteX961" y="connsiteY961"/>
              </a:cxn>
              <a:cxn ang="0">
                <a:pos x="connsiteX962" y="connsiteY962"/>
              </a:cxn>
              <a:cxn ang="0">
                <a:pos x="connsiteX963" y="connsiteY963"/>
              </a:cxn>
              <a:cxn ang="0">
                <a:pos x="connsiteX964" y="connsiteY964"/>
              </a:cxn>
              <a:cxn ang="0">
                <a:pos x="connsiteX965" y="connsiteY965"/>
              </a:cxn>
              <a:cxn ang="0">
                <a:pos x="connsiteX966" y="connsiteY966"/>
              </a:cxn>
              <a:cxn ang="0">
                <a:pos x="connsiteX967" y="connsiteY967"/>
              </a:cxn>
              <a:cxn ang="0">
                <a:pos x="connsiteX968" y="connsiteY968"/>
              </a:cxn>
              <a:cxn ang="0">
                <a:pos x="connsiteX969" y="connsiteY969"/>
              </a:cxn>
              <a:cxn ang="0">
                <a:pos x="connsiteX970" y="connsiteY970"/>
              </a:cxn>
              <a:cxn ang="0">
                <a:pos x="connsiteX971" y="connsiteY971"/>
              </a:cxn>
              <a:cxn ang="0">
                <a:pos x="connsiteX972" y="connsiteY972"/>
              </a:cxn>
              <a:cxn ang="0">
                <a:pos x="connsiteX973" y="connsiteY973"/>
              </a:cxn>
              <a:cxn ang="0">
                <a:pos x="connsiteX974" y="connsiteY974"/>
              </a:cxn>
              <a:cxn ang="0">
                <a:pos x="connsiteX975" y="connsiteY975"/>
              </a:cxn>
              <a:cxn ang="0">
                <a:pos x="connsiteX976" y="connsiteY976"/>
              </a:cxn>
              <a:cxn ang="0">
                <a:pos x="connsiteX977" y="connsiteY977"/>
              </a:cxn>
              <a:cxn ang="0">
                <a:pos x="connsiteX978" y="connsiteY978"/>
              </a:cxn>
              <a:cxn ang="0">
                <a:pos x="connsiteX979" y="connsiteY979"/>
              </a:cxn>
              <a:cxn ang="0">
                <a:pos x="connsiteX980" y="connsiteY980"/>
              </a:cxn>
              <a:cxn ang="0">
                <a:pos x="connsiteX981" y="connsiteY981"/>
              </a:cxn>
              <a:cxn ang="0">
                <a:pos x="connsiteX982" y="connsiteY982"/>
              </a:cxn>
              <a:cxn ang="0">
                <a:pos x="connsiteX983" y="connsiteY983"/>
              </a:cxn>
              <a:cxn ang="0">
                <a:pos x="connsiteX984" y="connsiteY984"/>
              </a:cxn>
              <a:cxn ang="0">
                <a:pos x="connsiteX985" y="connsiteY985"/>
              </a:cxn>
              <a:cxn ang="0">
                <a:pos x="connsiteX986" y="connsiteY986"/>
              </a:cxn>
              <a:cxn ang="0">
                <a:pos x="connsiteX987" y="connsiteY987"/>
              </a:cxn>
              <a:cxn ang="0">
                <a:pos x="connsiteX988" y="connsiteY988"/>
              </a:cxn>
              <a:cxn ang="0">
                <a:pos x="connsiteX989" y="connsiteY989"/>
              </a:cxn>
              <a:cxn ang="0">
                <a:pos x="connsiteX990" y="connsiteY990"/>
              </a:cxn>
              <a:cxn ang="0">
                <a:pos x="connsiteX991" y="connsiteY991"/>
              </a:cxn>
              <a:cxn ang="0">
                <a:pos x="connsiteX992" y="connsiteY992"/>
              </a:cxn>
              <a:cxn ang="0">
                <a:pos x="connsiteX993" y="connsiteY993"/>
              </a:cxn>
              <a:cxn ang="0">
                <a:pos x="connsiteX994" y="connsiteY994"/>
              </a:cxn>
              <a:cxn ang="0">
                <a:pos x="connsiteX995" y="connsiteY995"/>
              </a:cxn>
              <a:cxn ang="0">
                <a:pos x="connsiteX996" y="connsiteY996"/>
              </a:cxn>
              <a:cxn ang="0">
                <a:pos x="connsiteX997" y="connsiteY997"/>
              </a:cxn>
              <a:cxn ang="0">
                <a:pos x="connsiteX998" y="connsiteY998"/>
              </a:cxn>
              <a:cxn ang="0">
                <a:pos x="connsiteX999" y="connsiteY999"/>
              </a:cxn>
              <a:cxn ang="0">
                <a:pos x="connsiteX1000" y="connsiteY1000"/>
              </a:cxn>
              <a:cxn ang="0">
                <a:pos x="connsiteX1001" y="connsiteY1001"/>
              </a:cxn>
              <a:cxn ang="0">
                <a:pos x="connsiteX1002" y="connsiteY1002"/>
              </a:cxn>
              <a:cxn ang="0">
                <a:pos x="connsiteX1003" y="connsiteY1003"/>
              </a:cxn>
              <a:cxn ang="0">
                <a:pos x="connsiteX1004" y="connsiteY1004"/>
              </a:cxn>
              <a:cxn ang="0">
                <a:pos x="connsiteX1005" y="connsiteY1005"/>
              </a:cxn>
              <a:cxn ang="0">
                <a:pos x="connsiteX1006" y="connsiteY1006"/>
              </a:cxn>
              <a:cxn ang="0">
                <a:pos x="connsiteX1007" y="connsiteY1007"/>
              </a:cxn>
              <a:cxn ang="0">
                <a:pos x="connsiteX1008" y="connsiteY1008"/>
              </a:cxn>
              <a:cxn ang="0">
                <a:pos x="connsiteX1009" y="connsiteY1009"/>
              </a:cxn>
              <a:cxn ang="0">
                <a:pos x="connsiteX1010" y="connsiteY1010"/>
              </a:cxn>
              <a:cxn ang="0">
                <a:pos x="connsiteX1011" y="connsiteY1011"/>
              </a:cxn>
              <a:cxn ang="0">
                <a:pos x="connsiteX1012" y="connsiteY1012"/>
              </a:cxn>
              <a:cxn ang="0">
                <a:pos x="connsiteX1013" y="connsiteY1013"/>
              </a:cxn>
              <a:cxn ang="0">
                <a:pos x="connsiteX1014" y="connsiteY1014"/>
              </a:cxn>
              <a:cxn ang="0">
                <a:pos x="connsiteX1015" y="connsiteY1015"/>
              </a:cxn>
              <a:cxn ang="0">
                <a:pos x="connsiteX1016" y="connsiteY1016"/>
              </a:cxn>
              <a:cxn ang="0">
                <a:pos x="connsiteX1017" y="connsiteY1017"/>
              </a:cxn>
              <a:cxn ang="0">
                <a:pos x="connsiteX1018" y="connsiteY1018"/>
              </a:cxn>
              <a:cxn ang="0">
                <a:pos x="connsiteX1019" y="connsiteY1019"/>
              </a:cxn>
              <a:cxn ang="0">
                <a:pos x="connsiteX1020" y="connsiteY1020"/>
              </a:cxn>
              <a:cxn ang="0">
                <a:pos x="connsiteX1021" y="connsiteY1021"/>
              </a:cxn>
              <a:cxn ang="0">
                <a:pos x="connsiteX1022" y="connsiteY1022"/>
              </a:cxn>
              <a:cxn ang="0">
                <a:pos x="connsiteX1023" y="connsiteY1023"/>
              </a:cxn>
              <a:cxn ang="0">
                <a:pos x="connsiteX1024" y="connsiteY1024"/>
              </a:cxn>
              <a:cxn ang="0">
                <a:pos x="connsiteX1025" y="connsiteY1025"/>
              </a:cxn>
              <a:cxn ang="0">
                <a:pos x="connsiteX1026" y="connsiteY1026"/>
              </a:cxn>
              <a:cxn ang="0">
                <a:pos x="connsiteX1027" y="connsiteY1027"/>
              </a:cxn>
              <a:cxn ang="0">
                <a:pos x="connsiteX1028" y="connsiteY1028"/>
              </a:cxn>
              <a:cxn ang="0">
                <a:pos x="connsiteX1029" y="connsiteY1029"/>
              </a:cxn>
              <a:cxn ang="0">
                <a:pos x="connsiteX1030" y="connsiteY1030"/>
              </a:cxn>
              <a:cxn ang="0">
                <a:pos x="connsiteX1031" y="connsiteY1031"/>
              </a:cxn>
              <a:cxn ang="0">
                <a:pos x="connsiteX1032" y="connsiteY1032"/>
              </a:cxn>
              <a:cxn ang="0">
                <a:pos x="connsiteX1033" y="connsiteY1033"/>
              </a:cxn>
              <a:cxn ang="0">
                <a:pos x="connsiteX1034" y="connsiteY1034"/>
              </a:cxn>
              <a:cxn ang="0">
                <a:pos x="connsiteX1035" y="connsiteY1035"/>
              </a:cxn>
              <a:cxn ang="0">
                <a:pos x="connsiteX1036" y="connsiteY1036"/>
              </a:cxn>
              <a:cxn ang="0">
                <a:pos x="connsiteX1037" y="connsiteY1037"/>
              </a:cxn>
              <a:cxn ang="0">
                <a:pos x="connsiteX1038" y="connsiteY1038"/>
              </a:cxn>
              <a:cxn ang="0">
                <a:pos x="connsiteX1039" y="connsiteY1039"/>
              </a:cxn>
              <a:cxn ang="0">
                <a:pos x="connsiteX1040" y="connsiteY1040"/>
              </a:cxn>
              <a:cxn ang="0">
                <a:pos x="connsiteX1041" y="connsiteY1041"/>
              </a:cxn>
              <a:cxn ang="0">
                <a:pos x="connsiteX1042" y="connsiteY1042"/>
              </a:cxn>
              <a:cxn ang="0">
                <a:pos x="connsiteX1043" y="connsiteY1043"/>
              </a:cxn>
              <a:cxn ang="0">
                <a:pos x="connsiteX1044" y="connsiteY1044"/>
              </a:cxn>
              <a:cxn ang="0">
                <a:pos x="connsiteX1045" y="connsiteY1045"/>
              </a:cxn>
              <a:cxn ang="0">
                <a:pos x="connsiteX1046" y="connsiteY1046"/>
              </a:cxn>
              <a:cxn ang="0">
                <a:pos x="connsiteX1047" y="connsiteY1047"/>
              </a:cxn>
              <a:cxn ang="0">
                <a:pos x="connsiteX1048" y="connsiteY1048"/>
              </a:cxn>
              <a:cxn ang="0">
                <a:pos x="connsiteX1049" y="connsiteY1049"/>
              </a:cxn>
              <a:cxn ang="0">
                <a:pos x="connsiteX1050" y="connsiteY1050"/>
              </a:cxn>
              <a:cxn ang="0">
                <a:pos x="connsiteX1051" y="connsiteY1051"/>
              </a:cxn>
              <a:cxn ang="0">
                <a:pos x="connsiteX1052" y="connsiteY1052"/>
              </a:cxn>
              <a:cxn ang="0">
                <a:pos x="connsiteX1053" y="connsiteY1053"/>
              </a:cxn>
              <a:cxn ang="0">
                <a:pos x="connsiteX1054" y="connsiteY1054"/>
              </a:cxn>
              <a:cxn ang="0">
                <a:pos x="connsiteX1055" y="connsiteY1055"/>
              </a:cxn>
              <a:cxn ang="0">
                <a:pos x="connsiteX1056" y="connsiteY1056"/>
              </a:cxn>
              <a:cxn ang="0">
                <a:pos x="connsiteX1057" y="connsiteY1057"/>
              </a:cxn>
              <a:cxn ang="0">
                <a:pos x="connsiteX1058" y="connsiteY1058"/>
              </a:cxn>
              <a:cxn ang="0">
                <a:pos x="connsiteX1059" y="connsiteY1059"/>
              </a:cxn>
              <a:cxn ang="0">
                <a:pos x="connsiteX1060" y="connsiteY1060"/>
              </a:cxn>
              <a:cxn ang="0">
                <a:pos x="connsiteX1061" y="connsiteY1061"/>
              </a:cxn>
              <a:cxn ang="0">
                <a:pos x="connsiteX1062" y="connsiteY1062"/>
              </a:cxn>
              <a:cxn ang="0">
                <a:pos x="connsiteX1063" y="connsiteY1063"/>
              </a:cxn>
              <a:cxn ang="0">
                <a:pos x="connsiteX1064" y="connsiteY1064"/>
              </a:cxn>
              <a:cxn ang="0">
                <a:pos x="connsiteX1065" y="connsiteY1065"/>
              </a:cxn>
              <a:cxn ang="0">
                <a:pos x="connsiteX1066" y="connsiteY1066"/>
              </a:cxn>
              <a:cxn ang="0">
                <a:pos x="connsiteX1067" y="connsiteY1067"/>
              </a:cxn>
              <a:cxn ang="0">
                <a:pos x="connsiteX1068" y="connsiteY1068"/>
              </a:cxn>
              <a:cxn ang="0">
                <a:pos x="connsiteX1069" y="connsiteY1069"/>
              </a:cxn>
              <a:cxn ang="0">
                <a:pos x="connsiteX1070" y="connsiteY1070"/>
              </a:cxn>
              <a:cxn ang="0">
                <a:pos x="connsiteX1071" y="connsiteY1071"/>
              </a:cxn>
              <a:cxn ang="0">
                <a:pos x="connsiteX1072" y="connsiteY1072"/>
              </a:cxn>
              <a:cxn ang="0">
                <a:pos x="connsiteX1073" y="connsiteY1073"/>
              </a:cxn>
              <a:cxn ang="0">
                <a:pos x="connsiteX1074" y="connsiteY1074"/>
              </a:cxn>
              <a:cxn ang="0">
                <a:pos x="connsiteX1075" y="connsiteY1075"/>
              </a:cxn>
              <a:cxn ang="0">
                <a:pos x="connsiteX1076" y="connsiteY1076"/>
              </a:cxn>
              <a:cxn ang="0">
                <a:pos x="connsiteX1077" y="connsiteY1077"/>
              </a:cxn>
              <a:cxn ang="0">
                <a:pos x="connsiteX1078" y="connsiteY1078"/>
              </a:cxn>
              <a:cxn ang="0">
                <a:pos x="connsiteX1079" y="connsiteY1079"/>
              </a:cxn>
              <a:cxn ang="0">
                <a:pos x="connsiteX1080" y="connsiteY1080"/>
              </a:cxn>
              <a:cxn ang="0">
                <a:pos x="connsiteX1081" y="connsiteY1081"/>
              </a:cxn>
              <a:cxn ang="0">
                <a:pos x="connsiteX1082" y="connsiteY1082"/>
              </a:cxn>
              <a:cxn ang="0">
                <a:pos x="connsiteX1083" y="connsiteY1083"/>
              </a:cxn>
              <a:cxn ang="0">
                <a:pos x="connsiteX1084" y="connsiteY1084"/>
              </a:cxn>
              <a:cxn ang="0">
                <a:pos x="connsiteX1085" y="connsiteY1085"/>
              </a:cxn>
              <a:cxn ang="0">
                <a:pos x="connsiteX1086" y="connsiteY1086"/>
              </a:cxn>
              <a:cxn ang="0">
                <a:pos x="connsiteX1087" y="connsiteY1087"/>
              </a:cxn>
              <a:cxn ang="0">
                <a:pos x="connsiteX1088" y="connsiteY1088"/>
              </a:cxn>
              <a:cxn ang="0">
                <a:pos x="connsiteX1089" y="connsiteY1089"/>
              </a:cxn>
              <a:cxn ang="0">
                <a:pos x="connsiteX1090" y="connsiteY1090"/>
              </a:cxn>
              <a:cxn ang="0">
                <a:pos x="connsiteX1091" y="connsiteY1091"/>
              </a:cxn>
              <a:cxn ang="0">
                <a:pos x="connsiteX1092" y="connsiteY1092"/>
              </a:cxn>
              <a:cxn ang="0">
                <a:pos x="connsiteX1093" y="connsiteY1093"/>
              </a:cxn>
              <a:cxn ang="0">
                <a:pos x="connsiteX1094" y="connsiteY1094"/>
              </a:cxn>
              <a:cxn ang="0">
                <a:pos x="connsiteX1095" y="connsiteY1095"/>
              </a:cxn>
              <a:cxn ang="0">
                <a:pos x="connsiteX1096" y="connsiteY1096"/>
              </a:cxn>
              <a:cxn ang="0">
                <a:pos x="connsiteX1097" y="connsiteY1097"/>
              </a:cxn>
              <a:cxn ang="0">
                <a:pos x="connsiteX1098" y="connsiteY1098"/>
              </a:cxn>
              <a:cxn ang="0">
                <a:pos x="connsiteX1099" y="connsiteY1099"/>
              </a:cxn>
              <a:cxn ang="0">
                <a:pos x="connsiteX1100" y="connsiteY1100"/>
              </a:cxn>
              <a:cxn ang="0">
                <a:pos x="connsiteX1101" y="connsiteY1101"/>
              </a:cxn>
              <a:cxn ang="0">
                <a:pos x="connsiteX1102" y="connsiteY1102"/>
              </a:cxn>
              <a:cxn ang="0">
                <a:pos x="connsiteX1103" y="connsiteY1103"/>
              </a:cxn>
              <a:cxn ang="0">
                <a:pos x="connsiteX1104" y="connsiteY1104"/>
              </a:cxn>
              <a:cxn ang="0">
                <a:pos x="connsiteX1105" y="connsiteY1105"/>
              </a:cxn>
              <a:cxn ang="0">
                <a:pos x="connsiteX1106" y="connsiteY1106"/>
              </a:cxn>
              <a:cxn ang="0">
                <a:pos x="connsiteX1107" y="connsiteY1107"/>
              </a:cxn>
              <a:cxn ang="0">
                <a:pos x="connsiteX1108" y="connsiteY1108"/>
              </a:cxn>
              <a:cxn ang="0">
                <a:pos x="connsiteX1109" y="connsiteY1109"/>
              </a:cxn>
              <a:cxn ang="0">
                <a:pos x="connsiteX1110" y="connsiteY1110"/>
              </a:cxn>
              <a:cxn ang="0">
                <a:pos x="connsiteX1111" y="connsiteY1111"/>
              </a:cxn>
              <a:cxn ang="0">
                <a:pos x="connsiteX1112" y="connsiteY1112"/>
              </a:cxn>
              <a:cxn ang="0">
                <a:pos x="connsiteX1113" y="connsiteY1113"/>
              </a:cxn>
              <a:cxn ang="0">
                <a:pos x="connsiteX1114" y="connsiteY1114"/>
              </a:cxn>
              <a:cxn ang="0">
                <a:pos x="connsiteX1115" y="connsiteY1115"/>
              </a:cxn>
              <a:cxn ang="0">
                <a:pos x="connsiteX1116" y="connsiteY1116"/>
              </a:cxn>
              <a:cxn ang="0">
                <a:pos x="connsiteX1117" y="connsiteY1117"/>
              </a:cxn>
              <a:cxn ang="0">
                <a:pos x="connsiteX1118" y="connsiteY1118"/>
              </a:cxn>
              <a:cxn ang="0">
                <a:pos x="connsiteX1119" y="connsiteY1119"/>
              </a:cxn>
              <a:cxn ang="0">
                <a:pos x="connsiteX1120" y="connsiteY1120"/>
              </a:cxn>
              <a:cxn ang="0">
                <a:pos x="connsiteX1121" y="connsiteY1121"/>
              </a:cxn>
              <a:cxn ang="0">
                <a:pos x="connsiteX1122" y="connsiteY1122"/>
              </a:cxn>
              <a:cxn ang="0">
                <a:pos x="connsiteX1123" y="connsiteY1123"/>
              </a:cxn>
              <a:cxn ang="0">
                <a:pos x="connsiteX1124" y="connsiteY1124"/>
              </a:cxn>
              <a:cxn ang="0">
                <a:pos x="connsiteX1125" y="connsiteY1125"/>
              </a:cxn>
              <a:cxn ang="0">
                <a:pos x="connsiteX1126" y="connsiteY1126"/>
              </a:cxn>
              <a:cxn ang="0">
                <a:pos x="connsiteX1127" y="connsiteY1127"/>
              </a:cxn>
              <a:cxn ang="0">
                <a:pos x="connsiteX1128" y="connsiteY1128"/>
              </a:cxn>
              <a:cxn ang="0">
                <a:pos x="connsiteX1129" y="connsiteY1129"/>
              </a:cxn>
              <a:cxn ang="0">
                <a:pos x="connsiteX1130" y="connsiteY1130"/>
              </a:cxn>
              <a:cxn ang="0">
                <a:pos x="connsiteX1131" y="connsiteY1131"/>
              </a:cxn>
              <a:cxn ang="0">
                <a:pos x="connsiteX1132" y="connsiteY1132"/>
              </a:cxn>
              <a:cxn ang="0">
                <a:pos x="connsiteX1133" y="connsiteY1133"/>
              </a:cxn>
              <a:cxn ang="0">
                <a:pos x="connsiteX1134" y="connsiteY1134"/>
              </a:cxn>
              <a:cxn ang="0">
                <a:pos x="connsiteX1135" y="connsiteY1135"/>
              </a:cxn>
              <a:cxn ang="0">
                <a:pos x="connsiteX1136" y="connsiteY1136"/>
              </a:cxn>
              <a:cxn ang="0">
                <a:pos x="connsiteX1137" y="connsiteY1137"/>
              </a:cxn>
              <a:cxn ang="0">
                <a:pos x="connsiteX1138" y="connsiteY1138"/>
              </a:cxn>
              <a:cxn ang="0">
                <a:pos x="connsiteX1139" y="connsiteY1139"/>
              </a:cxn>
              <a:cxn ang="0">
                <a:pos x="connsiteX1140" y="connsiteY1140"/>
              </a:cxn>
              <a:cxn ang="0">
                <a:pos x="connsiteX1141" y="connsiteY1141"/>
              </a:cxn>
              <a:cxn ang="0">
                <a:pos x="connsiteX1142" y="connsiteY1142"/>
              </a:cxn>
              <a:cxn ang="0">
                <a:pos x="connsiteX1143" y="connsiteY1143"/>
              </a:cxn>
              <a:cxn ang="0">
                <a:pos x="connsiteX1144" y="connsiteY1144"/>
              </a:cxn>
              <a:cxn ang="0">
                <a:pos x="connsiteX1145" y="connsiteY1145"/>
              </a:cxn>
              <a:cxn ang="0">
                <a:pos x="connsiteX1146" y="connsiteY1146"/>
              </a:cxn>
              <a:cxn ang="0">
                <a:pos x="connsiteX1147" y="connsiteY1147"/>
              </a:cxn>
              <a:cxn ang="0">
                <a:pos x="connsiteX1148" y="connsiteY1148"/>
              </a:cxn>
              <a:cxn ang="0">
                <a:pos x="connsiteX1149" y="connsiteY1149"/>
              </a:cxn>
              <a:cxn ang="0">
                <a:pos x="connsiteX1150" y="connsiteY1150"/>
              </a:cxn>
              <a:cxn ang="0">
                <a:pos x="connsiteX1151" y="connsiteY1151"/>
              </a:cxn>
              <a:cxn ang="0">
                <a:pos x="connsiteX1152" y="connsiteY1152"/>
              </a:cxn>
              <a:cxn ang="0">
                <a:pos x="connsiteX1153" y="connsiteY1153"/>
              </a:cxn>
              <a:cxn ang="0">
                <a:pos x="connsiteX1154" y="connsiteY1154"/>
              </a:cxn>
              <a:cxn ang="0">
                <a:pos x="connsiteX1155" y="connsiteY1155"/>
              </a:cxn>
              <a:cxn ang="0">
                <a:pos x="connsiteX1156" y="connsiteY1156"/>
              </a:cxn>
              <a:cxn ang="0">
                <a:pos x="connsiteX1157" y="connsiteY1157"/>
              </a:cxn>
              <a:cxn ang="0">
                <a:pos x="connsiteX1158" y="connsiteY1158"/>
              </a:cxn>
              <a:cxn ang="0">
                <a:pos x="connsiteX1159" y="connsiteY1159"/>
              </a:cxn>
              <a:cxn ang="0">
                <a:pos x="connsiteX1160" y="connsiteY1160"/>
              </a:cxn>
              <a:cxn ang="0">
                <a:pos x="connsiteX1161" y="connsiteY1161"/>
              </a:cxn>
              <a:cxn ang="0">
                <a:pos x="connsiteX1162" y="connsiteY1162"/>
              </a:cxn>
              <a:cxn ang="0">
                <a:pos x="connsiteX1163" y="connsiteY1163"/>
              </a:cxn>
              <a:cxn ang="0">
                <a:pos x="connsiteX1164" y="connsiteY1164"/>
              </a:cxn>
              <a:cxn ang="0">
                <a:pos x="connsiteX1165" y="connsiteY1165"/>
              </a:cxn>
              <a:cxn ang="0">
                <a:pos x="connsiteX1166" y="connsiteY1166"/>
              </a:cxn>
              <a:cxn ang="0">
                <a:pos x="connsiteX1167" y="connsiteY1167"/>
              </a:cxn>
              <a:cxn ang="0">
                <a:pos x="connsiteX1168" y="connsiteY1168"/>
              </a:cxn>
              <a:cxn ang="0">
                <a:pos x="connsiteX1169" y="connsiteY1169"/>
              </a:cxn>
              <a:cxn ang="0">
                <a:pos x="connsiteX1170" y="connsiteY1170"/>
              </a:cxn>
              <a:cxn ang="0">
                <a:pos x="connsiteX1171" y="connsiteY1171"/>
              </a:cxn>
              <a:cxn ang="0">
                <a:pos x="connsiteX1172" y="connsiteY1172"/>
              </a:cxn>
              <a:cxn ang="0">
                <a:pos x="connsiteX1173" y="connsiteY1173"/>
              </a:cxn>
              <a:cxn ang="0">
                <a:pos x="connsiteX1174" y="connsiteY1174"/>
              </a:cxn>
              <a:cxn ang="0">
                <a:pos x="connsiteX1175" y="connsiteY1175"/>
              </a:cxn>
              <a:cxn ang="0">
                <a:pos x="connsiteX1176" y="connsiteY1176"/>
              </a:cxn>
              <a:cxn ang="0">
                <a:pos x="connsiteX1177" y="connsiteY1177"/>
              </a:cxn>
              <a:cxn ang="0">
                <a:pos x="connsiteX1178" y="connsiteY1178"/>
              </a:cxn>
              <a:cxn ang="0">
                <a:pos x="connsiteX1179" y="connsiteY1179"/>
              </a:cxn>
              <a:cxn ang="0">
                <a:pos x="connsiteX1180" y="connsiteY1180"/>
              </a:cxn>
              <a:cxn ang="0">
                <a:pos x="connsiteX1181" y="connsiteY1181"/>
              </a:cxn>
              <a:cxn ang="0">
                <a:pos x="connsiteX1182" y="connsiteY1182"/>
              </a:cxn>
              <a:cxn ang="0">
                <a:pos x="connsiteX1183" y="connsiteY1183"/>
              </a:cxn>
              <a:cxn ang="0">
                <a:pos x="connsiteX1184" y="connsiteY1184"/>
              </a:cxn>
              <a:cxn ang="0">
                <a:pos x="connsiteX1185" y="connsiteY1185"/>
              </a:cxn>
              <a:cxn ang="0">
                <a:pos x="connsiteX1186" y="connsiteY1186"/>
              </a:cxn>
              <a:cxn ang="0">
                <a:pos x="connsiteX1187" y="connsiteY1187"/>
              </a:cxn>
              <a:cxn ang="0">
                <a:pos x="connsiteX1188" y="connsiteY1188"/>
              </a:cxn>
              <a:cxn ang="0">
                <a:pos x="connsiteX1189" y="connsiteY1189"/>
              </a:cxn>
              <a:cxn ang="0">
                <a:pos x="connsiteX1190" y="connsiteY1190"/>
              </a:cxn>
              <a:cxn ang="0">
                <a:pos x="connsiteX1191" y="connsiteY1191"/>
              </a:cxn>
              <a:cxn ang="0">
                <a:pos x="connsiteX1192" y="connsiteY1192"/>
              </a:cxn>
              <a:cxn ang="0">
                <a:pos x="connsiteX1193" y="connsiteY1193"/>
              </a:cxn>
              <a:cxn ang="0">
                <a:pos x="connsiteX1194" y="connsiteY1194"/>
              </a:cxn>
              <a:cxn ang="0">
                <a:pos x="connsiteX1195" y="connsiteY1195"/>
              </a:cxn>
              <a:cxn ang="0">
                <a:pos x="connsiteX1196" y="connsiteY1196"/>
              </a:cxn>
              <a:cxn ang="0">
                <a:pos x="connsiteX1197" y="connsiteY1197"/>
              </a:cxn>
              <a:cxn ang="0">
                <a:pos x="connsiteX1198" y="connsiteY1198"/>
              </a:cxn>
              <a:cxn ang="0">
                <a:pos x="connsiteX1199" y="connsiteY1199"/>
              </a:cxn>
              <a:cxn ang="0">
                <a:pos x="connsiteX1200" y="connsiteY1200"/>
              </a:cxn>
              <a:cxn ang="0">
                <a:pos x="connsiteX1201" y="connsiteY1201"/>
              </a:cxn>
              <a:cxn ang="0">
                <a:pos x="connsiteX1202" y="connsiteY1202"/>
              </a:cxn>
              <a:cxn ang="0">
                <a:pos x="connsiteX1203" y="connsiteY1203"/>
              </a:cxn>
              <a:cxn ang="0">
                <a:pos x="connsiteX1204" y="connsiteY1204"/>
              </a:cxn>
              <a:cxn ang="0">
                <a:pos x="connsiteX1205" y="connsiteY1205"/>
              </a:cxn>
              <a:cxn ang="0">
                <a:pos x="connsiteX1206" y="connsiteY1206"/>
              </a:cxn>
              <a:cxn ang="0">
                <a:pos x="connsiteX1207" y="connsiteY1207"/>
              </a:cxn>
              <a:cxn ang="0">
                <a:pos x="connsiteX1208" y="connsiteY1208"/>
              </a:cxn>
              <a:cxn ang="0">
                <a:pos x="connsiteX1209" y="connsiteY1209"/>
              </a:cxn>
              <a:cxn ang="0">
                <a:pos x="connsiteX1210" y="connsiteY1210"/>
              </a:cxn>
              <a:cxn ang="0">
                <a:pos x="connsiteX1211" y="connsiteY1211"/>
              </a:cxn>
              <a:cxn ang="0">
                <a:pos x="connsiteX1212" y="connsiteY1212"/>
              </a:cxn>
              <a:cxn ang="0">
                <a:pos x="connsiteX1213" y="connsiteY1213"/>
              </a:cxn>
              <a:cxn ang="0">
                <a:pos x="connsiteX1214" y="connsiteY1214"/>
              </a:cxn>
              <a:cxn ang="0">
                <a:pos x="connsiteX1215" y="connsiteY1215"/>
              </a:cxn>
              <a:cxn ang="0">
                <a:pos x="connsiteX1216" y="connsiteY1216"/>
              </a:cxn>
              <a:cxn ang="0">
                <a:pos x="connsiteX1217" y="connsiteY1217"/>
              </a:cxn>
              <a:cxn ang="0">
                <a:pos x="connsiteX1218" y="connsiteY1218"/>
              </a:cxn>
              <a:cxn ang="0">
                <a:pos x="connsiteX1219" y="connsiteY1219"/>
              </a:cxn>
              <a:cxn ang="0">
                <a:pos x="connsiteX1220" y="connsiteY1220"/>
              </a:cxn>
              <a:cxn ang="0">
                <a:pos x="connsiteX1221" y="connsiteY1221"/>
              </a:cxn>
              <a:cxn ang="0">
                <a:pos x="connsiteX1222" y="connsiteY1222"/>
              </a:cxn>
              <a:cxn ang="0">
                <a:pos x="connsiteX1223" y="connsiteY1223"/>
              </a:cxn>
              <a:cxn ang="0">
                <a:pos x="connsiteX1224" y="connsiteY1224"/>
              </a:cxn>
              <a:cxn ang="0">
                <a:pos x="connsiteX1225" y="connsiteY1225"/>
              </a:cxn>
              <a:cxn ang="0">
                <a:pos x="connsiteX1226" y="connsiteY1226"/>
              </a:cxn>
              <a:cxn ang="0">
                <a:pos x="connsiteX1227" y="connsiteY1227"/>
              </a:cxn>
              <a:cxn ang="0">
                <a:pos x="connsiteX1228" y="connsiteY1228"/>
              </a:cxn>
              <a:cxn ang="0">
                <a:pos x="connsiteX1229" y="connsiteY1229"/>
              </a:cxn>
              <a:cxn ang="0">
                <a:pos x="connsiteX1230" y="connsiteY1230"/>
              </a:cxn>
              <a:cxn ang="0">
                <a:pos x="connsiteX1231" y="connsiteY1231"/>
              </a:cxn>
              <a:cxn ang="0">
                <a:pos x="connsiteX1232" y="connsiteY1232"/>
              </a:cxn>
              <a:cxn ang="0">
                <a:pos x="connsiteX1233" y="connsiteY1233"/>
              </a:cxn>
              <a:cxn ang="0">
                <a:pos x="connsiteX1234" y="connsiteY1234"/>
              </a:cxn>
              <a:cxn ang="0">
                <a:pos x="connsiteX1235" y="connsiteY1235"/>
              </a:cxn>
              <a:cxn ang="0">
                <a:pos x="connsiteX1236" y="connsiteY1236"/>
              </a:cxn>
              <a:cxn ang="0">
                <a:pos x="connsiteX1237" y="connsiteY1237"/>
              </a:cxn>
              <a:cxn ang="0">
                <a:pos x="connsiteX1238" y="connsiteY1238"/>
              </a:cxn>
              <a:cxn ang="0">
                <a:pos x="connsiteX1239" y="connsiteY1239"/>
              </a:cxn>
              <a:cxn ang="0">
                <a:pos x="connsiteX1240" y="connsiteY1240"/>
              </a:cxn>
              <a:cxn ang="0">
                <a:pos x="connsiteX1241" y="connsiteY1241"/>
              </a:cxn>
              <a:cxn ang="0">
                <a:pos x="connsiteX1242" y="connsiteY1242"/>
              </a:cxn>
              <a:cxn ang="0">
                <a:pos x="connsiteX1243" y="connsiteY1243"/>
              </a:cxn>
              <a:cxn ang="0">
                <a:pos x="connsiteX1244" y="connsiteY1244"/>
              </a:cxn>
              <a:cxn ang="0">
                <a:pos x="connsiteX1245" y="connsiteY1245"/>
              </a:cxn>
              <a:cxn ang="0">
                <a:pos x="connsiteX1246" y="connsiteY1246"/>
              </a:cxn>
              <a:cxn ang="0">
                <a:pos x="connsiteX1247" y="connsiteY1247"/>
              </a:cxn>
              <a:cxn ang="0">
                <a:pos x="connsiteX1248" y="connsiteY1248"/>
              </a:cxn>
              <a:cxn ang="0">
                <a:pos x="connsiteX1249" y="connsiteY1249"/>
              </a:cxn>
              <a:cxn ang="0">
                <a:pos x="connsiteX1250" y="connsiteY1250"/>
              </a:cxn>
              <a:cxn ang="0">
                <a:pos x="connsiteX1251" y="connsiteY1251"/>
              </a:cxn>
              <a:cxn ang="0">
                <a:pos x="connsiteX1252" y="connsiteY1252"/>
              </a:cxn>
              <a:cxn ang="0">
                <a:pos x="connsiteX1253" y="connsiteY1253"/>
              </a:cxn>
              <a:cxn ang="0">
                <a:pos x="connsiteX1254" y="connsiteY1254"/>
              </a:cxn>
              <a:cxn ang="0">
                <a:pos x="connsiteX1255" y="connsiteY1255"/>
              </a:cxn>
              <a:cxn ang="0">
                <a:pos x="connsiteX1256" y="connsiteY1256"/>
              </a:cxn>
              <a:cxn ang="0">
                <a:pos x="connsiteX1257" y="connsiteY1257"/>
              </a:cxn>
              <a:cxn ang="0">
                <a:pos x="connsiteX1258" y="connsiteY1258"/>
              </a:cxn>
              <a:cxn ang="0">
                <a:pos x="connsiteX1259" y="connsiteY1259"/>
              </a:cxn>
              <a:cxn ang="0">
                <a:pos x="connsiteX1260" y="connsiteY1260"/>
              </a:cxn>
              <a:cxn ang="0">
                <a:pos x="connsiteX1261" y="connsiteY1261"/>
              </a:cxn>
              <a:cxn ang="0">
                <a:pos x="connsiteX1262" y="connsiteY1262"/>
              </a:cxn>
              <a:cxn ang="0">
                <a:pos x="connsiteX1263" y="connsiteY1263"/>
              </a:cxn>
              <a:cxn ang="0">
                <a:pos x="connsiteX1264" y="connsiteY1264"/>
              </a:cxn>
              <a:cxn ang="0">
                <a:pos x="connsiteX1265" y="connsiteY1265"/>
              </a:cxn>
              <a:cxn ang="0">
                <a:pos x="connsiteX1266" y="connsiteY1266"/>
              </a:cxn>
              <a:cxn ang="0">
                <a:pos x="connsiteX1267" y="connsiteY1267"/>
              </a:cxn>
              <a:cxn ang="0">
                <a:pos x="connsiteX1268" y="connsiteY1268"/>
              </a:cxn>
              <a:cxn ang="0">
                <a:pos x="connsiteX1269" y="connsiteY1269"/>
              </a:cxn>
              <a:cxn ang="0">
                <a:pos x="connsiteX1270" y="connsiteY1270"/>
              </a:cxn>
              <a:cxn ang="0">
                <a:pos x="connsiteX1271" y="connsiteY1271"/>
              </a:cxn>
              <a:cxn ang="0">
                <a:pos x="connsiteX1272" y="connsiteY1272"/>
              </a:cxn>
              <a:cxn ang="0">
                <a:pos x="connsiteX1273" y="connsiteY1273"/>
              </a:cxn>
              <a:cxn ang="0">
                <a:pos x="connsiteX1274" y="connsiteY1274"/>
              </a:cxn>
              <a:cxn ang="0">
                <a:pos x="connsiteX1275" y="connsiteY1275"/>
              </a:cxn>
              <a:cxn ang="0">
                <a:pos x="connsiteX1276" y="connsiteY1276"/>
              </a:cxn>
              <a:cxn ang="0">
                <a:pos x="connsiteX1277" y="connsiteY1277"/>
              </a:cxn>
              <a:cxn ang="0">
                <a:pos x="connsiteX1278" y="connsiteY1278"/>
              </a:cxn>
              <a:cxn ang="0">
                <a:pos x="connsiteX1279" y="connsiteY1279"/>
              </a:cxn>
              <a:cxn ang="0">
                <a:pos x="connsiteX1280" y="connsiteY1280"/>
              </a:cxn>
              <a:cxn ang="0">
                <a:pos x="connsiteX1281" y="connsiteY1281"/>
              </a:cxn>
              <a:cxn ang="0">
                <a:pos x="connsiteX1282" y="connsiteY1282"/>
              </a:cxn>
              <a:cxn ang="0">
                <a:pos x="connsiteX1283" y="connsiteY1283"/>
              </a:cxn>
              <a:cxn ang="0">
                <a:pos x="connsiteX1284" y="connsiteY1284"/>
              </a:cxn>
              <a:cxn ang="0">
                <a:pos x="connsiteX1285" y="connsiteY1285"/>
              </a:cxn>
              <a:cxn ang="0">
                <a:pos x="connsiteX1286" y="connsiteY1286"/>
              </a:cxn>
              <a:cxn ang="0">
                <a:pos x="connsiteX1287" y="connsiteY1287"/>
              </a:cxn>
              <a:cxn ang="0">
                <a:pos x="connsiteX1288" y="connsiteY1288"/>
              </a:cxn>
              <a:cxn ang="0">
                <a:pos x="connsiteX1289" y="connsiteY1289"/>
              </a:cxn>
              <a:cxn ang="0">
                <a:pos x="connsiteX1290" y="connsiteY1290"/>
              </a:cxn>
              <a:cxn ang="0">
                <a:pos x="connsiteX1291" y="connsiteY1291"/>
              </a:cxn>
              <a:cxn ang="0">
                <a:pos x="connsiteX1292" y="connsiteY1292"/>
              </a:cxn>
              <a:cxn ang="0">
                <a:pos x="connsiteX1293" y="connsiteY1293"/>
              </a:cxn>
              <a:cxn ang="0">
                <a:pos x="connsiteX1294" y="connsiteY1294"/>
              </a:cxn>
              <a:cxn ang="0">
                <a:pos x="connsiteX1295" y="connsiteY1295"/>
              </a:cxn>
              <a:cxn ang="0">
                <a:pos x="connsiteX1296" y="connsiteY1296"/>
              </a:cxn>
              <a:cxn ang="0">
                <a:pos x="connsiteX1297" y="connsiteY1297"/>
              </a:cxn>
              <a:cxn ang="0">
                <a:pos x="connsiteX1298" y="connsiteY1298"/>
              </a:cxn>
              <a:cxn ang="0">
                <a:pos x="connsiteX1299" y="connsiteY1299"/>
              </a:cxn>
              <a:cxn ang="0">
                <a:pos x="connsiteX1300" y="connsiteY1300"/>
              </a:cxn>
              <a:cxn ang="0">
                <a:pos x="connsiteX1301" y="connsiteY1301"/>
              </a:cxn>
              <a:cxn ang="0">
                <a:pos x="connsiteX1302" y="connsiteY1302"/>
              </a:cxn>
              <a:cxn ang="0">
                <a:pos x="connsiteX1303" y="connsiteY1303"/>
              </a:cxn>
              <a:cxn ang="0">
                <a:pos x="connsiteX1304" y="connsiteY1304"/>
              </a:cxn>
              <a:cxn ang="0">
                <a:pos x="connsiteX1305" y="connsiteY1305"/>
              </a:cxn>
              <a:cxn ang="0">
                <a:pos x="connsiteX1306" y="connsiteY1306"/>
              </a:cxn>
              <a:cxn ang="0">
                <a:pos x="connsiteX1307" y="connsiteY1307"/>
              </a:cxn>
              <a:cxn ang="0">
                <a:pos x="connsiteX1308" y="connsiteY1308"/>
              </a:cxn>
              <a:cxn ang="0">
                <a:pos x="connsiteX1309" y="connsiteY1309"/>
              </a:cxn>
              <a:cxn ang="0">
                <a:pos x="connsiteX1310" y="connsiteY1310"/>
              </a:cxn>
              <a:cxn ang="0">
                <a:pos x="connsiteX1311" y="connsiteY1311"/>
              </a:cxn>
              <a:cxn ang="0">
                <a:pos x="connsiteX1312" y="connsiteY1312"/>
              </a:cxn>
              <a:cxn ang="0">
                <a:pos x="connsiteX1313" y="connsiteY1313"/>
              </a:cxn>
              <a:cxn ang="0">
                <a:pos x="connsiteX1314" y="connsiteY1314"/>
              </a:cxn>
              <a:cxn ang="0">
                <a:pos x="connsiteX1315" y="connsiteY1315"/>
              </a:cxn>
              <a:cxn ang="0">
                <a:pos x="connsiteX1316" y="connsiteY1316"/>
              </a:cxn>
              <a:cxn ang="0">
                <a:pos x="connsiteX1317" y="connsiteY1317"/>
              </a:cxn>
              <a:cxn ang="0">
                <a:pos x="connsiteX1318" y="connsiteY1318"/>
              </a:cxn>
              <a:cxn ang="0">
                <a:pos x="connsiteX1319" y="connsiteY1319"/>
              </a:cxn>
              <a:cxn ang="0">
                <a:pos x="connsiteX1320" y="connsiteY1320"/>
              </a:cxn>
              <a:cxn ang="0">
                <a:pos x="connsiteX1321" y="connsiteY1321"/>
              </a:cxn>
              <a:cxn ang="0">
                <a:pos x="connsiteX1322" y="connsiteY1322"/>
              </a:cxn>
              <a:cxn ang="0">
                <a:pos x="connsiteX1323" y="connsiteY1323"/>
              </a:cxn>
              <a:cxn ang="0">
                <a:pos x="connsiteX1324" y="connsiteY1324"/>
              </a:cxn>
              <a:cxn ang="0">
                <a:pos x="connsiteX1325" y="connsiteY1325"/>
              </a:cxn>
              <a:cxn ang="0">
                <a:pos x="connsiteX1326" y="connsiteY1326"/>
              </a:cxn>
              <a:cxn ang="0">
                <a:pos x="connsiteX1327" y="connsiteY1327"/>
              </a:cxn>
              <a:cxn ang="0">
                <a:pos x="connsiteX1328" y="connsiteY1328"/>
              </a:cxn>
              <a:cxn ang="0">
                <a:pos x="connsiteX1329" y="connsiteY1329"/>
              </a:cxn>
              <a:cxn ang="0">
                <a:pos x="connsiteX1330" y="connsiteY1330"/>
              </a:cxn>
              <a:cxn ang="0">
                <a:pos x="connsiteX1331" y="connsiteY1331"/>
              </a:cxn>
              <a:cxn ang="0">
                <a:pos x="connsiteX1332" y="connsiteY1332"/>
              </a:cxn>
              <a:cxn ang="0">
                <a:pos x="connsiteX1333" y="connsiteY1333"/>
              </a:cxn>
              <a:cxn ang="0">
                <a:pos x="connsiteX1334" y="connsiteY1334"/>
              </a:cxn>
              <a:cxn ang="0">
                <a:pos x="connsiteX1335" y="connsiteY1335"/>
              </a:cxn>
              <a:cxn ang="0">
                <a:pos x="connsiteX1336" y="connsiteY1336"/>
              </a:cxn>
              <a:cxn ang="0">
                <a:pos x="connsiteX1337" y="connsiteY1337"/>
              </a:cxn>
              <a:cxn ang="0">
                <a:pos x="connsiteX1338" y="connsiteY1338"/>
              </a:cxn>
              <a:cxn ang="0">
                <a:pos x="connsiteX1339" y="connsiteY1339"/>
              </a:cxn>
              <a:cxn ang="0">
                <a:pos x="connsiteX1340" y="connsiteY1340"/>
              </a:cxn>
              <a:cxn ang="0">
                <a:pos x="connsiteX1341" y="connsiteY1341"/>
              </a:cxn>
              <a:cxn ang="0">
                <a:pos x="connsiteX1342" y="connsiteY1342"/>
              </a:cxn>
              <a:cxn ang="0">
                <a:pos x="connsiteX1343" y="connsiteY1343"/>
              </a:cxn>
              <a:cxn ang="0">
                <a:pos x="connsiteX1344" y="connsiteY1344"/>
              </a:cxn>
              <a:cxn ang="0">
                <a:pos x="connsiteX1345" y="connsiteY1345"/>
              </a:cxn>
              <a:cxn ang="0">
                <a:pos x="connsiteX1346" y="connsiteY1346"/>
              </a:cxn>
              <a:cxn ang="0">
                <a:pos x="connsiteX1347" y="connsiteY1347"/>
              </a:cxn>
              <a:cxn ang="0">
                <a:pos x="connsiteX1348" y="connsiteY1348"/>
              </a:cxn>
              <a:cxn ang="0">
                <a:pos x="connsiteX1349" y="connsiteY1349"/>
              </a:cxn>
              <a:cxn ang="0">
                <a:pos x="connsiteX1350" y="connsiteY1350"/>
              </a:cxn>
              <a:cxn ang="0">
                <a:pos x="connsiteX1351" y="connsiteY1351"/>
              </a:cxn>
              <a:cxn ang="0">
                <a:pos x="connsiteX1352" y="connsiteY1352"/>
              </a:cxn>
              <a:cxn ang="0">
                <a:pos x="connsiteX1353" y="connsiteY1353"/>
              </a:cxn>
              <a:cxn ang="0">
                <a:pos x="connsiteX1354" y="connsiteY1354"/>
              </a:cxn>
              <a:cxn ang="0">
                <a:pos x="connsiteX1355" y="connsiteY1355"/>
              </a:cxn>
              <a:cxn ang="0">
                <a:pos x="connsiteX1356" y="connsiteY1356"/>
              </a:cxn>
              <a:cxn ang="0">
                <a:pos x="connsiteX1357" y="connsiteY1357"/>
              </a:cxn>
              <a:cxn ang="0">
                <a:pos x="connsiteX1358" y="connsiteY1358"/>
              </a:cxn>
              <a:cxn ang="0">
                <a:pos x="connsiteX1359" y="connsiteY1359"/>
              </a:cxn>
              <a:cxn ang="0">
                <a:pos x="connsiteX1360" y="connsiteY1360"/>
              </a:cxn>
              <a:cxn ang="0">
                <a:pos x="connsiteX1361" y="connsiteY1361"/>
              </a:cxn>
              <a:cxn ang="0">
                <a:pos x="connsiteX1362" y="connsiteY1362"/>
              </a:cxn>
              <a:cxn ang="0">
                <a:pos x="connsiteX1363" y="connsiteY1363"/>
              </a:cxn>
              <a:cxn ang="0">
                <a:pos x="connsiteX1364" y="connsiteY1364"/>
              </a:cxn>
              <a:cxn ang="0">
                <a:pos x="connsiteX1365" y="connsiteY1365"/>
              </a:cxn>
              <a:cxn ang="0">
                <a:pos x="connsiteX1366" y="connsiteY1366"/>
              </a:cxn>
              <a:cxn ang="0">
                <a:pos x="connsiteX1367" y="connsiteY1367"/>
              </a:cxn>
              <a:cxn ang="0">
                <a:pos x="connsiteX1368" y="connsiteY1368"/>
              </a:cxn>
              <a:cxn ang="0">
                <a:pos x="connsiteX1369" y="connsiteY1369"/>
              </a:cxn>
              <a:cxn ang="0">
                <a:pos x="connsiteX1370" y="connsiteY1370"/>
              </a:cxn>
              <a:cxn ang="0">
                <a:pos x="connsiteX1371" y="connsiteY1371"/>
              </a:cxn>
              <a:cxn ang="0">
                <a:pos x="connsiteX1372" y="connsiteY1372"/>
              </a:cxn>
              <a:cxn ang="0">
                <a:pos x="connsiteX1373" y="connsiteY1373"/>
              </a:cxn>
              <a:cxn ang="0">
                <a:pos x="connsiteX1374" y="connsiteY1374"/>
              </a:cxn>
              <a:cxn ang="0">
                <a:pos x="connsiteX1375" y="connsiteY1375"/>
              </a:cxn>
              <a:cxn ang="0">
                <a:pos x="connsiteX1376" y="connsiteY1376"/>
              </a:cxn>
              <a:cxn ang="0">
                <a:pos x="connsiteX1377" y="connsiteY1377"/>
              </a:cxn>
              <a:cxn ang="0">
                <a:pos x="connsiteX1378" y="connsiteY1378"/>
              </a:cxn>
              <a:cxn ang="0">
                <a:pos x="connsiteX1379" y="connsiteY1379"/>
              </a:cxn>
              <a:cxn ang="0">
                <a:pos x="connsiteX1380" y="connsiteY1380"/>
              </a:cxn>
              <a:cxn ang="0">
                <a:pos x="connsiteX1381" y="connsiteY1381"/>
              </a:cxn>
              <a:cxn ang="0">
                <a:pos x="connsiteX1382" y="connsiteY1382"/>
              </a:cxn>
              <a:cxn ang="0">
                <a:pos x="connsiteX1383" y="connsiteY1383"/>
              </a:cxn>
              <a:cxn ang="0">
                <a:pos x="connsiteX1384" y="connsiteY1384"/>
              </a:cxn>
              <a:cxn ang="0">
                <a:pos x="connsiteX1385" y="connsiteY1385"/>
              </a:cxn>
              <a:cxn ang="0">
                <a:pos x="connsiteX1386" y="connsiteY1386"/>
              </a:cxn>
              <a:cxn ang="0">
                <a:pos x="connsiteX1387" y="connsiteY1387"/>
              </a:cxn>
              <a:cxn ang="0">
                <a:pos x="connsiteX1388" y="connsiteY1388"/>
              </a:cxn>
              <a:cxn ang="0">
                <a:pos x="connsiteX1389" y="connsiteY1389"/>
              </a:cxn>
              <a:cxn ang="0">
                <a:pos x="connsiteX1390" y="connsiteY1390"/>
              </a:cxn>
              <a:cxn ang="0">
                <a:pos x="connsiteX1391" y="connsiteY1391"/>
              </a:cxn>
              <a:cxn ang="0">
                <a:pos x="connsiteX1392" y="connsiteY1392"/>
              </a:cxn>
              <a:cxn ang="0">
                <a:pos x="connsiteX1393" y="connsiteY1393"/>
              </a:cxn>
              <a:cxn ang="0">
                <a:pos x="connsiteX1394" y="connsiteY1394"/>
              </a:cxn>
              <a:cxn ang="0">
                <a:pos x="connsiteX1395" y="connsiteY1395"/>
              </a:cxn>
              <a:cxn ang="0">
                <a:pos x="connsiteX1396" y="connsiteY1396"/>
              </a:cxn>
              <a:cxn ang="0">
                <a:pos x="connsiteX1397" y="connsiteY1397"/>
              </a:cxn>
              <a:cxn ang="0">
                <a:pos x="connsiteX1398" y="connsiteY1398"/>
              </a:cxn>
              <a:cxn ang="0">
                <a:pos x="connsiteX1399" y="connsiteY1399"/>
              </a:cxn>
              <a:cxn ang="0">
                <a:pos x="connsiteX1400" y="connsiteY1400"/>
              </a:cxn>
              <a:cxn ang="0">
                <a:pos x="connsiteX1401" y="connsiteY1401"/>
              </a:cxn>
              <a:cxn ang="0">
                <a:pos x="connsiteX1402" y="connsiteY1402"/>
              </a:cxn>
              <a:cxn ang="0">
                <a:pos x="connsiteX1403" y="connsiteY1403"/>
              </a:cxn>
              <a:cxn ang="0">
                <a:pos x="connsiteX1404" y="connsiteY1404"/>
              </a:cxn>
              <a:cxn ang="0">
                <a:pos x="connsiteX1405" y="connsiteY1405"/>
              </a:cxn>
              <a:cxn ang="0">
                <a:pos x="connsiteX1406" y="connsiteY1406"/>
              </a:cxn>
              <a:cxn ang="0">
                <a:pos x="connsiteX1407" y="connsiteY1407"/>
              </a:cxn>
              <a:cxn ang="0">
                <a:pos x="connsiteX1408" y="connsiteY1408"/>
              </a:cxn>
              <a:cxn ang="0">
                <a:pos x="connsiteX1409" y="connsiteY1409"/>
              </a:cxn>
              <a:cxn ang="0">
                <a:pos x="connsiteX1410" y="connsiteY1410"/>
              </a:cxn>
              <a:cxn ang="0">
                <a:pos x="connsiteX1411" y="connsiteY1411"/>
              </a:cxn>
              <a:cxn ang="0">
                <a:pos x="connsiteX1412" y="connsiteY1412"/>
              </a:cxn>
              <a:cxn ang="0">
                <a:pos x="connsiteX1413" y="connsiteY1413"/>
              </a:cxn>
              <a:cxn ang="0">
                <a:pos x="connsiteX1414" y="connsiteY1414"/>
              </a:cxn>
              <a:cxn ang="0">
                <a:pos x="connsiteX1415" y="connsiteY1415"/>
              </a:cxn>
              <a:cxn ang="0">
                <a:pos x="connsiteX1416" y="connsiteY1416"/>
              </a:cxn>
              <a:cxn ang="0">
                <a:pos x="connsiteX1417" y="connsiteY1417"/>
              </a:cxn>
              <a:cxn ang="0">
                <a:pos x="connsiteX1418" y="connsiteY1418"/>
              </a:cxn>
              <a:cxn ang="0">
                <a:pos x="connsiteX1419" y="connsiteY1419"/>
              </a:cxn>
              <a:cxn ang="0">
                <a:pos x="connsiteX1420" y="connsiteY1420"/>
              </a:cxn>
              <a:cxn ang="0">
                <a:pos x="connsiteX1421" y="connsiteY1421"/>
              </a:cxn>
              <a:cxn ang="0">
                <a:pos x="connsiteX1422" y="connsiteY1422"/>
              </a:cxn>
              <a:cxn ang="0">
                <a:pos x="connsiteX1423" y="connsiteY1423"/>
              </a:cxn>
              <a:cxn ang="0">
                <a:pos x="connsiteX1424" y="connsiteY1424"/>
              </a:cxn>
              <a:cxn ang="0">
                <a:pos x="connsiteX1425" y="connsiteY1425"/>
              </a:cxn>
              <a:cxn ang="0">
                <a:pos x="connsiteX1426" y="connsiteY1426"/>
              </a:cxn>
              <a:cxn ang="0">
                <a:pos x="connsiteX1427" y="connsiteY1427"/>
              </a:cxn>
              <a:cxn ang="0">
                <a:pos x="connsiteX1428" y="connsiteY1428"/>
              </a:cxn>
              <a:cxn ang="0">
                <a:pos x="connsiteX1429" y="connsiteY1429"/>
              </a:cxn>
              <a:cxn ang="0">
                <a:pos x="connsiteX1430" y="connsiteY1430"/>
              </a:cxn>
              <a:cxn ang="0">
                <a:pos x="connsiteX1431" y="connsiteY1431"/>
              </a:cxn>
              <a:cxn ang="0">
                <a:pos x="connsiteX1432" y="connsiteY1432"/>
              </a:cxn>
              <a:cxn ang="0">
                <a:pos x="connsiteX1433" y="connsiteY1433"/>
              </a:cxn>
              <a:cxn ang="0">
                <a:pos x="connsiteX1434" y="connsiteY1434"/>
              </a:cxn>
              <a:cxn ang="0">
                <a:pos x="connsiteX1435" y="connsiteY1435"/>
              </a:cxn>
              <a:cxn ang="0">
                <a:pos x="connsiteX1436" y="connsiteY1436"/>
              </a:cxn>
              <a:cxn ang="0">
                <a:pos x="connsiteX1437" y="connsiteY1437"/>
              </a:cxn>
              <a:cxn ang="0">
                <a:pos x="connsiteX1438" y="connsiteY1438"/>
              </a:cxn>
              <a:cxn ang="0">
                <a:pos x="connsiteX1439" y="connsiteY1439"/>
              </a:cxn>
              <a:cxn ang="0">
                <a:pos x="connsiteX1440" y="connsiteY1440"/>
              </a:cxn>
              <a:cxn ang="0">
                <a:pos x="connsiteX1441" y="connsiteY1441"/>
              </a:cxn>
              <a:cxn ang="0">
                <a:pos x="connsiteX1442" y="connsiteY1442"/>
              </a:cxn>
              <a:cxn ang="0">
                <a:pos x="connsiteX1443" y="connsiteY1443"/>
              </a:cxn>
              <a:cxn ang="0">
                <a:pos x="connsiteX1444" y="connsiteY1444"/>
              </a:cxn>
              <a:cxn ang="0">
                <a:pos x="connsiteX1445" y="connsiteY1445"/>
              </a:cxn>
              <a:cxn ang="0">
                <a:pos x="connsiteX1446" y="connsiteY1446"/>
              </a:cxn>
              <a:cxn ang="0">
                <a:pos x="connsiteX1447" y="connsiteY1447"/>
              </a:cxn>
              <a:cxn ang="0">
                <a:pos x="connsiteX1448" y="connsiteY1448"/>
              </a:cxn>
              <a:cxn ang="0">
                <a:pos x="connsiteX1449" y="connsiteY1449"/>
              </a:cxn>
              <a:cxn ang="0">
                <a:pos x="connsiteX1450" y="connsiteY1450"/>
              </a:cxn>
              <a:cxn ang="0">
                <a:pos x="connsiteX1451" y="connsiteY1451"/>
              </a:cxn>
              <a:cxn ang="0">
                <a:pos x="connsiteX1452" y="connsiteY1452"/>
              </a:cxn>
              <a:cxn ang="0">
                <a:pos x="connsiteX1453" y="connsiteY1453"/>
              </a:cxn>
              <a:cxn ang="0">
                <a:pos x="connsiteX1454" y="connsiteY1454"/>
              </a:cxn>
              <a:cxn ang="0">
                <a:pos x="connsiteX1455" y="connsiteY1455"/>
              </a:cxn>
              <a:cxn ang="0">
                <a:pos x="connsiteX1456" y="connsiteY1456"/>
              </a:cxn>
              <a:cxn ang="0">
                <a:pos x="connsiteX1457" y="connsiteY1457"/>
              </a:cxn>
              <a:cxn ang="0">
                <a:pos x="connsiteX1458" y="connsiteY1458"/>
              </a:cxn>
              <a:cxn ang="0">
                <a:pos x="connsiteX1459" y="connsiteY1459"/>
              </a:cxn>
              <a:cxn ang="0">
                <a:pos x="connsiteX1460" y="connsiteY1460"/>
              </a:cxn>
              <a:cxn ang="0">
                <a:pos x="connsiteX1461" y="connsiteY1461"/>
              </a:cxn>
              <a:cxn ang="0">
                <a:pos x="connsiteX1462" y="connsiteY1462"/>
              </a:cxn>
              <a:cxn ang="0">
                <a:pos x="connsiteX1463" y="connsiteY1463"/>
              </a:cxn>
              <a:cxn ang="0">
                <a:pos x="connsiteX1464" y="connsiteY1464"/>
              </a:cxn>
              <a:cxn ang="0">
                <a:pos x="connsiteX1465" y="connsiteY1465"/>
              </a:cxn>
              <a:cxn ang="0">
                <a:pos x="connsiteX1466" y="connsiteY1466"/>
              </a:cxn>
              <a:cxn ang="0">
                <a:pos x="connsiteX1467" y="connsiteY1467"/>
              </a:cxn>
              <a:cxn ang="0">
                <a:pos x="connsiteX1468" y="connsiteY1468"/>
              </a:cxn>
              <a:cxn ang="0">
                <a:pos x="connsiteX1469" y="connsiteY1469"/>
              </a:cxn>
              <a:cxn ang="0">
                <a:pos x="connsiteX1470" y="connsiteY1470"/>
              </a:cxn>
              <a:cxn ang="0">
                <a:pos x="connsiteX1471" y="connsiteY1471"/>
              </a:cxn>
              <a:cxn ang="0">
                <a:pos x="connsiteX1472" y="connsiteY1472"/>
              </a:cxn>
              <a:cxn ang="0">
                <a:pos x="connsiteX1473" y="connsiteY1473"/>
              </a:cxn>
              <a:cxn ang="0">
                <a:pos x="connsiteX1474" y="connsiteY1474"/>
              </a:cxn>
              <a:cxn ang="0">
                <a:pos x="connsiteX1475" y="connsiteY1475"/>
              </a:cxn>
              <a:cxn ang="0">
                <a:pos x="connsiteX1476" y="connsiteY1476"/>
              </a:cxn>
              <a:cxn ang="0">
                <a:pos x="connsiteX1477" y="connsiteY1477"/>
              </a:cxn>
              <a:cxn ang="0">
                <a:pos x="connsiteX1478" y="connsiteY1478"/>
              </a:cxn>
              <a:cxn ang="0">
                <a:pos x="connsiteX1479" y="connsiteY1479"/>
              </a:cxn>
              <a:cxn ang="0">
                <a:pos x="connsiteX1480" y="connsiteY1480"/>
              </a:cxn>
              <a:cxn ang="0">
                <a:pos x="connsiteX1481" y="connsiteY1481"/>
              </a:cxn>
              <a:cxn ang="0">
                <a:pos x="connsiteX1482" y="connsiteY1482"/>
              </a:cxn>
              <a:cxn ang="0">
                <a:pos x="connsiteX1483" y="connsiteY1483"/>
              </a:cxn>
              <a:cxn ang="0">
                <a:pos x="connsiteX1484" y="connsiteY1484"/>
              </a:cxn>
              <a:cxn ang="0">
                <a:pos x="connsiteX1485" y="connsiteY1485"/>
              </a:cxn>
              <a:cxn ang="0">
                <a:pos x="connsiteX1486" y="connsiteY1486"/>
              </a:cxn>
              <a:cxn ang="0">
                <a:pos x="connsiteX1487" y="connsiteY1487"/>
              </a:cxn>
              <a:cxn ang="0">
                <a:pos x="connsiteX1488" y="connsiteY1488"/>
              </a:cxn>
              <a:cxn ang="0">
                <a:pos x="connsiteX1489" y="connsiteY1489"/>
              </a:cxn>
              <a:cxn ang="0">
                <a:pos x="connsiteX1490" y="connsiteY1490"/>
              </a:cxn>
              <a:cxn ang="0">
                <a:pos x="connsiteX1491" y="connsiteY1491"/>
              </a:cxn>
              <a:cxn ang="0">
                <a:pos x="connsiteX1492" y="connsiteY1492"/>
              </a:cxn>
              <a:cxn ang="0">
                <a:pos x="connsiteX1493" y="connsiteY1493"/>
              </a:cxn>
              <a:cxn ang="0">
                <a:pos x="connsiteX1494" y="connsiteY1494"/>
              </a:cxn>
              <a:cxn ang="0">
                <a:pos x="connsiteX1495" y="connsiteY1495"/>
              </a:cxn>
              <a:cxn ang="0">
                <a:pos x="connsiteX1496" y="connsiteY1496"/>
              </a:cxn>
              <a:cxn ang="0">
                <a:pos x="connsiteX1497" y="connsiteY1497"/>
              </a:cxn>
              <a:cxn ang="0">
                <a:pos x="connsiteX1498" y="connsiteY1498"/>
              </a:cxn>
              <a:cxn ang="0">
                <a:pos x="connsiteX1499" y="connsiteY1499"/>
              </a:cxn>
              <a:cxn ang="0">
                <a:pos x="connsiteX1500" y="connsiteY1500"/>
              </a:cxn>
              <a:cxn ang="0">
                <a:pos x="connsiteX1501" y="connsiteY1501"/>
              </a:cxn>
              <a:cxn ang="0">
                <a:pos x="connsiteX1502" y="connsiteY1502"/>
              </a:cxn>
              <a:cxn ang="0">
                <a:pos x="connsiteX1503" y="connsiteY1503"/>
              </a:cxn>
              <a:cxn ang="0">
                <a:pos x="connsiteX1504" y="connsiteY1504"/>
              </a:cxn>
              <a:cxn ang="0">
                <a:pos x="connsiteX1505" y="connsiteY1505"/>
              </a:cxn>
              <a:cxn ang="0">
                <a:pos x="connsiteX1506" y="connsiteY1506"/>
              </a:cxn>
              <a:cxn ang="0">
                <a:pos x="connsiteX1507" y="connsiteY1507"/>
              </a:cxn>
              <a:cxn ang="0">
                <a:pos x="connsiteX1508" y="connsiteY1508"/>
              </a:cxn>
              <a:cxn ang="0">
                <a:pos x="connsiteX1509" y="connsiteY1509"/>
              </a:cxn>
              <a:cxn ang="0">
                <a:pos x="connsiteX1510" y="connsiteY1510"/>
              </a:cxn>
              <a:cxn ang="0">
                <a:pos x="connsiteX1511" y="connsiteY1511"/>
              </a:cxn>
              <a:cxn ang="0">
                <a:pos x="connsiteX1512" y="connsiteY1512"/>
              </a:cxn>
              <a:cxn ang="0">
                <a:pos x="connsiteX1513" y="connsiteY1513"/>
              </a:cxn>
              <a:cxn ang="0">
                <a:pos x="connsiteX1514" y="connsiteY1514"/>
              </a:cxn>
              <a:cxn ang="0">
                <a:pos x="connsiteX1515" y="connsiteY1515"/>
              </a:cxn>
              <a:cxn ang="0">
                <a:pos x="connsiteX1516" y="connsiteY1516"/>
              </a:cxn>
              <a:cxn ang="0">
                <a:pos x="connsiteX1517" y="connsiteY1517"/>
              </a:cxn>
              <a:cxn ang="0">
                <a:pos x="connsiteX1518" y="connsiteY1518"/>
              </a:cxn>
              <a:cxn ang="0">
                <a:pos x="connsiteX1519" y="connsiteY1519"/>
              </a:cxn>
              <a:cxn ang="0">
                <a:pos x="connsiteX1520" y="connsiteY1520"/>
              </a:cxn>
              <a:cxn ang="0">
                <a:pos x="connsiteX1521" y="connsiteY1521"/>
              </a:cxn>
              <a:cxn ang="0">
                <a:pos x="connsiteX1522" y="connsiteY1522"/>
              </a:cxn>
              <a:cxn ang="0">
                <a:pos x="connsiteX1523" y="connsiteY1523"/>
              </a:cxn>
              <a:cxn ang="0">
                <a:pos x="connsiteX1524" y="connsiteY1524"/>
              </a:cxn>
              <a:cxn ang="0">
                <a:pos x="connsiteX1525" y="connsiteY1525"/>
              </a:cxn>
              <a:cxn ang="0">
                <a:pos x="connsiteX1526" y="connsiteY1526"/>
              </a:cxn>
              <a:cxn ang="0">
                <a:pos x="connsiteX1527" y="connsiteY1527"/>
              </a:cxn>
              <a:cxn ang="0">
                <a:pos x="connsiteX1528" y="connsiteY1528"/>
              </a:cxn>
              <a:cxn ang="0">
                <a:pos x="connsiteX1529" y="connsiteY1529"/>
              </a:cxn>
              <a:cxn ang="0">
                <a:pos x="connsiteX1530" y="connsiteY1530"/>
              </a:cxn>
              <a:cxn ang="0">
                <a:pos x="connsiteX1531" y="connsiteY1531"/>
              </a:cxn>
              <a:cxn ang="0">
                <a:pos x="connsiteX1532" y="connsiteY1532"/>
              </a:cxn>
              <a:cxn ang="0">
                <a:pos x="connsiteX1533" y="connsiteY1533"/>
              </a:cxn>
              <a:cxn ang="0">
                <a:pos x="connsiteX1534" y="connsiteY1534"/>
              </a:cxn>
              <a:cxn ang="0">
                <a:pos x="connsiteX1535" y="connsiteY1535"/>
              </a:cxn>
              <a:cxn ang="0">
                <a:pos x="connsiteX1536" y="connsiteY1536"/>
              </a:cxn>
              <a:cxn ang="0">
                <a:pos x="connsiteX1537" y="connsiteY1537"/>
              </a:cxn>
              <a:cxn ang="0">
                <a:pos x="connsiteX1538" y="connsiteY1538"/>
              </a:cxn>
              <a:cxn ang="0">
                <a:pos x="connsiteX1539" y="connsiteY1539"/>
              </a:cxn>
              <a:cxn ang="0">
                <a:pos x="connsiteX1540" y="connsiteY1540"/>
              </a:cxn>
              <a:cxn ang="0">
                <a:pos x="connsiteX1541" y="connsiteY1541"/>
              </a:cxn>
              <a:cxn ang="0">
                <a:pos x="connsiteX1542" y="connsiteY1542"/>
              </a:cxn>
              <a:cxn ang="0">
                <a:pos x="connsiteX1543" y="connsiteY1543"/>
              </a:cxn>
              <a:cxn ang="0">
                <a:pos x="connsiteX1544" y="connsiteY1544"/>
              </a:cxn>
              <a:cxn ang="0">
                <a:pos x="connsiteX1545" y="connsiteY1545"/>
              </a:cxn>
              <a:cxn ang="0">
                <a:pos x="connsiteX1546" y="connsiteY1546"/>
              </a:cxn>
              <a:cxn ang="0">
                <a:pos x="connsiteX1547" y="connsiteY1547"/>
              </a:cxn>
              <a:cxn ang="0">
                <a:pos x="connsiteX1548" y="connsiteY1548"/>
              </a:cxn>
              <a:cxn ang="0">
                <a:pos x="connsiteX1549" y="connsiteY1549"/>
              </a:cxn>
              <a:cxn ang="0">
                <a:pos x="connsiteX1550" y="connsiteY1550"/>
              </a:cxn>
              <a:cxn ang="0">
                <a:pos x="connsiteX1551" y="connsiteY1551"/>
              </a:cxn>
              <a:cxn ang="0">
                <a:pos x="connsiteX1552" y="connsiteY1552"/>
              </a:cxn>
              <a:cxn ang="0">
                <a:pos x="connsiteX1553" y="connsiteY1553"/>
              </a:cxn>
              <a:cxn ang="0">
                <a:pos x="connsiteX1554" y="connsiteY1554"/>
              </a:cxn>
              <a:cxn ang="0">
                <a:pos x="connsiteX1555" y="connsiteY1555"/>
              </a:cxn>
              <a:cxn ang="0">
                <a:pos x="connsiteX1556" y="connsiteY1556"/>
              </a:cxn>
              <a:cxn ang="0">
                <a:pos x="connsiteX1557" y="connsiteY1557"/>
              </a:cxn>
              <a:cxn ang="0">
                <a:pos x="connsiteX1558" y="connsiteY1558"/>
              </a:cxn>
              <a:cxn ang="0">
                <a:pos x="connsiteX1559" y="connsiteY1559"/>
              </a:cxn>
              <a:cxn ang="0">
                <a:pos x="connsiteX1560" y="connsiteY1560"/>
              </a:cxn>
              <a:cxn ang="0">
                <a:pos x="connsiteX1561" y="connsiteY1561"/>
              </a:cxn>
              <a:cxn ang="0">
                <a:pos x="connsiteX1562" y="connsiteY1562"/>
              </a:cxn>
              <a:cxn ang="0">
                <a:pos x="connsiteX1563" y="connsiteY1563"/>
              </a:cxn>
              <a:cxn ang="0">
                <a:pos x="connsiteX1564" y="connsiteY1564"/>
              </a:cxn>
              <a:cxn ang="0">
                <a:pos x="connsiteX1565" y="connsiteY1565"/>
              </a:cxn>
              <a:cxn ang="0">
                <a:pos x="connsiteX1566" y="connsiteY1566"/>
              </a:cxn>
              <a:cxn ang="0">
                <a:pos x="connsiteX1567" y="connsiteY1567"/>
              </a:cxn>
              <a:cxn ang="0">
                <a:pos x="connsiteX1568" y="connsiteY1568"/>
              </a:cxn>
              <a:cxn ang="0">
                <a:pos x="connsiteX1569" y="connsiteY1569"/>
              </a:cxn>
              <a:cxn ang="0">
                <a:pos x="connsiteX1570" y="connsiteY1570"/>
              </a:cxn>
              <a:cxn ang="0">
                <a:pos x="connsiteX1571" y="connsiteY1571"/>
              </a:cxn>
              <a:cxn ang="0">
                <a:pos x="connsiteX1572" y="connsiteY1572"/>
              </a:cxn>
              <a:cxn ang="0">
                <a:pos x="connsiteX1573" y="connsiteY1573"/>
              </a:cxn>
              <a:cxn ang="0">
                <a:pos x="connsiteX1574" y="connsiteY1574"/>
              </a:cxn>
              <a:cxn ang="0">
                <a:pos x="connsiteX1575" y="connsiteY1575"/>
              </a:cxn>
              <a:cxn ang="0">
                <a:pos x="connsiteX1576" y="connsiteY1576"/>
              </a:cxn>
              <a:cxn ang="0">
                <a:pos x="connsiteX1577" y="connsiteY1577"/>
              </a:cxn>
              <a:cxn ang="0">
                <a:pos x="connsiteX1578" y="connsiteY1578"/>
              </a:cxn>
              <a:cxn ang="0">
                <a:pos x="connsiteX1579" y="connsiteY1579"/>
              </a:cxn>
              <a:cxn ang="0">
                <a:pos x="connsiteX1580" y="connsiteY1580"/>
              </a:cxn>
              <a:cxn ang="0">
                <a:pos x="connsiteX1581" y="connsiteY1581"/>
              </a:cxn>
              <a:cxn ang="0">
                <a:pos x="connsiteX1582" y="connsiteY1582"/>
              </a:cxn>
              <a:cxn ang="0">
                <a:pos x="connsiteX1583" y="connsiteY1583"/>
              </a:cxn>
              <a:cxn ang="0">
                <a:pos x="connsiteX1584" y="connsiteY1584"/>
              </a:cxn>
              <a:cxn ang="0">
                <a:pos x="connsiteX1585" y="connsiteY1585"/>
              </a:cxn>
              <a:cxn ang="0">
                <a:pos x="connsiteX1586" y="connsiteY1586"/>
              </a:cxn>
              <a:cxn ang="0">
                <a:pos x="connsiteX1587" y="connsiteY1587"/>
              </a:cxn>
              <a:cxn ang="0">
                <a:pos x="connsiteX1588" y="connsiteY1588"/>
              </a:cxn>
              <a:cxn ang="0">
                <a:pos x="connsiteX1589" y="connsiteY1589"/>
              </a:cxn>
              <a:cxn ang="0">
                <a:pos x="connsiteX1590" y="connsiteY1590"/>
              </a:cxn>
              <a:cxn ang="0">
                <a:pos x="connsiteX1591" y="connsiteY1591"/>
              </a:cxn>
              <a:cxn ang="0">
                <a:pos x="connsiteX1592" y="connsiteY1592"/>
              </a:cxn>
              <a:cxn ang="0">
                <a:pos x="connsiteX1593" y="connsiteY1593"/>
              </a:cxn>
              <a:cxn ang="0">
                <a:pos x="connsiteX1594" y="connsiteY1594"/>
              </a:cxn>
              <a:cxn ang="0">
                <a:pos x="connsiteX1595" y="connsiteY1595"/>
              </a:cxn>
              <a:cxn ang="0">
                <a:pos x="connsiteX1596" y="connsiteY1596"/>
              </a:cxn>
              <a:cxn ang="0">
                <a:pos x="connsiteX1597" y="connsiteY1597"/>
              </a:cxn>
              <a:cxn ang="0">
                <a:pos x="connsiteX1598" y="connsiteY1598"/>
              </a:cxn>
              <a:cxn ang="0">
                <a:pos x="connsiteX1599" y="connsiteY1599"/>
              </a:cxn>
              <a:cxn ang="0">
                <a:pos x="connsiteX1600" y="connsiteY1600"/>
              </a:cxn>
              <a:cxn ang="0">
                <a:pos x="connsiteX1601" y="connsiteY1601"/>
              </a:cxn>
              <a:cxn ang="0">
                <a:pos x="connsiteX1602" y="connsiteY1602"/>
              </a:cxn>
              <a:cxn ang="0">
                <a:pos x="connsiteX1603" y="connsiteY1603"/>
              </a:cxn>
              <a:cxn ang="0">
                <a:pos x="connsiteX1604" y="connsiteY1604"/>
              </a:cxn>
              <a:cxn ang="0">
                <a:pos x="connsiteX1605" y="connsiteY1605"/>
              </a:cxn>
              <a:cxn ang="0">
                <a:pos x="connsiteX1606" y="connsiteY1606"/>
              </a:cxn>
              <a:cxn ang="0">
                <a:pos x="connsiteX1607" y="connsiteY1607"/>
              </a:cxn>
              <a:cxn ang="0">
                <a:pos x="connsiteX1608" y="connsiteY1608"/>
              </a:cxn>
              <a:cxn ang="0">
                <a:pos x="connsiteX1609" y="connsiteY1609"/>
              </a:cxn>
              <a:cxn ang="0">
                <a:pos x="connsiteX1610" y="connsiteY1610"/>
              </a:cxn>
              <a:cxn ang="0">
                <a:pos x="connsiteX1611" y="connsiteY1611"/>
              </a:cxn>
              <a:cxn ang="0">
                <a:pos x="connsiteX1612" y="connsiteY1612"/>
              </a:cxn>
              <a:cxn ang="0">
                <a:pos x="connsiteX1613" y="connsiteY1613"/>
              </a:cxn>
              <a:cxn ang="0">
                <a:pos x="connsiteX1614" y="connsiteY1614"/>
              </a:cxn>
              <a:cxn ang="0">
                <a:pos x="connsiteX1615" y="connsiteY1615"/>
              </a:cxn>
              <a:cxn ang="0">
                <a:pos x="connsiteX1616" y="connsiteY1616"/>
              </a:cxn>
              <a:cxn ang="0">
                <a:pos x="connsiteX1617" y="connsiteY1617"/>
              </a:cxn>
              <a:cxn ang="0">
                <a:pos x="connsiteX1618" y="connsiteY1618"/>
              </a:cxn>
              <a:cxn ang="0">
                <a:pos x="connsiteX1619" y="connsiteY1619"/>
              </a:cxn>
              <a:cxn ang="0">
                <a:pos x="connsiteX1620" y="connsiteY1620"/>
              </a:cxn>
              <a:cxn ang="0">
                <a:pos x="connsiteX1621" y="connsiteY1621"/>
              </a:cxn>
              <a:cxn ang="0">
                <a:pos x="connsiteX1622" y="connsiteY1622"/>
              </a:cxn>
              <a:cxn ang="0">
                <a:pos x="connsiteX1623" y="connsiteY1623"/>
              </a:cxn>
              <a:cxn ang="0">
                <a:pos x="connsiteX1624" y="connsiteY1624"/>
              </a:cxn>
              <a:cxn ang="0">
                <a:pos x="connsiteX1625" y="connsiteY1625"/>
              </a:cxn>
              <a:cxn ang="0">
                <a:pos x="connsiteX1626" y="connsiteY1626"/>
              </a:cxn>
              <a:cxn ang="0">
                <a:pos x="connsiteX1627" y="connsiteY1627"/>
              </a:cxn>
              <a:cxn ang="0">
                <a:pos x="connsiteX1628" y="connsiteY1628"/>
              </a:cxn>
              <a:cxn ang="0">
                <a:pos x="connsiteX1629" y="connsiteY1629"/>
              </a:cxn>
              <a:cxn ang="0">
                <a:pos x="connsiteX1630" y="connsiteY1630"/>
              </a:cxn>
              <a:cxn ang="0">
                <a:pos x="connsiteX1631" y="connsiteY1631"/>
              </a:cxn>
              <a:cxn ang="0">
                <a:pos x="connsiteX1632" y="connsiteY1632"/>
              </a:cxn>
              <a:cxn ang="0">
                <a:pos x="connsiteX1633" y="connsiteY1633"/>
              </a:cxn>
              <a:cxn ang="0">
                <a:pos x="connsiteX1634" y="connsiteY1634"/>
              </a:cxn>
              <a:cxn ang="0">
                <a:pos x="connsiteX1635" y="connsiteY1635"/>
              </a:cxn>
              <a:cxn ang="0">
                <a:pos x="connsiteX1636" y="connsiteY1636"/>
              </a:cxn>
              <a:cxn ang="0">
                <a:pos x="connsiteX1637" y="connsiteY1637"/>
              </a:cxn>
              <a:cxn ang="0">
                <a:pos x="connsiteX1638" y="connsiteY1638"/>
              </a:cxn>
              <a:cxn ang="0">
                <a:pos x="connsiteX1639" y="connsiteY1639"/>
              </a:cxn>
              <a:cxn ang="0">
                <a:pos x="connsiteX1640" y="connsiteY1640"/>
              </a:cxn>
              <a:cxn ang="0">
                <a:pos x="connsiteX1641" y="connsiteY1641"/>
              </a:cxn>
              <a:cxn ang="0">
                <a:pos x="connsiteX1642" y="connsiteY1642"/>
              </a:cxn>
              <a:cxn ang="0">
                <a:pos x="connsiteX1643" y="connsiteY1643"/>
              </a:cxn>
              <a:cxn ang="0">
                <a:pos x="connsiteX1644" y="connsiteY1644"/>
              </a:cxn>
              <a:cxn ang="0">
                <a:pos x="connsiteX1645" y="connsiteY1645"/>
              </a:cxn>
              <a:cxn ang="0">
                <a:pos x="connsiteX1646" y="connsiteY1646"/>
              </a:cxn>
              <a:cxn ang="0">
                <a:pos x="connsiteX1647" y="connsiteY1647"/>
              </a:cxn>
              <a:cxn ang="0">
                <a:pos x="connsiteX1648" y="connsiteY1648"/>
              </a:cxn>
              <a:cxn ang="0">
                <a:pos x="connsiteX1649" y="connsiteY1649"/>
              </a:cxn>
              <a:cxn ang="0">
                <a:pos x="connsiteX1650" y="connsiteY1650"/>
              </a:cxn>
              <a:cxn ang="0">
                <a:pos x="connsiteX1651" y="connsiteY1651"/>
              </a:cxn>
              <a:cxn ang="0">
                <a:pos x="connsiteX1652" y="connsiteY1652"/>
              </a:cxn>
              <a:cxn ang="0">
                <a:pos x="connsiteX1653" y="connsiteY1653"/>
              </a:cxn>
              <a:cxn ang="0">
                <a:pos x="connsiteX1654" y="connsiteY1654"/>
              </a:cxn>
              <a:cxn ang="0">
                <a:pos x="connsiteX1655" y="connsiteY1655"/>
              </a:cxn>
              <a:cxn ang="0">
                <a:pos x="connsiteX1656" y="connsiteY1656"/>
              </a:cxn>
              <a:cxn ang="0">
                <a:pos x="connsiteX1657" y="connsiteY1657"/>
              </a:cxn>
              <a:cxn ang="0">
                <a:pos x="connsiteX1658" y="connsiteY1658"/>
              </a:cxn>
              <a:cxn ang="0">
                <a:pos x="connsiteX1659" y="connsiteY1659"/>
              </a:cxn>
              <a:cxn ang="0">
                <a:pos x="connsiteX1660" y="connsiteY1660"/>
              </a:cxn>
              <a:cxn ang="0">
                <a:pos x="connsiteX1661" y="connsiteY1661"/>
              </a:cxn>
              <a:cxn ang="0">
                <a:pos x="connsiteX1662" y="connsiteY1662"/>
              </a:cxn>
              <a:cxn ang="0">
                <a:pos x="connsiteX1663" y="connsiteY1663"/>
              </a:cxn>
              <a:cxn ang="0">
                <a:pos x="connsiteX1664" y="connsiteY1664"/>
              </a:cxn>
              <a:cxn ang="0">
                <a:pos x="connsiteX1665" y="connsiteY1665"/>
              </a:cxn>
              <a:cxn ang="0">
                <a:pos x="connsiteX1666" y="connsiteY1666"/>
              </a:cxn>
              <a:cxn ang="0">
                <a:pos x="connsiteX1667" y="connsiteY1667"/>
              </a:cxn>
              <a:cxn ang="0">
                <a:pos x="connsiteX1668" y="connsiteY1668"/>
              </a:cxn>
              <a:cxn ang="0">
                <a:pos x="connsiteX1669" y="connsiteY1669"/>
              </a:cxn>
              <a:cxn ang="0">
                <a:pos x="connsiteX1670" y="connsiteY1670"/>
              </a:cxn>
              <a:cxn ang="0">
                <a:pos x="connsiteX1671" y="connsiteY1671"/>
              </a:cxn>
              <a:cxn ang="0">
                <a:pos x="connsiteX1672" y="connsiteY1672"/>
              </a:cxn>
              <a:cxn ang="0">
                <a:pos x="connsiteX1673" y="connsiteY1673"/>
              </a:cxn>
              <a:cxn ang="0">
                <a:pos x="connsiteX1674" y="connsiteY1674"/>
              </a:cxn>
              <a:cxn ang="0">
                <a:pos x="connsiteX1675" y="connsiteY1675"/>
              </a:cxn>
              <a:cxn ang="0">
                <a:pos x="connsiteX1676" y="connsiteY1676"/>
              </a:cxn>
              <a:cxn ang="0">
                <a:pos x="connsiteX1677" y="connsiteY1677"/>
              </a:cxn>
              <a:cxn ang="0">
                <a:pos x="connsiteX1678" y="connsiteY1678"/>
              </a:cxn>
              <a:cxn ang="0">
                <a:pos x="connsiteX1679" y="connsiteY1679"/>
              </a:cxn>
              <a:cxn ang="0">
                <a:pos x="connsiteX1680" y="connsiteY1680"/>
              </a:cxn>
              <a:cxn ang="0">
                <a:pos x="connsiteX1681" y="connsiteY1681"/>
              </a:cxn>
              <a:cxn ang="0">
                <a:pos x="connsiteX1682" y="connsiteY1682"/>
              </a:cxn>
              <a:cxn ang="0">
                <a:pos x="connsiteX1683" y="connsiteY1683"/>
              </a:cxn>
              <a:cxn ang="0">
                <a:pos x="connsiteX1684" y="connsiteY1684"/>
              </a:cxn>
              <a:cxn ang="0">
                <a:pos x="connsiteX1685" y="connsiteY1685"/>
              </a:cxn>
              <a:cxn ang="0">
                <a:pos x="connsiteX1686" y="connsiteY1686"/>
              </a:cxn>
              <a:cxn ang="0">
                <a:pos x="connsiteX1687" y="connsiteY1687"/>
              </a:cxn>
              <a:cxn ang="0">
                <a:pos x="connsiteX1688" y="connsiteY1688"/>
              </a:cxn>
              <a:cxn ang="0">
                <a:pos x="connsiteX1689" y="connsiteY1689"/>
              </a:cxn>
              <a:cxn ang="0">
                <a:pos x="connsiteX1690" y="connsiteY1690"/>
              </a:cxn>
              <a:cxn ang="0">
                <a:pos x="connsiteX1691" y="connsiteY1691"/>
              </a:cxn>
              <a:cxn ang="0">
                <a:pos x="connsiteX1692" y="connsiteY1692"/>
              </a:cxn>
              <a:cxn ang="0">
                <a:pos x="connsiteX1693" y="connsiteY1693"/>
              </a:cxn>
              <a:cxn ang="0">
                <a:pos x="connsiteX1694" y="connsiteY1694"/>
              </a:cxn>
              <a:cxn ang="0">
                <a:pos x="connsiteX1695" y="connsiteY1695"/>
              </a:cxn>
              <a:cxn ang="0">
                <a:pos x="connsiteX1696" y="connsiteY1696"/>
              </a:cxn>
              <a:cxn ang="0">
                <a:pos x="connsiteX1697" y="connsiteY1697"/>
              </a:cxn>
              <a:cxn ang="0">
                <a:pos x="connsiteX1698" y="connsiteY1698"/>
              </a:cxn>
              <a:cxn ang="0">
                <a:pos x="connsiteX1699" y="connsiteY1699"/>
              </a:cxn>
              <a:cxn ang="0">
                <a:pos x="connsiteX1700" y="connsiteY1700"/>
              </a:cxn>
              <a:cxn ang="0">
                <a:pos x="connsiteX1701" y="connsiteY1701"/>
              </a:cxn>
              <a:cxn ang="0">
                <a:pos x="connsiteX1702" y="connsiteY1702"/>
              </a:cxn>
              <a:cxn ang="0">
                <a:pos x="connsiteX1703" y="connsiteY1703"/>
              </a:cxn>
              <a:cxn ang="0">
                <a:pos x="connsiteX1704" y="connsiteY1704"/>
              </a:cxn>
              <a:cxn ang="0">
                <a:pos x="connsiteX1705" y="connsiteY1705"/>
              </a:cxn>
              <a:cxn ang="0">
                <a:pos x="connsiteX1706" y="connsiteY1706"/>
              </a:cxn>
              <a:cxn ang="0">
                <a:pos x="connsiteX1707" y="connsiteY1707"/>
              </a:cxn>
              <a:cxn ang="0">
                <a:pos x="connsiteX1708" y="connsiteY1708"/>
              </a:cxn>
              <a:cxn ang="0">
                <a:pos x="connsiteX1709" y="connsiteY1709"/>
              </a:cxn>
              <a:cxn ang="0">
                <a:pos x="connsiteX1710" y="connsiteY1710"/>
              </a:cxn>
              <a:cxn ang="0">
                <a:pos x="connsiteX1711" y="connsiteY1711"/>
              </a:cxn>
              <a:cxn ang="0">
                <a:pos x="connsiteX1712" y="connsiteY1712"/>
              </a:cxn>
              <a:cxn ang="0">
                <a:pos x="connsiteX1713" y="connsiteY1713"/>
              </a:cxn>
              <a:cxn ang="0">
                <a:pos x="connsiteX1714" y="connsiteY1714"/>
              </a:cxn>
              <a:cxn ang="0">
                <a:pos x="connsiteX1715" y="connsiteY1715"/>
              </a:cxn>
              <a:cxn ang="0">
                <a:pos x="connsiteX1716" y="connsiteY1716"/>
              </a:cxn>
              <a:cxn ang="0">
                <a:pos x="connsiteX1717" y="connsiteY1717"/>
              </a:cxn>
              <a:cxn ang="0">
                <a:pos x="connsiteX1718" y="connsiteY1718"/>
              </a:cxn>
              <a:cxn ang="0">
                <a:pos x="connsiteX1719" y="connsiteY1719"/>
              </a:cxn>
              <a:cxn ang="0">
                <a:pos x="connsiteX1720" y="connsiteY1720"/>
              </a:cxn>
              <a:cxn ang="0">
                <a:pos x="connsiteX1721" y="connsiteY1721"/>
              </a:cxn>
              <a:cxn ang="0">
                <a:pos x="connsiteX1722" y="connsiteY1722"/>
              </a:cxn>
              <a:cxn ang="0">
                <a:pos x="connsiteX1723" y="connsiteY1723"/>
              </a:cxn>
              <a:cxn ang="0">
                <a:pos x="connsiteX1724" y="connsiteY1724"/>
              </a:cxn>
              <a:cxn ang="0">
                <a:pos x="connsiteX1725" y="connsiteY1725"/>
              </a:cxn>
              <a:cxn ang="0">
                <a:pos x="connsiteX1726" y="connsiteY1726"/>
              </a:cxn>
              <a:cxn ang="0">
                <a:pos x="connsiteX1727" y="connsiteY1727"/>
              </a:cxn>
              <a:cxn ang="0">
                <a:pos x="connsiteX1728" y="connsiteY1728"/>
              </a:cxn>
              <a:cxn ang="0">
                <a:pos x="connsiteX1729" y="connsiteY1729"/>
              </a:cxn>
              <a:cxn ang="0">
                <a:pos x="connsiteX1730" y="connsiteY1730"/>
              </a:cxn>
              <a:cxn ang="0">
                <a:pos x="connsiteX1731" y="connsiteY1731"/>
              </a:cxn>
              <a:cxn ang="0">
                <a:pos x="connsiteX1732" y="connsiteY1732"/>
              </a:cxn>
              <a:cxn ang="0">
                <a:pos x="connsiteX1733" y="connsiteY1733"/>
              </a:cxn>
              <a:cxn ang="0">
                <a:pos x="connsiteX1734" y="connsiteY1734"/>
              </a:cxn>
              <a:cxn ang="0">
                <a:pos x="connsiteX1735" y="connsiteY1735"/>
              </a:cxn>
              <a:cxn ang="0">
                <a:pos x="connsiteX1736" y="connsiteY1736"/>
              </a:cxn>
              <a:cxn ang="0">
                <a:pos x="connsiteX1737" y="connsiteY1737"/>
              </a:cxn>
              <a:cxn ang="0">
                <a:pos x="connsiteX1738" y="connsiteY1738"/>
              </a:cxn>
              <a:cxn ang="0">
                <a:pos x="connsiteX1739" y="connsiteY1739"/>
              </a:cxn>
              <a:cxn ang="0">
                <a:pos x="connsiteX1740" y="connsiteY1740"/>
              </a:cxn>
              <a:cxn ang="0">
                <a:pos x="connsiteX1741" y="connsiteY1741"/>
              </a:cxn>
              <a:cxn ang="0">
                <a:pos x="connsiteX1742" y="connsiteY1742"/>
              </a:cxn>
              <a:cxn ang="0">
                <a:pos x="connsiteX1743" y="connsiteY1743"/>
              </a:cxn>
              <a:cxn ang="0">
                <a:pos x="connsiteX1744" y="connsiteY1744"/>
              </a:cxn>
              <a:cxn ang="0">
                <a:pos x="connsiteX1745" y="connsiteY1745"/>
              </a:cxn>
              <a:cxn ang="0">
                <a:pos x="connsiteX1746" y="connsiteY1746"/>
              </a:cxn>
              <a:cxn ang="0">
                <a:pos x="connsiteX1747" y="connsiteY1747"/>
              </a:cxn>
              <a:cxn ang="0">
                <a:pos x="connsiteX1748" y="connsiteY1748"/>
              </a:cxn>
              <a:cxn ang="0">
                <a:pos x="connsiteX1749" y="connsiteY1749"/>
              </a:cxn>
              <a:cxn ang="0">
                <a:pos x="connsiteX1750" y="connsiteY1750"/>
              </a:cxn>
              <a:cxn ang="0">
                <a:pos x="connsiteX1751" y="connsiteY1751"/>
              </a:cxn>
              <a:cxn ang="0">
                <a:pos x="connsiteX1752" y="connsiteY1752"/>
              </a:cxn>
              <a:cxn ang="0">
                <a:pos x="connsiteX1753" y="connsiteY1753"/>
              </a:cxn>
              <a:cxn ang="0">
                <a:pos x="connsiteX1754" y="connsiteY1754"/>
              </a:cxn>
              <a:cxn ang="0">
                <a:pos x="connsiteX1755" y="connsiteY1755"/>
              </a:cxn>
              <a:cxn ang="0">
                <a:pos x="connsiteX1756" y="connsiteY1756"/>
              </a:cxn>
              <a:cxn ang="0">
                <a:pos x="connsiteX1757" y="connsiteY1757"/>
              </a:cxn>
              <a:cxn ang="0">
                <a:pos x="connsiteX1758" y="connsiteY1758"/>
              </a:cxn>
              <a:cxn ang="0">
                <a:pos x="connsiteX1759" y="connsiteY1759"/>
              </a:cxn>
              <a:cxn ang="0">
                <a:pos x="connsiteX1760" y="connsiteY1760"/>
              </a:cxn>
              <a:cxn ang="0">
                <a:pos x="connsiteX1761" y="connsiteY1761"/>
              </a:cxn>
              <a:cxn ang="0">
                <a:pos x="connsiteX1762" y="connsiteY1762"/>
              </a:cxn>
              <a:cxn ang="0">
                <a:pos x="connsiteX1763" y="connsiteY1763"/>
              </a:cxn>
              <a:cxn ang="0">
                <a:pos x="connsiteX1764" y="connsiteY1764"/>
              </a:cxn>
              <a:cxn ang="0">
                <a:pos x="connsiteX1765" y="connsiteY1765"/>
              </a:cxn>
              <a:cxn ang="0">
                <a:pos x="connsiteX1766" y="connsiteY1766"/>
              </a:cxn>
              <a:cxn ang="0">
                <a:pos x="connsiteX1767" y="connsiteY1767"/>
              </a:cxn>
              <a:cxn ang="0">
                <a:pos x="connsiteX1768" y="connsiteY1768"/>
              </a:cxn>
              <a:cxn ang="0">
                <a:pos x="connsiteX1769" y="connsiteY1769"/>
              </a:cxn>
              <a:cxn ang="0">
                <a:pos x="connsiteX1770" y="connsiteY1770"/>
              </a:cxn>
              <a:cxn ang="0">
                <a:pos x="connsiteX1771" y="connsiteY1771"/>
              </a:cxn>
              <a:cxn ang="0">
                <a:pos x="connsiteX1772" y="connsiteY1772"/>
              </a:cxn>
              <a:cxn ang="0">
                <a:pos x="connsiteX1773" y="connsiteY1773"/>
              </a:cxn>
              <a:cxn ang="0">
                <a:pos x="connsiteX1774" y="connsiteY1774"/>
              </a:cxn>
              <a:cxn ang="0">
                <a:pos x="connsiteX1775" y="connsiteY1775"/>
              </a:cxn>
              <a:cxn ang="0">
                <a:pos x="connsiteX1776" y="connsiteY1776"/>
              </a:cxn>
              <a:cxn ang="0">
                <a:pos x="connsiteX1777" y="connsiteY1777"/>
              </a:cxn>
              <a:cxn ang="0">
                <a:pos x="connsiteX1778" y="connsiteY1778"/>
              </a:cxn>
              <a:cxn ang="0">
                <a:pos x="connsiteX1779" y="connsiteY1779"/>
              </a:cxn>
              <a:cxn ang="0">
                <a:pos x="connsiteX1780" y="connsiteY1780"/>
              </a:cxn>
              <a:cxn ang="0">
                <a:pos x="connsiteX1781" y="connsiteY1781"/>
              </a:cxn>
              <a:cxn ang="0">
                <a:pos x="connsiteX1782" y="connsiteY1782"/>
              </a:cxn>
              <a:cxn ang="0">
                <a:pos x="connsiteX1783" y="connsiteY1783"/>
              </a:cxn>
              <a:cxn ang="0">
                <a:pos x="connsiteX1784" y="connsiteY1784"/>
              </a:cxn>
              <a:cxn ang="0">
                <a:pos x="connsiteX1785" y="connsiteY1785"/>
              </a:cxn>
              <a:cxn ang="0">
                <a:pos x="connsiteX1786" y="connsiteY1786"/>
              </a:cxn>
              <a:cxn ang="0">
                <a:pos x="connsiteX1787" y="connsiteY1787"/>
              </a:cxn>
              <a:cxn ang="0">
                <a:pos x="connsiteX1788" y="connsiteY1788"/>
              </a:cxn>
              <a:cxn ang="0">
                <a:pos x="connsiteX1789" y="connsiteY1789"/>
              </a:cxn>
              <a:cxn ang="0">
                <a:pos x="connsiteX1790" y="connsiteY1790"/>
              </a:cxn>
              <a:cxn ang="0">
                <a:pos x="connsiteX1791" y="connsiteY1791"/>
              </a:cxn>
              <a:cxn ang="0">
                <a:pos x="connsiteX1792" y="connsiteY1792"/>
              </a:cxn>
              <a:cxn ang="0">
                <a:pos x="connsiteX1793" y="connsiteY1793"/>
              </a:cxn>
              <a:cxn ang="0">
                <a:pos x="connsiteX1794" y="connsiteY1794"/>
              </a:cxn>
              <a:cxn ang="0">
                <a:pos x="connsiteX1795" y="connsiteY1795"/>
              </a:cxn>
              <a:cxn ang="0">
                <a:pos x="connsiteX1796" y="connsiteY1796"/>
              </a:cxn>
              <a:cxn ang="0">
                <a:pos x="connsiteX1797" y="connsiteY1797"/>
              </a:cxn>
              <a:cxn ang="0">
                <a:pos x="connsiteX1798" y="connsiteY1798"/>
              </a:cxn>
              <a:cxn ang="0">
                <a:pos x="connsiteX1799" y="connsiteY1799"/>
              </a:cxn>
              <a:cxn ang="0">
                <a:pos x="connsiteX1800" y="connsiteY1800"/>
              </a:cxn>
              <a:cxn ang="0">
                <a:pos x="connsiteX1801" y="connsiteY1801"/>
              </a:cxn>
              <a:cxn ang="0">
                <a:pos x="connsiteX1802" y="connsiteY1802"/>
              </a:cxn>
              <a:cxn ang="0">
                <a:pos x="connsiteX1803" y="connsiteY1803"/>
              </a:cxn>
              <a:cxn ang="0">
                <a:pos x="connsiteX1804" y="connsiteY1804"/>
              </a:cxn>
              <a:cxn ang="0">
                <a:pos x="connsiteX1805" y="connsiteY1805"/>
              </a:cxn>
              <a:cxn ang="0">
                <a:pos x="connsiteX1806" y="connsiteY1806"/>
              </a:cxn>
              <a:cxn ang="0">
                <a:pos x="connsiteX1807" y="connsiteY1807"/>
              </a:cxn>
              <a:cxn ang="0">
                <a:pos x="connsiteX1808" y="connsiteY1808"/>
              </a:cxn>
              <a:cxn ang="0">
                <a:pos x="connsiteX1809" y="connsiteY1809"/>
              </a:cxn>
              <a:cxn ang="0">
                <a:pos x="connsiteX1810" y="connsiteY1810"/>
              </a:cxn>
              <a:cxn ang="0">
                <a:pos x="connsiteX1811" y="connsiteY1811"/>
              </a:cxn>
              <a:cxn ang="0">
                <a:pos x="connsiteX1812" y="connsiteY1812"/>
              </a:cxn>
              <a:cxn ang="0">
                <a:pos x="connsiteX1813" y="connsiteY1813"/>
              </a:cxn>
              <a:cxn ang="0">
                <a:pos x="connsiteX1814" y="connsiteY1814"/>
              </a:cxn>
              <a:cxn ang="0">
                <a:pos x="connsiteX1815" y="connsiteY1815"/>
              </a:cxn>
              <a:cxn ang="0">
                <a:pos x="connsiteX1816" y="connsiteY1816"/>
              </a:cxn>
              <a:cxn ang="0">
                <a:pos x="connsiteX1817" y="connsiteY1817"/>
              </a:cxn>
              <a:cxn ang="0">
                <a:pos x="connsiteX1818" y="connsiteY1818"/>
              </a:cxn>
              <a:cxn ang="0">
                <a:pos x="connsiteX1819" y="connsiteY1819"/>
              </a:cxn>
              <a:cxn ang="0">
                <a:pos x="connsiteX1820" y="connsiteY1820"/>
              </a:cxn>
              <a:cxn ang="0">
                <a:pos x="connsiteX1821" y="connsiteY1821"/>
              </a:cxn>
              <a:cxn ang="0">
                <a:pos x="connsiteX1822" y="connsiteY1822"/>
              </a:cxn>
              <a:cxn ang="0">
                <a:pos x="connsiteX1823" y="connsiteY1823"/>
              </a:cxn>
              <a:cxn ang="0">
                <a:pos x="connsiteX1824" y="connsiteY1824"/>
              </a:cxn>
              <a:cxn ang="0">
                <a:pos x="connsiteX1825" y="connsiteY1825"/>
              </a:cxn>
              <a:cxn ang="0">
                <a:pos x="connsiteX1826" y="connsiteY1826"/>
              </a:cxn>
              <a:cxn ang="0">
                <a:pos x="connsiteX1827" y="connsiteY1827"/>
              </a:cxn>
              <a:cxn ang="0">
                <a:pos x="connsiteX1828" y="connsiteY1828"/>
              </a:cxn>
              <a:cxn ang="0">
                <a:pos x="connsiteX1829" y="connsiteY1829"/>
              </a:cxn>
              <a:cxn ang="0">
                <a:pos x="connsiteX1830" y="connsiteY1830"/>
              </a:cxn>
              <a:cxn ang="0">
                <a:pos x="connsiteX1831" y="connsiteY1831"/>
              </a:cxn>
              <a:cxn ang="0">
                <a:pos x="connsiteX1832" y="connsiteY1832"/>
              </a:cxn>
              <a:cxn ang="0">
                <a:pos x="connsiteX1833" y="connsiteY1833"/>
              </a:cxn>
              <a:cxn ang="0">
                <a:pos x="connsiteX1834" y="connsiteY1834"/>
              </a:cxn>
              <a:cxn ang="0">
                <a:pos x="connsiteX1835" y="connsiteY1835"/>
              </a:cxn>
              <a:cxn ang="0">
                <a:pos x="connsiteX1836" y="connsiteY1836"/>
              </a:cxn>
              <a:cxn ang="0">
                <a:pos x="connsiteX1837" y="connsiteY1837"/>
              </a:cxn>
              <a:cxn ang="0">
                <a:pos x="connsiteX1838" y="connsiteY1838"/>
              </a:cxn>
              <a:cxn ang="0">
                <a:pos x="connsiteX1839" y="connsiteY1839"/>
              </a:cxn>
              <a:cxn ang="0">
                <a:pos x="connsiteX1840" y="connsiteY1840"/>
              </a:cxn>
              <a:cxn ang="0">
                <a:pos x="connsiteX1841" y="connsiteY1841"/>
              </a:cxn>
              <a:cxn ang="0">
                <a:pos x="connsiteX1842" y="connsiteY1842"/>
              </a:cxn>
              <a:cxn ang="0">
                <a:pos x="connsiteX1843" y="connsiteY1843"/>
              </a:cxn>
              <a:cxn ang="0">
                <a:pos x="connsiteX1844" y="connsiteY1844"/>
              </a:cxn>
              <a:cxn ang="0">
                <a:pos x="connsiteX1845" y="connsiteY1845"/>
              </a:cxn>
              <a:cxn ang="0">
                <a:pos x="connsiteX1846" y="connsiteY1846"/>
              </a:cxn>
              <a:cxn ang="0">
                <a:pos x="connsiteX1847" y="connsiteY1847"/>
              </a:cxn>
              <a:cxn ang="0">
                <a:pos x="connsiteX1848" y="connsiteY1848"/>
              </a:cxn>
              <a:cxn ang="0">
                <a:pos x="connsiteX1849" y="connsiteY1849"/>
              </a:cxn>
              <a:cxn ang="0">
                <a:pos x="connsiteX1850" y="connsiteY1850"/>
              </a:cxn>
              <a:cxn ang="0">
                <a:pos x="connsiteX1851" y="connsiteY1851"/>
              </a:cxn>
              <a:cxn ang="0">
                <a:pos x="connsiteX1852" y="connsiteY1852"/>
              </a:cxn>
              <a:cxn ang="0">
                <a:pos x="connsiteX1853" y="connsiteY1853"/>
              </a:cxn>
              <a:cxn ang="0">
                <a:pos x="connsiteX1854" y="connsiteY1854"/>
              </a:cxn>
              <a:cxn ang="0">
                <a:pos x="connsiteX1855" y="connsiteY1855"/>
              </a:cxn>
              <a:cxn ang="0">
                <a:pos x="connsiteX1856" y="connsiteY1856"/>
              </a:cxn>
              <a:cxn ang="0">
                <a:pos x="connsiteX1857" y="connsiteY1857"/>
              </a:cxn>
              <a:cxn ang="0">
                <a:pos x="connsiteX1858" y="connsiteY1858"/>
              </a:cxn>
              <a:cxn ang="0">
                <a:pos x="connsiteX1859" y="connsiteY1859"/>
              </a:cxn>
              <a:cxn ang="0">
                <a:pos x="connsiteX1860" y="connsiteY1860"/>
              </a:cxn>
              <a:cxn ang="0">
                <a:pos x="connsiteX1861" y="connsiteY1861"/>
              </a:cxn>
              <a:cxn ang="0">
                <a:pos x="connsiteX1862" y="connsiteY1862"/>
              </a:cxn>
              <a:cxn ang="0">
                <a:pos x="connsiteX1863" y="connsiteY1863"/>
              </a:cxn>
              <a:cxn ang="0">
                <a:pos x="connsiteX1864" y="connsiteY1864"/>
              </a:cxn>
              <a:cxn ang="0">
                <a:pos x="connsiteX1865" y="connsiteY1865"/>
              </a:cxn>
              <a:cxn ang="0">
                <a:pos x="connsiteX1866" y="connsiteY1866"/>
              </a:cxn>
              <a:cxn ang="0">
                <a:pos x="connsiteX1867" y="connsiteY1867"/>
              </a:cxn>
              <a:cxn ang="0">
                <a:pos x="connsiteX1868" y="connsiteY1868"/>
              </a:cxn>
              <a:cxn ang="0">
                <a:pos x="connsiteX1869" y="connsiteY1869"/>
              </a:cxn>
              <a:cxn ang="0">
                <a:pos x="connsiteX1870" y="connsiteY1870"/>
              </a:cxn>
              <a:cxn ang="0">
                <a:pos x="connsiteX1871" y="connsiteY1871"/>
              </a:cxn>
              <a:cxn ang="0">
                <a:pos x="connsiteX1872" y="connsiteY1872"/>
              </a:cxn>
              <a:cxn ang="0">
                <a:pos x="connsiteX1873" y="connsiteY1873"/>
              </a:cxn>
              <a:cxn ang="0">
                <a:pos x="connsiteX1874" y="connsiteY1874"/>
              </a:cxn>
              <a:cxn ang="0">
                <a:pos x="connsiteX1875" y="connsiteY1875"/>
              </a:cxn>
              <a:cxn ang="0">
                <a:pos x="connsiteX1876" y="connsiteY1876"/>
              </a:cxn>
              <a:cxn ang="0">
                <a:pos x="connsiteX1877" y="connsiteY1877"/>
              </a:cxn>
              <a:cxn ang="0">
                <a:pos x="connsiteX1878" y="connsiteY1878"/>
              </a:cxn>
              <a:cxn ang="0">
                <a:pos x="connsiteX1879" y="connsiteY1879"/>
              </a:cxn>
              <a:cxn ang="0">
                <a:pos x="connsiteX1880" y="connsiteY1880"/>
              </a:cxn>
              <a:cxn ang="0">
                <a:pos x="connsiteX1881" y="connsiteY1881"/>
              </a:cxn>
              <a:cxn ang="0">
                <a:pos x="connsiteX1882" y="connsiteY1882"/>
              </a:cxn>
              <a:cxn ang="0">
                <a:pos x="connsiteX1883" y="connsiteY1883"/>
              </a:cxn>
              <a:cxn ang="0">
                <a:pos x="connsiteX1884" y="connsiteY1884"/>
              </a:cxn>
              <a:cxn ang="0">
                <a:pos x="connsiteX1885" y="connsiteY1885"/>
              </a:cxn>
              <a:cxn ang="0">
                <a:pos x="connsiteX1886" y="connsiteY1886"/>
              </a:cxn>
              <a:cxn ang="0">
                <a:pos x="connsiteX1887" y="connsiteY1887"/>
              </a:cxn>
              <a:cxn ang="0">
                <a:pos x="connsiteX1888" y="connsiteY1888"/>
              </a:cxn>
              <a:cxn ang="0">
                <a:pos x="connsiteX1889" y="connsiteY1889"/>
              </a:cxn>
              <a:cxn ang="0">
                <a:pos x="connsiteX1890" y="connsiteY1890"/>
              </a:cxn>
              <a:cxn ang="0">
                <a:pos x="connsiteX1891" y="connsiteY1891"/>
              </a:cxn>
              <a:cxn ang="0">
                <a:pos x="connsiteX1892" y="connsiteY1892"/>
              </a:cxn>
              <a:cxn ang="0">
                <a:pos x="connsiteX1893" y="connsiteY1893"/>
              </a:cxn>
              <a:cxn ang="0">
                <a:pos x="connsiteX1894" y="connsiteY1894"/>
              </a:cxn>
              <a:cxn ang="0">
                <a:pos x="connsiteX1895" y="connsiteY1895"/>
              </a:cxn>
              <a:cxn ang="0">
                <a:pos x="connsiteX1896" y="connsiteY1896"/>
              </a:cxn>
              <a:cxn ang="0">
                <a:pos x="connsiteX1897" y="connsiteY1897"/>
              </a:cxn>
              <a:cxn ang="0">
                <a:pos x="connsiteX1898" y="connsiteY1898"/>
              </a:cxn>
              <a:cxn ang="0">
                <a:pos x="connsiteX1899" y="connsiteY1899"/>
              </a:cxn>
              <a:cxn ang="0">
                <a:pos x="connsiteX1900" y="connsiteY1900"/>
              </a:cxn>
              <a:cxn ang="0">
                <a:pos x="connsiteX1901" y="connsiteY1901"/>
              </a:cxn>
              <a:cxn ang="0">
                <a:pos x="connsiteX1902" y="connsiteY1902"/>
              </a:cxn>
              <a:cxn ang="0">
                <a:pos x="connsiteX1903" y="connsiteY1903"/>
              </a:cxn>
              <a:cxn ang="0">
                <a:pos x="connsiteX1904" y="connsiteY1904"/>
              </a:cxn>
              <a:cxn ang="0">
                <a:pos x="connsiteX1905" y="connsiteY1905"/>
              </a:cxn>
              <a:cxn ang="0">
                <a:pos x="connsiteX1906" y="connsiteY1906"/>
              </a:cxn>
              <a:cxn ang="0">
                <a:pos x="connsiteX1907" y="connsiteY1907"/>
              </a:cxn>
              <a:cxn ang="0">
                <a:pos x="connsiteX1908" y="connsiteY1908"/>
              </a:cxn>
              <a:cxn ang="0">
                <a:pos x="connsiteX1909" y="connsiteY1909"/>
              </a:cxn>
              <a:cxn ang="0">
                <a:pos x="connsiteX1910" y="connsiteY1910"/>
              </a:cxn>
              <a:cxn ang="0">
                <a:pos x="connsiteX1911" y="connsiteY1911"/>
              </a:cxn>
              <a:cxn ang="0">
                <a:pos x="connsiteX1912" y="connsiteY1912"/>
              </a:cxn>
              <a:cxn ang="0">
                <a:pos x="connsiteX1913" y="connsiteY1913"/>
              </a:cxn>
              <a:cxn ang="0">
                <a:pos x="connsiteX1914" y="connsiteY1914"/>
              </a:cxn>
              <a:cxn ang="0">
                <a:pos x="connsiteX1915" y="connsiteY1915"/>
              </a:cxn>
              <a:cxn ang="0">
                <a:pos x="connsiteX1916" y="connsiteY1916"/>
              </a:cxn>
              <a:cxn ang="0">
                <a:pos x="connsiteX1917" y="connsiteY1917"/>
              </a:cxn>
              <a:cxn ang="0">
                <a:pos x="connsiteX1918" y="connsiteY1918"/>
              </a:cxn>
              <a:cxn ang="0">
                <a:pos x="connsiteX1919" y="connsiteY1919"/>
              </a:cxn>
              <a:cxn ang="0">
                <a:pos x="connsiteX1920" y="connsiteY1920"/>
              </a:cxn>
              <a:cxn ang="0">
                <a:pos x="connsiteX1921" y="connsiteY1921"/>
              </a:cxn>
              <a:cxn ang="0">
                <a:pos x="connsiteX1922" y="connsiteY1922"/>
              </a:cxn>
              <a:cxn ang="0">
                <a:pos x="connsiteX1923" y="connsiteY1923"/>
              </a:cxn>
              <a:cxn ang="0">
                <a:pos x="connsiteX1924" y="connsiteY1924"/>
              </a:cxn>
              <a:cxn ang="0">
                <a:pos x="connsiteX1925" y="connsiteY1925"/>
              </a:cxn>
              <a:cxn ang="0">
                <a:pos x="connsiteX1926" y="connsiteY1926"/>
              </a:cxn>
              <a:cxn ang="0">
                <a:pos x="connsiteX1927" y="connsiteY1927"/>
              </a:cxn>
              <a:cxn ang="0">
                <a:pos x="connsiteX1928" y="connsiteY1928"/>
              </a:cxn>
              <a:cxn ang="0">
                <a:pos x="connsiteX1929" y="connsiteY1929"/>
              </a:cxn>
              <a:cxn ang="0">
                <a:pos x="connsiteX1930" y="connsiteY1930"/>
              </a:cxn>
              <a:cxn ang="0">
                <a:pos x="connsiteX1931" y="connsiteY1931"/>
              </a:cxn>
              <a:cxn ang="0">
                <a:pos x="connsiteX1932" y="connsiteY1932"/>
              </a:cxn>
              <a:cxn ang="0">
                <a:pos x="connsiteX1933" y="connsiteY1933"/>
              </a:cxn>
              <a:cxn ang="0">
                <a:pos x="connsiteX1934" y="connsiteY1934"/>
              </a:cxn>
              <a:cxn ang="0">
                <a:pos x="connsiteX1935" y="connsiteY1935"/>
              </a:cxn>
              <a:cxn ang="0">
                <a:pos x="connsiteX1936" y="connsiteY1936"/>
              </a:cxn>
              <a:cxn ang="0">
                <a:pos x="connsiteX1937" y="connsiteY1937"/>
              </a:cxn>
              <a:cxn ang="0">
                <a:pos x="connsiteX1938" y="connsiteY1938"/>
              </a:cxn>
              <a:cxn ang="0">
                <a:pos x="connsiteX1939" y="connsiteY1939"/>
              </a:cxn>
              <a:cxn ang="0">
                <a:pos x="connsiteX1940" y="connsiteY1940"/>
              </a:cxn>
              <a:cxn ang="0">
                <a:pos x="connsiteX1941" y="connsiteY1941"/>
              </a:cxn>
              <a:cxn ang="0">
                <a:pos x="connsiteX1942" y="connsiteY1942"/>
              </a:cxn>
              <a:cxn ang="0">
                <a:pos x="connsiteX1943" y="connsiteY1943"/>
              </a:cxn>
              <a:cxn ang="0">
                <a:pos x="connsiteX1944" y="connsiteY1944"/>
              </a:cxn>
              <a:cxn ang="0">
                <a:pos x="connsiteX1945" y="connsiteY1945"/>
              </a:cxn>
              <a:cxn ang="0">
                <a:pos x="connsiteX1946" y="connsiteY1946"/>
              </a:cxn>
              <a:cxn ang="0">
                <a:pos x="connsiteX1947" y="connsiteY1947"/>
              </a:cxn>
              <a:cxn ang="0">
                <a:pos x="connsiteX1948" y="connsiteY1948"/>
              </a:cxn>
              <a:cxn ang="0">
                <a:pos x="connsiteX1949" y="connsiteY1949"/>
              </a:cxn>
              <a:cxn ang="0">
                <a:pos x="connsiteX1950" y="connsiteY1950"/>
              </a:cxn>
              <a:cxn ang="0">
                <a:pos x="connsiteX1951" y="connsiteY1951"/>
              </a:cxn>
              <a:cxn ang="0">
                <a:pos x="connsiteX1952" y="connsiteY1952"/>
              </a:cxn>
              <a:cxn ang="0">
                <a:pos x="connsiteX1953" y="connsiteY1953"/>
              </a:cxn>
              <a:cxn ang="0">
                <a:pos x="connsiteX1954" y="connsiteY1954"/>
              </a:cxn>
              <a:cxn ang="0">
                <a:pos x="connsiteX1955" y="connsiteY1955"/>
              </a:cxn>
              <a:cxn ang="0">
                <a:pos x="connsiteX1956" y="connsiteY1956"/>
              </a:cxn>
              <a:cxn ang="0">
                <a:pos x="connsiteX1957" y="connsiteY1957"/>
              </a:cxn>
              <a:cxn ang="0">
                <a:pos x="connsiteX1958" y="connsiteY1958"/>
              </a:cxn>
              <a:cxn ang="0">
                <a:pos x="connsiteX1959" y="connsiteY1959"/>
              </a:cxn>
              <a:cxn ang="0">
                <a:pos x="connsiteX1960" y="connsiteY1960"/>
              </a:cxn>
              <a:cxn ang="0">
                <a:pos x="connsiteX1961" y="connsiteY1961"/>
              </a:cxn>
              <a:cxn ang="0">
                <a:pos x="connsiteX1962" y="connsiteY1962"/>
              </a:cxn>
              <a:cxn ang="0">
                <a:pos x="connsiteX1963" y="connsiteY1963"/>
              </a:cxn>
              <a:cxn ang="0">
                <a:pos x="connsiteX1964" y="connsiteY1964"/>
              </a:cxn>
              <a:cxn ang="0">
                <a:pos x="connsiteX1965" y="connsiteY1965"/>
              </a:cxn>
              <a:cxn ang="0">
                <a:pos x="connsiteX1966" y="connsiteY1966"/>
              </a:cxn>
              <a:cxn ang="0">
                <a:pos x="connsiteX1967" y="connsiteY1967"/>
              </a:cxn>
              <a:cxn ang="0">
                <a:pos x="connsiteX1968" y="connsiteY1968"/>
              </a:cxn>
              <a:cxn ang="0">
                <a:pos x="connsiteX1969" y="connsiteY1969"/>
              </a:cxn>
              <a:cxn ang="0">
                <a:pos x="connsiteX1970" y="connsiteY1970"/>
              </a:cxn>
              <a:cxn ang="0">
                <a:pos x="connsiteX1971" y="connsiteY1971"/>
              </a:cxn>
              <a:cxn ang="0">
                <a:pos x="connsiteX1972" y="connsiteY1972"/>
              </a:cxn>
              <a:cxn ang="0">
                <a:pos x="connsiteX1973" y="connsiteY1973"/>
              </a:cxn>
              <a:cxn ang="0">
                <a:pos x="connsiteX1974" y="connsiteY1974"/>
              </a:cxn>
              <a:cxn ang="0">
                <a:pos x="connsiteX1975" y="connsiteY1975"/>
              </a:cxn>
              <a:cxn ang="0">
                <a:pos x="connsiteX1976" y="connsiteY1976"/>
              </a:cxn>
              <a:cxn ang="0">
                <a:pos x="connsiteX1977" y="connsiteY1977"/>
              </a:cxn>
              <a:cxn ang="0">
                <a:pos x="connsiteX1978" y="connsiteY1978"/>
              </a:cxn>
              <a:cxn ang="0">
                <a:pos x="connsiteX1979" y="connsiteY1979"/>
              </a:cxn>
              <a:cxn ang="0">
                <a:pos x="connsiteX1980" y="connsiteY1980"/>
              </a:cxn>
              <a:cxn ang="0">
                <a:pos x="connsiteX1981" y="connsiteY1981"/>
              </a:cxn>
              <a:cxn ang="0">
                <a:pos x="connsiteX1982" y="connsiteY1982"/>
              </a:cxn>
              <a:cxn ang="0">
                <a:pos x="connsiteX1983" y="connsiteY1983"/>
              </a:cxn>
              <a:cxn ang="0">
                <a:pos x="connsiteX1984" y="connsiteY1984"/>
              </a:cxn>
              <a:cxn ang="0">
                <a:pos x="connsiteX1985" y="connsiteY1985"/>
              </a:cxn>
              <a:cxn ang="0">
                <a:pos x="connsiteX1986" y="connsiteY1986"/>
              </a:cxn>
              <a:cxn ang="0">
                <a:pos x="connsiteX1987" y="connsiteY1987"/>
              </a:cxn>
              <a:cxn ang="0">
                <a:pos x="connsiteX1988" y="connsiteY1988"/>
              </a:cxn>
              <a:cxn ang="0">
                <a:pos x="connsiteX1989" y="connsiteY1989"/>
              </a:cxn>
              <a:cxn ang="0">
                <a:pos x="connsiteX1990" y="connsiteY1990"/>
              </a:cxn>
              <a:cxn ang="0">
                <a:pos x="connsiteX1991" y="connsiteY1991"/>
              </a:cxn>
              <a:cxn ang="0">
                <a:pos x="connsiteX1992" y="connsiteY1992"/>
              </a:cxn>
              <a:cxn ang="0">
                <a:pos x="connsiteX1993" y="connsiteY1993"/>
              </a:cxn>
              <a:cxn ang="0">
                <a:pos x="connsiteX1994" y="connsiteY1994"/>
              </a:cxn>
              <a:cxn ang="0">
                <a:pos x="connsiteX1995" y="connsiteY1995"/>
              </a:cxn>
              <a:cxn ang="0">
                <a:pos x="connsiteX1996" y="connsiteY1996"/>
              </a:cxn>
              <a:cxn ang="0">
                <a:pos x="connsiteX1997" y="connsiteY1997"/>
              </a:cxn>
              <a:cxn ang="0">
                <a:pos x="connsiteX1998" y="connsiteY1998"/>
              </a:cxn>
              <a:cxn ang="0">
                <a:pos x="connsiteX1999" y="connsiteY1999"/>
              </a:cxn>
              <a:cxn ang="0">
                <a:pos x="connsiteX2000" y="connsiteY2000"/>
              </a:cxn>
              <a:cxn ang="0">
                <a:pos x="connsiteX2001" y="connsiteY2001"/>
              </a:cxn>
              <a:cxn ang="0">
                <a:pos x="connsiteX2002" y="connsiteY2002"/>
              </a:cxn>
              <a:cxn ang="0">
                <a:pos x="connsiteX2003" y="connsiteY2003"/>
              </a:cxn>
              <a:cxn ang="0">
                <a:pos x="connsiteX2004" y="connsiteY2004"/>
              </a:cxn>
              <a:cxn ang="0">
                <a:pos x="connsiteX2005" y="connsiteY2005"/>
              </a:cxn>
              <a:cxn ang="0">
                <a:pos x="connsiteX2006" y="connsiteY2006"/>
              </a:cxn>
              <a:cxn ang="0">
                <a:pos x="connsiteX2007" y="connsiteY2007"/>
              </a:cxn>
              <a:cxn ang="0">
                <a:pos x="connsiteX2008" y="connsiteY2008"/>
              </a:cxn>
              <a:cxn ang="0">
                <a:pos x="connsiteX2009" y="connsiteY2009"/>
              </a:cxn>
              <a:cxn ang="0">
                <a:pos x="connsiteX2010" y="connsiteY2010"/>
              </a:cxn>
              <a:cxn ang="0">
                <a:pos x="connsiteX2011" y="connsiteY2011"/>
              </a:cxn>
              <a:cxn ang="0">
                <a:pos x="connsiteX2012" y="connsiteY2012"/>
              </a:cxn>
              <a:cxn ang="0">
                <a:pos x="connsiteX2013" y="connsiteY2013"/>
              </a:cxn>
              <a:cxn ang="0">
                <a:pos x="connsiteX2014" y="connsiteY2014"/>
              </a:cxn>
              <a:cxn ang="0">
                <a:pos x="connsiteX2015" y="connsiteY2015"/>
              </a:cxn>
              <a:cxn ang="0">
                <a:pos x="connsiteX2016" y="connsiteY2016"/>
              </a:cxn>
              <a:cxn ang="0">
                <a:pos x="connsiteX2017" y="connsiteY2017"/>
              </a:cxn>
              <a:cxn ang="0">
                <a:pos x="connsiteX2018" y="connsiteY2018"/>
              </a:cxn>
              <a:cxn ang="0">
                <a:pos x="connsiteX2019" y="connsiteY2019"/>
              </a:cxn>
              <a:cxn ang="0">
                <a:pos x="connsiteX2020" y="connsiteY2020"/>
              </a:cxn>
              <a:cxn ang="0">
                <a:pos x="connsiteX2021" y="connsiteY2021"/>
              </a:cxn>
              <a:cxn ang="0">
                <a:pos x="connsiteX2022" y="connsiteY2022"/>
              </a:cxn>
              <a:cxn ang="0">
                <a:pos x="connsiteX2023" y="connsiteY2023"/>
              </a:cxn>
              <a:cxn ang="0">
                <a:pos x="connsiteX2024" y="connsiteY2024"/>
              </a:cxn>
              <a:cxn ang="0">
                <a:pos x="connsiteX2025" y="connsiteY2025"/>
              </a:cxn>
              <a:cxn ang="0">
                <a:pos x="connsiteX2026" y="connsiteY2026"/>
              </a:cxn>
              <a:cxn ang="0">
                <a:pos x="connsiteX2027" y="connsiteY2027"/>
              </a:cxn>
              <a:cxn ang="0">
                <a:pos x="connsiteX2028" y="connsiteY2028"/>
              </a:cxn>
              <a:cxn ang="0">
                <a:pos x="connsiteX2029" y="connsiteY2029"/>
              </a:cxn>
              <a:cxn ang="0">
                <a:pos x="connsiteX2030" y="connsiteY2030"/>
              </a:cxn>
              <a:cxn ang="0">
                <a:pos x="connsiteX2031" y="connsiteY2031"/>
              </a:cxn>
              <a:cxn ang="0">
                <a:pos x="connsiteX2032" y="connsiteY2032"/>
              </a:cxn>
              <a:cxn ang="0">
                <a:pos x="connsiteX2033" y="connsiteY2033"/>
              </a:cxn>
              <a:cxn ang="0">
                <a:pos x="connsiteX2034" y="connsiteY2034"/>
              </a:cxn>
              <a:cxn ang="0">
                <a:pos x="connsiteX2035" y="connsiteY2035"/>
              </a:cxn>
              <a:cxn ang="0">
                <a:pos x="connsiteX2036" y="connsiteY2036"/>
              </a:cxn>
              <a:cxn ang="0">
                <a:pos x="connsiteX2037" y="connsiteY2037"/>
              </a:cxn>
              <a:cxn ang="0">
                <a:pos x="connsiteX2038" y="connsiteY2038"/>
              </a:cxn>
              <a:cxn ang="0">
                <a:pos x="connsiteX2039" y="connsiteY2039"/>
              </a:cxn>
              <a:cxn ang="0">
                <a:pos x="connsiteX2040" y="connsiteY2040"/>
              </a:cxn>
              <a:cxn ang="0">
                <a:pos x="connsiteX2041" y="connsiteY2041"/>
              </a:cxn>
              <a:cxn ang="0">
                <a:pos x="connsiteX2042" y="connsiteY2042"/>
              </a:cxn>
              <a:cxn ang="0">
                <a:pos x="connsiteX2043" y="connsiteY2043"/>
              </a:cxn>
              <a:cxn ang="0">
                <a:pos x="connsiteX2044" y="connsiteY2044"/>
              </a:cxn>
              <a:cxn ang="0">
                <a:pos x="connsiteX2045" y="connsiteY2045"/>
              </a:cxn>
              <a:cxn ang="0">
                <a:pos x="connsiteX2046" y="connsiteY2046"/>
              </a:cxn>
              <a:cxn ang="0">
                <a:pos x="connsiteX2047" y="connsiteY2047"/>
              </a:cxn>
              <a:cxn ang="0">
                <a:pos x="connsiteX2048" y="connsiteY2048"/>
              </a:cxn>
              <a:cxn ang="0">
                <a:pos x="connsiteX2049" y="connsiteY2049"/>
              </a:cxn>
              <a:cxn ang="0">
                <a:pos x="connsiteX2050" y="connsiteY2050"/>
              </a:cxn>
              <a:cxn ang="0">
                <a:pos x="connsiteX2051" y="connsiteY2051"/>
              </a:cxn>
              <a:cxn ang="0">
                <a:pos x="connsiteX2052" y="connsiteY2052"/>
              </a:cxn>
              <a:cxn ang="0">
                <a:pos x="connsiteX2053" y="connsiteY2053"/>
              </a:cxn>
              <a:cxn ang="0">
                <a:pos x="connsiteX2054" y="connsiteY2054"/>
              </a:cxn>
              <a:cxn ang="0">
                <a:pos x="connsiteX2055" y="connsiteY2055"/>
              </a:cxn>
              <a:cxn ang="0">
                <a:pos x="connsiteX2056" y="connsiteY2056"/>
              </a:cxn>
              <a:cxn ang="0">
                <a:pos x="connsiteX2057" y="connsiteY2057"/>
              </a:cxn>
              <a:cxn ang="0">
                <a:pos x="connsiteX2058" y="connsiteY2058"/>
              </a:cxn>
              <a:cxn ang="0">
                <a:pos x="connsiteX2059" y="connsiteY2059"/>
              </a:cxn>
              <a:cxn ang="0">
                <a:pos x="connsiteX2060" y="connsiteY2060"/>
              </a:cxn>
              <a:cxn ang="0">
                <a:pos x="connsiteX2061" y="connsiteY2061"/>
              </a:cxn>
              <a:cxn ang="0">
                <a:pos x="connsiteX2062" y="connsiteY2062"/>
              </a:cxn>
              <a:cxn ang="0">
                <a:pos x="connsiteX2063" y="connsiteY2063"/>
              </a:cxn>
              <a:cxn ang="0">
                <a:pos x="connsiteX2064" y="connsiteY2064"/>
              </a:cxn>
              <a:cxn ang="0">
                <a:pos x="connsiteX2065" y="connsiteY2065"/>
              </a:cxn>
              <a:cxn ang="0">
                <a:pos x="connsiteX2066" y="connsiteY2066"/>
              </a:cxn>
              <a:cxn ang="0">
                <a:pos x="connsiteX2067" y="connsiteY2067"/>
              </a:cxn>
              <a:cxn ang="0">
                <a:pos x="connsiteX2068" y="connsiteY2068"/>
              </a:cxn>
              <a:cxn ang="0">
                <a:pos x="connsiteX2069" y="connsiteY2069"/>
              </a:cxn>
              <a:cxn ang="0">
                <a:pos x="connsiteX2070" y="connsiteY2070"/>
              </a:cxn>
              <a:cxn ang="0">
                <a:pos x="connsiteX2071" y="connsiteY2071"/>
              </a:cxn>
              <a:cxn ang="0">
                <a:pos x="connsiteX2072" y="connsiteY2072"/>
              </a:cxn>
              <a:cxn ang="0">
                <a:pos x="connsiteX2073" y="connsiteY2073"/>
              </a:cxn>
              <a:cxn ang="0">
                <a:pos x="connsiteX2074" y="connsiteY2074"/>
              </a:cxn>
              <a:cxn ang="0">
                <a:pos x="connsiteX2075" y="connsiteY2075"/>
              </a:cxn>
              <a:cxn ang="0">
                <a:pos x="connsiteX2076" y="connsiteY2076"/>
              </a:cxn>
              <a:cxn ang="0">
                <a:pos x="connsiteX2077" y="connsiteY2077"/>
              </a:cxn>
              <a:cxn ang="0">
                <a:pos x="connsiteX2078" y="connsiteY2078"/>
              </a:cxn>
              <a:cxn ang="0">
                <a:pos x="connsiteX2079" y="connsiteY2079"/>
              </a:cxn>
              <a:cxn ang="0">
                <a:pos x="connsiteX2080" y="connsiteY2080"/>
              </a:cxn>
              <a:cxn ang="0">
                <a:pos x="connsiteX2081" y="connsiteY2081"/>
              </a:cxn>
              <a:cxn ang="0">
                <a:pos x="connsiteX2082" y="connsiteY2082"/>
              </a:cxn>
              <a:cxn ang="0">
                <a:pos x="connsiteX2083" y="connsiteY2083"/>
              </a:cxn>
              <a:cxn ang="0">
                <a:pos x="connsiteX2084" y="connsiteY2084"/>
              </a:cxn>
              <a:cxn ang="0">
                <a:pos x="connsiteX2085" y="connsiteY2085"/>
              </a:cxn>
              <a:cxn ang="0">
                <a:pos x="connsiteX2086" y="connsiteY2086"/>
              </a:cxn>
              <a:cxn ang="0">
                <a:pos x="connsiteX2087" y="connsiteY2087"/>
              </a:cxn>
              <a:cxn ang="0">
                <a:pos x="connsiteX2088" y="connsiteY2088"/>
              </a:cxn>
              <a:cxn ang="0">
                <a:pos x="connsiteX2089" y="connsiteY2089"/>
              </a:cxn>
              <a:cxn ang="0">
                <a:pos x="connsiteX2090" y="connsiteY2090"/>
              </a:cxn>
              <a:cxn ang="0">
                <a:pos x="connsiteX2091" y="connsiteY2091"/>
              </a:cxn>
              <a:cxn ang="0">
                <a:pos x="connsiteX2092" y="connsiteY2092"/>
              </a:cxn>
              <a:cxn ang="0">
                <a:pos x="connsiteX2093" y="connsiteY2093"/>
              </a:cxn>
              <a:cxn ang="0">
                <a:pos x="connsiteX2094" y="connsiteY2094"/>
              </a:cxn>
              <a:cxn ang="0">
                <a:pos x="connsiteX2095" y="connsiteY2095"/>
              </a:cxn>
              <a:cxn ang="0">
                <a:pos x="connsiteX2096" y="connsiteY2096"/>
              </a:cxn>
              <a:cxn ang="0">
                <a:pos x="connsiteX2097" y="connsiteY2097"/>
              </a:cxn>
              <a:cxn ang="0">
                <a:pos x="connsiteX2098" y="connsiteY2098"/>
              </a:cxn>
              <a:cxn ang="0">
                <a:pos x="connsiteX2099" y="connsiteY2099"/>
              </a:cxn>
              <a:cxn ang="0">
                <a:pos x="connsiteX2100" y="connsiteY2100"/>
              </a:cxn>
              <a:cxn ang="0">
                <a:pos x="connsiteX2101" y="connsiteY2101"/>
              </a:cxn>
              <a:cxn ang="0">
                <a:pos x="connsiteX2102" y="connsiteY2102"/>
              </a:cxn>
              <a:cxn ang="0">
                <a:pos x="connsiteX2103" y="connsiteY2103"/>
              </a:cxn>
              <a:cxn ang="0">
                <a:pos x="connsiteX2104" y="connsiteY2104"/>
              </a:cxn>
              <a:cxn ang="0">
                <a:pos x="connsiteX2105" y="connsiteY2105"/>
              </a:cxn>
              <a:cxn ang="0">
                <a:pos x="connsiteX2106" y="connsiteY2106"/>
              </a:cxn>
              <a:cxn ang="0">
                <a:pos x="connsiteX2107" y="connsiteY2107"/>
              </a:cxn>
              <a:cxn ang="0">
                <a:pos x="connsiteX2108" y="connsiteY2108"/>
              </a:cxn>
              <a:cxn ang="0">
                <a:pos x="connsiteX2109" y="connsiteY2109"/>
              </a:cxn>
              <a:cxn ang="0">
                <a:pos x="connsiteX2110" y="connsiteY2110"/>
              </a:cxn>
              <a:cxn ang="0">
                <a:pos x="connsiteX2111" y="connsiteY2111"/>
              </a:cxn>
              <a:cxn ang="0">
                <a:pos x="connsiteX2112" y="connsiteY2112"/>
              </a:cxn>
              <a:cxn ang="0">
                <a:pos x="connsiteX2113" y="connsiteY2113"/>
              </a:cxn>
              <a:cxn ang="0">
                <a:pos x="connsiteX2114" y="connsiteY2114"/>
              </a:cxn>
              <a:cxn ang="0">
                <a:pos x="connsiteX2115" y="connsiteY2115"/>
              </a:cxn>
              <a:cxn ang="0">
                <a:pos x="connsiteX2116" y="connsiteY2116"/>
              </a:cxn>
              <a:cxn ang="0">
                <a:pos x="connsiteX2117" y="connsiteY2117"/>
              </a:cxn>
              <a:cxn ang="0">
                <a:pos x="connsiteX2118" y="connsiteY2118"/>
              </a:cxn>
              <a:cxn ang="0">
                <a:pos x="connsiteX2119" y="connsiteY2119"/>
              </a:cxn>
              <a:cxn ang="0">
                <a:pos x="connsiteX2120" y="connsiteY2120"/>
              </a:cxn>
              <a:cxn ang="0">
                <a:pos x="connsiteX2121" y="connsiteY2121"/>
              </a:cxn>
              <a:cxn ang="0">
                <a:pos x="connsiteX2122" y="connsiteY2122"/>
              </a:cxn>
              <a:cxn ang="0">
                <a:pos x="connsiteX2123" y="connsiteY2123"/>
              </a:cxn>
              <a:cxn ang="0">
                <a:pos x="connsiteX2124" y="connsiteY2124"/>
              </a:cxn>
              <a:cxn ang="0">
                <a:pos x="connsiteX2125" y="connsiteY2125"/>
              </a:cxn>
              <a:cxn ang="0">
                <a:pos x="connsiteX2126" y="connsiteY2126"/>
              </a:cxn>
              <a:cxn ang="0">
                <a:pos x="connsiteX2127" y="connsiteY2127"/>
              </a:cxn>
              <a:cxn ang="0">
                <a:pos x="connsiteX2128" y="connsiteY2128"/>
              </a:cxn>
              <a:cxn ang="0">
                <a:pos x="connsiteX2129" y="connsiteY2129"/>
              </a:cxn>
              <a:cxn ang="0">
                <a:pos x="connsiteX2130" y="connsiteY2130"/>
              </a:cxn>
              <a:cxn ang="0">
                <a:pos x="connsiteX2131" y="connsiteY2131"/>
              </a:cxn>
              <a:cxn ang="0">
                <a:pos x="connsiteX2132" y="connsiteY2132"/>
              </a:cxn>
              <a:cxn ang="0">
                <a:pos x="connsiteX2133" y="connsiteY2133"/>
              </a:cxn>
              <a:cxn ang="0">
                <a:pos x="connsiteX2134" y="connsiteY2134"/>
              </a:cxn>
              <a:cxn ang="0">
                <a:pos x="connsiteX2135" y="connsiteY2135"/>
              </a:cxn>
              <a:cxn ang="0">
                <a:pos x="connsiteX2136" y="connsiteY2136"/>
              </a:cxn>
              <a:cxn ang="0">
                <a:pos x="connsiteX2137" y="connsiteY2137"/>
              </a:cxn>
              <a:cxn ang="0">
                <a:pos x="connsiteX2138" y="connsiteY2138"/>
              </a:cxn>
              <a:cxn ang="0">
                <a:pos x="connsiteX2139" y="connsiteY2139"/>
              </a:cxn>
              <a:cxn ang="0">
                <a:pos x="connsiteX2140" y="connsiteY2140"/>
              </a:cxn>
              <a:cxn ang="0">
                <a:pos x="connsiteX2141" y="connsiteY2141"/>
              </a:cxn>
              <a:cxn ang="0">
                <a:pos x="connsiteX2142" y="connsiteY2142"/>
              </a:cxn>
              <a:cxn ang="0">
                <a:pos x="connsiteX2143" y="connsiteY2143"/>
              </a:cxn>
              <a:cxn ang="0">
                <a:pos x="connsiteX2144" y="connsiteY2144"/>
              </a:cxn>
              <a:cxn ang="0">
                <a:pos x="connsiteX2145" y="connsiteY2145"/>
              </a:cxn>
              <a:cxn ang="0">
                <a:pos x="connsiteX2146" y="connsiteY2146"/>
              </a:cxn>
              <a:cxn ang="0">
                <a:pos x="connsiteX2147" y="connsiteY2147"/>
              </a:cxn>
              <a:cxn ang="0">
                <a:pos x="connsiteX2148" y="connsiteY2148"/>
              </a:cxn>
              <a:cxn ang="0">
                <a:pos x="connsiteX2149" y="connsiteY2149"/>
              </a:cxn>
              <a:cxn ang="0">
                <a:pos x="connsiteX2150" y="connsiteY2150"/>
              </a:cxn>
              <a:cxn ang="0">
                <a:pos x="connsiteX2151" y="connsiteY2151"/>
              </a:cxn>
              <a:cxn ang="0">
                <a:pos x="connsiteX2152" y="connsiteY2152"/>
              </a:cxn>
              <a:cxn ang="0">
                <a:pos x="connsiteX2153" y="connsiteY2153"/>
              </a:cxn>
              <a:cxn ang="0">
                <a:pos x="connsiteX2154" y="connsiteY2154"/>
              </a:cxn>
              <a:cxn ang="0">
                <a:pos x="connsiteX2155" y="connsiteY2155"/>
              </a:cxn>
              <a:cxn ang="0">
                <a:pos x="connsiteX2156" y="connsiteY2156"/>
              </a:cxn>
              <a:cxn ang="0">
                <a:pos x="connsiteX2157" y="connsiteY2157"/>
              </a:cxn>
              <a:cxn ang="0">
                <a:pos x="connsiteX2158" y="connsiteY2158"/>
              </a:cxn>
              <a:cxn ang="0">
                <a:pos x="connsiteX2159" y="connsiteY2159"/>
              </a:cxn>
              <a:cxn ang="0">
                <a:pos x="connsiteX2160" y="connsiteY2160"/>
              </a:cxn>
              <a:cxn ang="0">
                <a:pos x="connsiteX2161" y="connsiteY2161"/>
              </a:cxn>
              <a:cxn ang="0">
                <a:pos x="connsiteX2162" y="connsiteY2162"/>
              </a:cxn>
              <a:cxn ang="0">
                <a:pos x="connsiteX2163" y="connsiteY2163"/>
              </a:cxn>
              <a:cxn ang="0">
                <a:pos x="connsiteX2164" y="connsiteY2164"/>
              </a:cxn>
              <a:cxn ang="0">
                <a:pos x="connsiteX2165" y="connsiteY2165"/>
              </a:cxn>
              <a:cxn ang="0">
                <a:pos x="connsiteX2166" y="connsiteY2166"/>
              </a:cxn>
              <a:cxn ang="0">
                <a:pos x="connsiteX2167" y="connsiteY2167"/>
              </a:cxn>
              <a:cxn ang="0">
                <a:pos x="connsiteX2168" y="connsiteY2168"/>
              </a:cxn>
              <a:cxn ang="0">
                <a:pos x="connsiteX2169" y="connsiteY2169"/>
              </a:cxn>
              <a:cxn ang="0">
                <a:pos x="connsiteX2170" y="connsiteY2170"/>
              </a:cxn>
              <a:cxn ang="0">
                <a:pos x="connsiteX2171" y="connsiteY2171"/>
              </a:cxn>
              <a:cxn ang="0">
                <a:pos x="connsiteX2172" y="connsiteY2172"/>
              </a:cxn>
              <a:cxn ang="0">
                <a:pos x="connsiteX2173" y="connsiteY2173"/>
              </a:cxn>
              <a:cxn ang="0">
                <a:pos x="connsiteX2174" y="connsiteY2174"/>
              </a:cxn>
              <a:cxn ang="0">
                <a:pos x="connsiteX2175" y="connsiteY2175"/>
              </a:cxn>
              <a:cxn ang="0">
                <a:pos x="connsiteX2176" y="connsiteY2176"/>
              </a:cxn>
              <a:cxn ang="0">
                <a:pos x="connsiteX2177" y="connsiteY2177"/>
              </a:cxn>
              <a:cxn ang="0">
                <a:pos x="connsiteX2178" y="connsiteY2178"/>
              </a:cxn>
              <a:cxn ang="0">
                <a:pos x="connsiteX2179" y="connsiteY2179"/>
              </a:cxn>
              <a:cxn ang="0">
                <a:pos x="connsiteX2180" y="connsiteY2180"/>
              </a:cxn>
              <a:cxn ang="0">
                <a:pos x="connsiteX2181" y="connsiteY2181"/>
              </a:cxn>
              <a:cxn ang="0">
                <a:pos x="connsiteX2182" y="connsiteY2182"/>
              </a:cxn>
              <a:cxn ang="0">
                <a:pos x="connsiteX2183" y="connsiteY2183"/>
              </a:cxn>
              <a:cxn ang="0">
                <a:pos x="connsiteX2184" y="connsiteY2184"/>
              </a:cxn>
              <a:cxn ang="0">
                <a:pos x="connsiteX2185" y="connsiteY2185"/>
              </a:cxn>
              <a:cxn ang="0">
                <a:pos x="connsiteX2186" y="connsiteY2186"/>
              </a:cxn>
              <a:cxn ang="0">
                <a:pos x="connsiteX2187" y="connsiteY2187"/>
              </a:cxn>
              <a:cxn ang="0">
                <a:pos x="connsiteX2188" y="connsiteY2188"/>
              </a:cxn>
              <a:cxn ang="0">
                <a:pos x="connsiteX2189" y="connsiteY2189"/>
              </a:cxn>
              <a:cxn ang="0">
                <a:pos x="connsiteX2190" y="connsiteY2190"/>
              </a:cxn>
              <a:cxn ang="0">
                <a:pos x="connsiteX2191" y="connsiteY2191"/>
              </a:cxn>
              <a:cxn ang="0">
                <a:pos x="connsiteX2192" y="connsiteY2192"/>
              </a:cxn>
              <a:cxn ang="0">
                <a:pos x="connsiteX2193" y="connsiteY2193"/>
              </a:cxn>
              <a:cxn ang="0">
                <a:pos x="connsiteX2194" y="connsiteY2194"/>
              </a:cxn>
              <a:cxn ang="0">
                <a:pos x="connsiteX2195" y="connsiteY2195"/>
              </a:cxn>
              <a:cxn ang="0">
                <a:pos x="connsiteX2196" y="connsiteY2196"/>
              </a:cxn>
              <a:cxn ang="0">
                <a:pos x="connsiteX2197" y="connsiteY2197"/>
              </a:cxn>
              <a:cxn ang="0">
                <a:pos x="connsiteX2198" y="connsiteY2198"/>
              </a:cxn>
              <a:cxn ang="0">
                <a:pos x="connsiteX2199" y="connsiteY2199"/>
              </a:cxn>
              <a:cxn ang="0">
                <a:pos x="connsiteX2200" y="connsiteY2200"/>
              </a:cxn>
              <a:cxn ang="0">
                <a:pos x="connsiteX2201" y="connsiteY2201"/>
              </a:cxn>
              <a:cxn ang="0">
                <a:pos x="connsiteX2202" y="connsiteY2202"/>
              </a:cxn>
              <a:cxn ang="0">
                <a:pos x="connsiteX2203" y="connsiteY2203"/>
              </a:cxn>
              <a:cxn ang="0">
                <a:pos x="connsiteX2204" y="connsiteY2204"/>
              </a:cxn>
              <a:cxn ang="0">
                <a:pos x="connsiteX2205" y="connsiteY2205"/>
              </a:cxn>
              <a:cxn ang="0">
                <a:pos x="connsiteX2206" y="connsiteY2206"/>
              </a:cxn>
              <a:cxn ang="0">
                <a:pos x="connsiteX2207" y="connsiteY2207"/>
              </a:cxn>
              <a:cxn ang="0">
                <a:pos x="connsiteX2208" y="connsiteY2208"/>
              </a:cxn>
              <a:cxn ang="0">
                <a:pos x="connsiteX2209" y="connsiteY2209"/>
              </a:cxn>
              <a:cxn ang="0">
                <a:pos x="connsiteX2210" y="connsiteY2210"/>
              </a:cxn>
              <a:cxn ang="0">
                <a:pos x="connsiteX2211" y="connsiteY2211"/>
              </a:cxn>
              <a:cxn ang="0">
                <a:pos x="connsiteX2212" y="connsiteY2212"/>
              </a:cxn>
              <a:cxn ang="0">
                <a:pos x="connsiteX2213" y="connsiteY2213"/>
              </a:cxn>
              <a:cxn ang="0">
                <a:pos x="connsiteX2214" y="connsiteY2214"/>
              </a:cxn>
              <a:cxn ang="0">
                <a:pos x="connsiteX2215" y="connsiteY2215"/>
              </a:cxn>
              <a:cxn ang="0">
                <a:pos x="connsiteX2216" y="connsiteY2216"/>
              </a:cxn>
              <a:cxn ang="0">
                <a:pos x="connsiteX2217" y="connsiteY2217"/>
              </a:cxn>
              <a:cxn ang="0">
                <a:pos x="connsiteX2218" y="connsiteY2218"/>
              </a:cxn>
              <a:cxn ang="0">
                <a:pos x="connsiteX2219" y="connsiteY2219"/>
              </a:cxn>
              <a:cxn ang="0">
                <a:pos x="connsiteX2220" y="connsiteY2220"/>
              </a:cxn>
              <a:cxn ang="0">
                <a:pos x="connsiteX2221" y="connsiteY2221"/>
              </a:cxn>
              <a:cxn ang="0">
                <a:pos x="connsiteX2222" y="connsiteY2222"/>
              </a:cxn>
              <a:cxn ang="0">
                <a:pos x="connsiteX2223" y="connsiteY2223"/>
              </a:cxn>
              <a:cxn ang="0">
                <a:pos x="connsiteX2224" y="connsiteY2224"/>
              </a:cxn>
              <a:cxn ang="0">
                <a:pos x="connsiteX2225" y="connsiteY2225"/>
              </a:cxn>
              <a:cxn ang="0">
                <a:pos x="connsiteX2226" y="connsiteY2226"/>
              </a:cxn>
              <a:cxn ang="0">
                <a:pos x="connsiteX2227" y="connsiteY2227"/>
              </a:cxn>
              <a:cxn ang="0">
                <a:pos x="connsiteX2228" y="connsiteY2228"/>
              </a:cxn>
              <a:cxn ang="0">
                <a:pos x="connsiteX2229" y="connsiteY2229"/>
              </a:cxn>
              <a:cxn ang="0">
                <a:pos x="connsiteX2230" y="connsiteY2230"/>
              </a:cxn>
              <a:cxn ang="0">
                <a:pos x="connsiteX2231" y="connsiteY2231"/>
              </a:cxn>
              <a:cxn ang="0">
                <a:pos x="connsiteX2232" y="connsiteY2232"/>
              </a:cxn>
              <a:cxn ang="0">
                <a:pos x="connsiteX2233" y="connsiteY2233"/>
              </a:cxn>
              <a:cxn ang="0">
                <a:pos x="connsiteX2234" y="connsiteY2234"/>
              </a:cxn>
              <a:cxn ang="0">
                <a:pos x="connsiteX2235" y="connsiteY2235"/>
              </a:cxn>
              <a:cxn ang="0">
                <a:pos x="connsiteX2236" y="connsiteY2236"/>
              </a:cxn>
              <a:cxn ang="0">
                <a:pos x="connsiteX2237" y="connsiteY2237"/>
              </a:cxn>
              <a:cxn ang="0">
                <a:pos x="connsiteX2238" y="connsiteY2238"/>
              </a:cxn>
              <a:cxn ang="0">
                <a:pos x="connsiteX2239" y="connsiteY2239"/>
              </a:cxn>
              <a:cxn ang="0">
                <a:pos x="connsiteX2240" y="connsiteY2240"/>
              </a:cxn>
              <a:cxn ang="0">
                <a:pos x="connsiteX2241" y="connsiteY2241"/>
              </a:cxn>
              <a:cxn ang="0">
                <a:pos x="connsiteX2242" y="connsiteY2242"/>
              </a:cxn>
              <a:cxn ang="0">
                <a:pos x="connsiteX2243" y="connsiteY2243"/>
              </a:cxn>
              <a:cxn ang="0">
                <a:pos x="connsiteX2244" y="connsiteY2244"/>
              </a:cxn>
              <a:cxn ang="0">
                <a:pos x="connsiteX2245" y="connsiteY2245"/>
              </a:cxn>
              <a:cxn ang="0">
                <a:pos x="connsiteX2246" y="connsiteY2246"/>
              </a:cxn>
              <a:cxn ang="0">
                <a:pos x="connsiteX2247" y="connsiteY2247"/>
              </a:cxn>
              <a:cxn ang="0">
                <a:pos x="connsiteX2248" y="connsiteY2248"/>
              </a:cxn>
              <a:cxn ang="0">
                <a:pos x="connsiteX2249" y="connsiteY2249"/>
              </a:cxn>
              <a:cxn ang="0">
                <a:pos x="connsiteX2250" y="connsiteY2250"/>
              </a:cxn>
              <a:cxn ang="0">
                <a:pos x="connsiteX2251" y="connsiteY2251"/>
              </a:cxn>
              <a:cxn ang="0">
                <a:pos x="connsiteX2252" y="connsiteY2252"/>
              </a:cxn>
              <a:cxn ang="0">
                <a:pos x="connsiteX2253" y="connsiteY2253"/>
              </a:cxn>
              <a:cxn ang="0">
                <a:pos x="connsiteX2254" y="connsiteY2254"/>
              </a:cxn>
              <a:cxn ang="0">
                <a:pos x="connsiteX2255" y="connsiteY2255"/>
              </a:cxn>
              <a:cxn ang="0">
                <a:pos x="connsiteX2256" y="connsiteY2256"/>
              </a:cxn>
              <a:cxn ang="0">
                <a:pos x="connsiteX2257" y="connsiteY2257"/>
              </a:cxn>
              <a:cxn ang="0">
                <a:pos x="connsiteX2258" y="connsiteY2258"/>
              </a:cxn>
              <a:cxn ang="0">
                <a:pos x="connsiteX2259" y="connsiteY2259"/>
              </a:cxn>
              <a:cxn ang="0">
                <a:pos x="connsiteX2260" y="connsiteY2260"/>
              </a:cxn>
              <a:cxn ang="0">
                <a:pos x="connsiteX2261" y="connsiteY2261"/>
              </a:cxn>
              <a:cxn ang="0">
                <a:pos x="connsiteX2262" y="connsiteY2262"/>
              </a:cxn>
              <a:cxn ang="0">
                <a:pos x="connsiteX2263" y="connsiteY2263"/>
              </a:cxn>
              <a:cxn ang="0">
                <a:pos x="connsiteX2264" y="connsiteY2264"/>
              </a:cxn>
              <a:cxn ang="0">
                <a:pos x="connsiteX2265" y="connsiteY2265"/>
              </a:cxn>
              <a:cxn ang="0">
                <a:pos x="connsiteX2266" y="connsiteY2266"/>
              </a:cxn>
              <a:cxn ang="0">
                <a:pos x="connsiteX2267" y="connsiteY2267"/>
              </a:cxn>
              <a:cxn ang="0">
                <a:pos x="connsiteX2268" y="connsiteY2268"/>
              </a:cxn>
              <a:cxn ang="0">
                <a:pos x="connsiteX2269" y="connsiteY2269"/>
              </a:cxn>
              <a:cxn ang="0">
                <a:pos x="connsiteX2270" y="connsiteY2270"/>
              </a:cxn>
              <a:cxn ang="0">
                <a:pos x="connsiteX2271" y="connsiteY2271"/>
              </a:cxn>
              <a:cxn ang="0">
                <a:pos x="connsiteX2272" y="connsiteY2272"/>
              </a:cxn>
              <a:cxn ang="0">
                <a:pos x="connsiteX2273" y="connsiteY2273"/>
              </a:cxn>
              <a:cxn ang="0">
                <a:pos x="connsiteX2274" y="connsiteY2274"/>
              </a:cxn>
              <a:cxn ang="0">
                <a:pos x="connsiteX2275" y="connsiteY2275"/>
              </a:cxn>
              <a:cxn ang="0">
                <a:pos x="connsiteX2276" y="connsiteY2276"/>
              </a:cxn>
              <a:cxn ang="0">
                <a:pos x="connsiteX2277" y="connsiteY2277"/>
              </a:cxn>
              <a:cxn ang="0">
                <a:pos x="connsiteX2278" y="connsiteY2278"/>
              </a:cxn>
              <a:cxn ang="0">
                <a:pos x="connsiteX2279" y="connsiteY2279"/>
              </a:cxn>
              <a:cxn ang="0">
                <a:pos x="connsiteX2280" y="connsiteY2280"/>
              </a:cxn>
              <a:cxn ang="0">
                <a:pos x="connsiteX2281" y="connsiteY2281"/>
              </a:cxn>
              <a:cxn ang="0">
                <a:pos x="connsiteX2282" y="connsiteY2282"/>
              </a:cxn>
              <a:cxn ang="0">
                <a:pos x="connsiteX2283" y="connsiteY2283"/>
              </a:cxn>
              <a:cxn ang="0">
                <a:pos x="connsiteX2284" y="connsiteY2284"/>
              </a:cxn>
              <a:cxn ang="0">
                <a:pos x="connsiteX2285" y="connsiteY2285"/>
              </a:cxn>
              <a:cxn ang="0">
                <a:pos x="connsiteX2286" y="connsiteY2286"/>
              </a:cxn>
              <a:cxn ang="0">
                <a:pos x="connsiteX2287" y="connsiteY2287"/>
              </a:cxn>
              <a:cxn ang="0">
                <a:pos x="connsiteX2288" y="connsiteY2288"/>
              </a:cxn>
              <a:cxn ang="0">
                <a:pos x="connsiteX2289" y="connsiteY2289"/>
              </a:cxn>
              <a:cxn ang="0">
                <a:pos x="connsiteX2290" y="connsiteY2290"/>
              </a:cxn>
              <a:cxn ang="0">
                <a:pos x="connsiteX2291" y="connsiteY2291"/>
              </a:cxn>
              <a:cxn ang="0">
                <a:pos x="connsiteX2292" y="connsiteY2292"/>
              </a:cxn>
              <a:cxn ang="0">
                <a:pos x="connsiteX2293" y="connsiteY2293"/>
              </a:cxn>
              <a:cxn ang="0">
                <a:pos x="connsiteX2294" y="connsiteY2294"/>
              </a:cxn>
              <a:cxn ang="0">
                <a:pos x="connsiteX2295" y="connsiteY2295"/>
              </a:cxn>
              <a:cxn ang="0">
                <a:pos x="connsiteX2296" y="connsiteY2296"/>
              </a:cxn>
              <a:cxn ang="0">
                <a:pos x="connsiteX2297" y="connsiteY2297"/>
              </a:cxn>
              <a:cxn ang="0">
                <a:pos x="connsiteX2298" y="connsiteY2298"/>
              </a:cxn>
              <a:cxn ang="0">
                <a:pos x="connsiteX2299" y="connsiteY2299"/>
              </a:cxn>
              <a:cxn ang="0">
                <a:pos x="connsiteX2300" y="connsiteY2300"/>
              </a:cxn>
              <a:cxn ang="0">
                <a:pos x="connsiteX2301" y="connsiteY2301"/>
              </a:cxn>
              <a:cxn ang="0">
                <a:pos x="connsiteX2302" y="connsiteY2302"/>
              </a:cxn>
              <a:cxn ang="0">
                <a:pos x="connsiteX2303" y="connsiteY2303"/>
              </a:cxn>
              <a:cxn ang="0">
                <a:pos x="connsiteX2304" y="connsiteY2304"/>
              </a:cxn>
              <a:cxn ang="0">
                <a:pos x="connsiteX2305" y="connsiteY2305"/>
              </a:cxn>
              <a:cxn ang="0">
                <a:pos x="connsiteX2306" y="connsiteY2306"/>
              </a:cxn>
              <a:cxn ang="0">
                <a:pos x="connsiteX2307" y="connsiteY2307"/>
              </a:cxn>
              <a:cxn ang="0">
                <a:pos x="connsiteX2308" y="connsiteY2308"/>
              </a:cxn>
              <a:cxn ang="0">
                <a:pos x="connsiteX2309" y="connsiteY2309"/>
              </a:cxn>
              <a:cxn ang="0">
                <a:pos x="connsiteX2310" y="connsiteY2310"/>
              </a:cxn>
              <a:cxn ang="0">
                <a:pos x="connsiteX2311" y="connsiteY2311"/>
              </a:cxn>
              <a:cxn ang="0">
                <a:pos x="connsiteX2312" y="connsiteY2312"/>
              </a:cxn>
              <a:cxn ang="0">
                <a:pos x="connsiteX2313" y="connsiteY2313"/>
              </a:cxn>
              <a:cxn ang="0">
                <a:pos x="connsiteX2314" y="connsiteY2314"/>
              </a:cxn>
              <a:cxn ang="0">
                <a:pos x="connsiteX2315" y="connsiteY2315"/>
              </a:cxn>
              <a:cxn ang="0">
                <a:pos x="connsiteX2316" y="connsiteY2316"/>
              </a:cxn>
              <a:cxn ang="0">
                <a:pos x="connsiteX2317" y="connsiteY2317"/>
              </a:cxn>
              <a:cxn ang="0">
                <a:pos x="connsiteX2318" y="connsiteY2318"/>
              </a:cxn>
              <a:cxn ang="0">
                <a:pos x="connsiteX2319" y="connsiteY2319"/>
              </a:cxn>
              <a:cxn ang="0">
                <a:pos x="connsiteX2320" y="connsiteY2320"/>
              </a:cxn>
              <a:cxn ang="0">
                <a:pos x="connsiteX2321" y="connsiteY2321"/>
              </a:cxn>
              <a:cxn ang="0">
                <a:pos x="connsiteX2322" y="connsiteY2322"/>
              </a:cxn>
              <a:cxn ang="0">
                <a:pos x="connsiteX2323" y="connsiteY2323"/>
              </a:cxn>
              <a:cxn ang="0">
                <a:pos x="connsiteX2324" y="connsiteY2324"/>
              </a:cxn>
              <a:cxn ang="0">
                <a:pos x="connsiteX2325" y="connsiteY2325"/>
              </a:cxn>
              <a:cxn ang="0">
                <a:pos x="connsiteX2326" y="connsiteY2326"/>
              </a:cxn>
              <a:cxn ang="0">
                <a:pos x="connsiteX2327" y="connsiteY2327"/>
              </a:cxn>
              <a:cxn ang="0">
                <a:pos x="connsiteX2328" y="connsiteY2328"/>
              </a:cxn>
              <a:cxn ang="0">
                <a:pos x="connsiteX2329" y="connsiteY2329"/>
              </a:cxn>
              <a:cxn ang="0">
                <a:pos x="connsiteX2330" y="connsiteY2330"/>
              </a:cxn>
              <a:cxn ang="0">
                <a:pos x="connsiteX2331" y="connsiteY2331"/>
              </a:cxn>
              <a:cxn ang="0">
                <a:pos x="connsiteX2332" y="connsiteY2332"/>
              </a:cxn>
              <a:cxn ang="0">
                <a:pos x="connsiteX2333" y="connsiteY2333"/>
              </a:cxn>
              <a:cxn ang="0">
                <a:pos x="connsiteX2334" y="connsiteY2334"/>
              </a:cxn>
              <a:cxn ang="0">
                <a:pos x="connsiteX2335" y="connsiteY2335"/>
              </a:cxn>
              <a:cxn ang="0">
                <a:pos x="connsiteX2336" y="connsiteY2336"/>
              </a:cxn>
              <a:cxn ang="0">
                <a:pos x="connsiteX2337" y="connsiteY2337"/>
              </a:cxn>
              <a:cxn ang="0">
                <a:pos x="connsiteX2338" y="connsiteY2338"/>
              </a:cxn>
              <a:cxn ang="0">
                <a:pos x="connsiteX2339" y="connsiteY2339"/>
              </a:cxn>
              <a:cxn ang="0">
                <a:pos x="connsiteX2340" y="connsiteY2340"/>
              </a:cxn>
              <a:cxn ang="0">
                <a:pos x="connsiteX2341" y="connsiteY2341"/>
              </a:cxn>
              <a:cxn ang="0">
                <a:pos x="connsiteX2342" y="connsiteY2342"/>
              </a:cxn>
              <a:cxn ang="0">
                <a:pos x="connsiteX2343" y="connsiteY2343"/>
              </a:cxn>
              <a:cxn ang="0">
                <a:pos x="connsiteX2344" y="connsiteY2344"/>
              </a:cxn>
              <a:cxn ang="0">
                <a:pos x="connsiteX2345" y="connsiteY2345"/>
              </a:cxn>
              <a:cxn ang="0">
                <a:pos x="connsiteX2346" y="connsiteY2346"/>
              </a:cxn>
              <a:cxn ang="0">
                <a:pos x="connsiteX2347" y="connsiteY2347"/>
              </a:cxn>
              <a:cxn ang="0">
                <a:pos x="connsiteX2348" y="connsiteY2348"/>
              </a:cxn>
              <a:cxn ang="0">
                <a:pos x="connsiteX2349" y="connsiteY2349"/>
              </a:cxn>
              <a:cxn ang="0">
                <a:pos x="connsiteX2350" y="connsiteY2350"/>
              </a:cxn>
              <a:cxn ang="0">
                <a:pos x="connsiteX2351" y="connsiteY2351"/>
              </a:cxn>
              <a:cxn ang="0">
                <a:pos x="connsiteX2352" y="connsiteY2352"/>
              </a:cxn>
              <a:cxn ang="0">
                <a:pos x="connsiteX2353" y="connsiteY2353"/>
              </a:cxn>
              <a:cxn ang="0">
                <a:pos x="connsiteX2354" y="connsiteY2354"/>
              </a:cxn>
              <a:cxn ang="0">
                <a:pos x="connsiteX2355" y="connsiteY2355"/>
              </a:cxn>
              <a:cxn ang="0">
                <a:pos x="connsiteX2356" y="connsiteY2356"/>
              </a:cxn>
              <a:cxn ang="0">
                <a:pos x="connsiteX2357" y="connsiteY2357"/>
              </a:cxn>
              <a:cxn ang="0">
                <a:pos x="connsiteX2358" y="connsiteY2358"/>
              </a:cxn>
              <a:cxn ang="0">
                <a:pos x="connsiteX2359" y="connsiteY2359"/>
              </a:cxn>
              <a:cxn ang="0">
                <a:pos x="connsiteX2360" y="connsiteY2360"/>
              </a:cxn>
              <a:cxn ang="0">
                <a:pos x="connsiteX2361" y="connsiteY2361"/>
              </a:cxn>
              <a:cxn ang="0">
                <a:pos x="connsiteX2362" y="connsiteY2362"/>
              </a:cxn>
              <a:cxn ang="0">
                <a:pos x="connsiteX2363" y="connsiteY2363"/>
              </a:cxn>
              <a:cxn ang="0">
                <a:pos x="connsiteX2364" y="connsiteY2364"/>
              </a:cxn>
              <a:cxn ang="0">
                <a:pos x="connsiteX2365" y="connsiteY2365"/>
              </a:cxn>
              <a:cxn ang="0">
                <a:pos x="connsiteX2366" y="connsiteY2366"/>
              </a:cxn>
              <a:cxn ang="0">
                <a:pos x="connsiteX2367" y="connsiteY2367"/>
              </a:cxn>
              <a:cxn ang="0">
                <a:pos x="connsiteX2368" y="connsiteY2368"/>
              </a:cxn>
              <a:cxn ang="0">
                <a:pos x="connsiteX2369" y="connsiteY2369"/>
              </a:cxn>
              <a:cxn ang="0">
                <a:pos x="connsiteX2370" y="connsiteY2370"/>
              </a:cxn>
              <a:cxn ang="0">
                <a:pos x="connsiteX2371" y="connsiteY2371"/>
              </a:cxn>
              <a:cxn ang="0">
                <a:pos x="connsiteX2372" y="connsiteY2372"/>
              </a:cxn>
              <a:cxn ang="0">
                <a:pos x="connsiteX2373" y="connsiteY2373"/>
              </a:cxn>
              <a:cxn ang="0">
                <a:pos x="connsiteX2374" y="connsiteY2374"/>
              </a:cxn>
              <a:cxn ang="0">
                <a:pos x="connsiteX2375" y="connsiteY2375"/>
              </a:cxn>
              <a:cxn ang="0">
                <a:pos x="connsiteX2376" y="connsiteY2376"/>
              </a:cxn>
              <a:cxn ang="0">
                <a:pos x="connsiteX2377" y="connsiteY2377"/>
              </a:cxn>
              <a:cxn ang="0">
                <a:pos x="connsiteX2378" y="connsiteY2378"/>
              </a:cxn>
              <a:cxn ang="0">
                <a:pos x="connsiteX2379" y="connsiteY2379"/>
              </a:cxn>
              <a:cxn ang="0">
                <a:pos x="connsiteX2380" y="connsiteY2380"/>
              </a:cxn>
              <a:cxn ang="0">
                <a:pos x="connsiteX2381" y="connsiteY2381"/>
              </a:cxn>
              <a:cxn ang="0">
                <a:pos x="connsiteX2382" y="connsiteY2382"/>
              </a:cxn>
              <a:cxn ang="0">
                <a:pos x="connsiteX2383" y="connsiteY2383"/>
              </a:cxn>
              <a:cxn ang="0">
                <a:pos x="connsiteX2384" y="connsiteY2384"/>
              </a:cxn>
              <a:cxn ang="0">
                <a:pos x="connsiteX2385" y="connsiteY2385"/>
              </a:cxn>
              <a:cxn ang="0">
                <a:pos x="connsiteX2386" y="connsiteY2386"/>
              </a:cxn>
              <a:cxn ang="0">
                <a:pos x="connsiteX2387" y="connsiteY2387"/>
              </a:cxn>
              <a:cxn ang="0">
                <a:pos x="connsiteX2388" y="connsiteY2388"/>
              </a:cxn>
              <a:cxn ang="0">
                <a:pos x="connsiteX2389" y="connsiteY2389"/>
              </a:cxn>
              <a:cxn ang="0">
                <a:pos x="connsiteX2390" y="connsiteY2390"/>
              </a:cxn>
              <a:cxn ang="0">
                <a:pos x="connsiteX2391" y="connsiteY2391"/>
              </a:cxn>
              <a:cxn ang="0">
                <a:pos x="connsiteX2392" y="connsiteY2392"/>
              </a:cxn>
              <a:cxn ang="0">
                <a:pos x="connsiteX2393" y="connsiteY2393"/>
              </a:cxn>
              <a:cxn ang="0">
                <a:pos x="connsiteX2394" y="connsiteY2394"/>
              </a:cxn>
              <a:cxn ang="0">
                <a:pos x="connsiteX2395" y="connsiteY2395"/>
              </a:cxn>
              <a:cxn ang="0">
                <a:pos x="connsiteX2396" y="connsiteY2396"/>
              </a:cxn>
              <a:cxn ang="0">
                <a:pos x="connsiteX2397" y="connsiteY2397"/>
              </a:cxn>
              <a:cxn ang="0">
                <a:pos x="connsiteX2398" y="connsiteY2398"/>
              </a:cxn>
              <a:cxn ang="0">
                <a:pos x="connsiteX2399" y="connsiteY2399"/>
              </a:cxn>
              <a:cxn ang="0">
                <a:pos x="connsiteX2400" y="connsiteY2400"/>
              </a:cxn>
              <a:cxn ang="0">
                <a:pos x="connsiteX2401" y="connsiteY2401"/>
              </a:cxn>
              <a:cxn ang="0">
                <a:pos x="connsiteX2402" y="connsiteY2402"/>
              </a:cxn>
              <a:cxn ang="0">
                <a:pos x="connsiteX2403" y="connsiteY2403"/>
              </a:cxn>
              <a:cxn ang="0">
                <a:pos x="connsiteX2404" y="connsiteY2404"/>
              </a:cxn>
              <a:cxn ang="0">
                <a:pos x="connsiteX2405" y="connsiteY2405"/>
              </a:cxn>
              <a:cxn ang="0">
                <a:pos x="connsiteX2406" y="connsiteY2406"/>
              </a:cxn>
              <a:cxn ang="0">
                <a:pos x="connsiteX2407" y="connsiteY2407"/>
              </a:cxn>
              <a:cxn ang="0">
                <a:pos x="connsiteX2408" y="connsiteY2408"/>
              </a:cxn>
              <a:cxn ang="0">
                <a:pos x="connsiteX2409" y="connsiteY2409"/>
              </a:cxn>
              <a:cxn ang="0">
                <a:pos x="connsiteX2410" y="connsiteY2410"/>
              </a:cxn>
              <a:cxn ang="0">
                <a:pos x="connsiteX2411" y="connsiteY2411"/>
              </a:cxn>
              <a:cxn ang="0">
                <a:pos x="connsiteX2412" y="connsiteY2412"/>
              </a:cxn>
              <a:cxn ang="0">
                <a:pos x="connsiteX2413" y="connsiteY2413"/>
              </a:cxn>
              <a:cxn ang="0">
                <a:pos x="connsiteX2414" y="connsiteY2414"/>
              </a:cxn>
              <a:cxn ang="0">
                <a:pos x="connsiteX2415" y="connsiteY2415"/>
              </a:cxn>
              <a:cxn ang="0">
                <a:pos x="connsiteX2416" y="connsiteY2416"/>
              </a:cxn>
              <a:cxn ang="0">
                <a:pos x="connsiteX2417" y="connsiteY2417"/>
              </a:cxn>
              <a:cxn ang="0">
                <a:pos x="connsiteX2418" y="connsiteY2418"/>
              </a:cxn>
              <a:cxn ang="0">
                <a:pos x="connsiteX2419" y="connsiteY2419"/>
              </a:cxn>
              <a:cxn ang="0">
                <a:pos x="connsiteX2420" y="connsiteY2420"/>
              </a:cxn>
              <a:cxn ang="0">
                <a:pos x="connsiteX2421" y="connsiteY2421"/>
              </a:cxn>
              <a:cxn ang="0">
                <a:pos x="connsiteX2422" y="connsiteY2422"/>
              </a:cxn>
              <a:cxn ang="0">
                <a:pos x="connsiteX2423" y="connsiteY2423"/>
              </a:cxn>
              <a:cxn ang="0">
                <a:pos x="connsiteX2424" y="connsiteY2424"/>
              </a:cxn>
              <a:cxn ang="0">
                <a:pos x="connsiteX2425" y="connsiteY2425"/>
              </a:cxn>
              <a:cxn ang="0">
                <a:pos x="connsiteX2426" y="connsiteY2426"/>
              </a:cxn>
              <a:cxn ang="0">
                <a:pos x="connsiteX2427" y="connsiteY2427"/>
              </a:cxn>
              <a:cxn ang="0">
                <a:pos x="connsiteX2428" y="connsiteY2428"/>
              </a:cxn>
              <a:cxn ang="0">
                <a:pos x="connsiteX2429" y="connsiteY2429"/>
              </a:cxn>
              <a:cxn ang="0">
                <a:pos x="connsiteX2430" y="connsiteY2430"/>
              </a:cxn>
              <a:cxn ang="0">
                <a:pos x="connsiteX2431" y="connsiteY2431"/>
              </a:cxn>
              <a:cxn ang="0">
                <a:pos x="connsiteX2432" y="connsiteY2432"/>
              </a:cxn>
              <a:cxn ang="0">
                <a:pos x="connsiteX2433" y="connsiteY2433"/>
              </a:cxn>
              <a:cxn ang="0">
                <a:pos x="connsiteX2434" y="connsiteY2434"/>
              </a:cxn>
              <a:cxn ang="0">
                <a:pos x="connsiteX2435" y="connsiteY2435"/>
              </a:cxn>
              <a:cxn ang="0">
                <a:pos x="connsiteX2436" y="connsiteY2436"/>
              </a:cxn>
              <a:cxn ang="0">
                <a:pos x="connsiteX2437" y="connsiteY2437"/>
              </a:cxn>
              <a:cxn ang="0">
                <a:pos x="connsiteX2438" y="connsiteY2438"/>
              </a:cxn>
              <a:cxn ang="0">
                <a:pos x="connsiteX2439" y="connsiteY2439"/>
              </a:cxn>
              <a:cxn ang="0">
                <a:pos x="connsiteX2440" y="connsiteY2440"/>
              </a:cxn>
              <a:cxn ang="0">
                <a:pos x="connsiteX2441" y="connsiteY2441"/>
              </a:cxn>
              <a:cxn ang="0">
                <a:pos x="connsiteX2442" y="connsiteY2442"/>
              </a:cxn>
              <a:cxn ang="0">
                <a:pos x="connsiteX2443" y="connsiteY2443"/>
              </a:cxn>
              <a:cxn ang="0">
                <a:pos x="connsiteX2444" y="connsiteY2444"/>
              </a:cxn>
              <a:cxn ang="0">
                <a:pos x="connsiteX2445" y="connsiteY2445"/>
              </a:cxn>
              <a:cxn ang="0">
                <a:pos x="connsiteX2446" y="connsiteY2446"/>
              </a:cxn>
              <a:cxn ang="0">
                <a:pos x="connsiteX2447" y="connsiteY2447"/>
              </a:cxn>
              <a:cxn ang="0">
                <a:pos x="connsiteX2448" y="connsiteY2448"/>
              </a:cxn>
              <a:cxn ang="0">
                <a:pos x="connsiteX2449" y="connsiteY2449"/>
              </a:cxn>
              <a:cxn ang="0">
                <a:pos x="connsiteX2450" y="connsiteY2450"/>
              </a:cxn>
              <a:cxn ang="0">
                <a:pos x="connsiteX2451" y="connsiteY2451"/>
              </a:cxn>
              <a:cxn ang="0">
                <a:pos x="connsiteX2452" y="connsiteY2452"/>
              </a:cxn>
              <a:cxn ang="0">
                <a:pos x="connsiteX2453" y="connsiteY2453"/>
              </a:cxn>
              <a:cxn ang="0">
                <a:pos x="connsiteX2454" y="connsiteY2454"/>
              </a:cxn>
              <a:cxn ang="0">
                <a:pos x="connsiteX2455" y="connsiteY2455"/>
              </a:cxn>
              <a:cxn ang="0">
                <a:pos x="connsiteX2456" y="connsiteY2456"/>
              </a:cxn>
              <a:cxn ang="0">
                <a:pos x="connsiteX2457" y="connsiteY2457"/>
              </a:cxn>
              <a:cxn ang="0">
                <a:pos x="connsiteX2458" y="connsiteY2458"/>
              </a:cxn>
              <a:cxn ang="0">
                <a:pos x="connsiteX2459" y="connsiteY2459"/>
              </a:cxn>
              <a:cxn ang="0">
                <a:pos x="connsiteX2460" y="connsiteY2460"/>
              </a:cxn>
              <a:cxn ang="0">
                <a:pos x="connsiteX2461" y="connsiteY2461"/>
              </a:cxn>
              <a:cxn ang="0">
                <a:pos x="connsiteX2462" y="connsiteY2462"/>
              </a:cxn>
              <a:cxn ang="0">
                <a:pos x="connsiteX2463" y="connsiteY2463"/>
              </a:cxn>
              <a:cxn ang="0">
                <a:pos x="connsiteX2464" y="connsiteY2464"/>
              </a:cxn>
              <a:cxn ang="0">
                <a:pos x="connsiteX2465" y="connsiteY2465"/>
              </a:cxn>
              <a:cxn ang="0">
                <a:pos x="connsiteX2466" y="connsiteY2466"/>
              </a:cxn>
              <a:cxn ang="0">
                <a:pos x="connsiteX2467" y="connsiteY2467"/>
              </a:cxn>
              <a:cxn ang="0">
                <a:pos x="connsiteX2468" y="connsiteY2468"/>
              </a:cxn>
              <a:cxn ang="0">
                <a:pos x="connsiteX2469" y="connsiteY2469"/>
              </a:cxn>
              <a:cxn ang="0">
                <a:pos x="connsiteX2470" y="connsiteY2470"/>
              </a:cxn>
              <a:cxn ang="0">
                <a:pos x="connsiteX2471" y="connsiteY2471"/>
              </a:cxn>
              <a:cxn ang="0">
                <a:pos x="connsiteX2472" y="connsiteY2472"/>
              </a:cxn>
              <a:cxn ang="0">
                <a:pos x="connsiteX2473" y="connsiteY2473"/>
              </a:cxn>
              <a:cxn ang="0">
                <a:pos x="connsiteX2474" y="connsiteY2474"/>
              </a:cxn>
              <a:cxn ang="0">
                <a:pos x="connsiteX2475" y="connsiteY2475"/>
              </a:cxn>
              <a:cxn ang="0">
                <a:pos x="connsiteX2476" y="connsiteY2476"/>
              </a:cxn>
              <a:cxn ang="0">
                <a:pos x="connsiteX2477" y="connsiteY2477"/>
              </a:cxn>
              <a:cxn ang="0">
                <a:pos x="connsiteX2478" y="connsiteY2478"/>
              </a:cxn>
              <a:cxn ang="0">
                <a:pos x="connsiteX2479" y="connsiteY2479"/>
              </a:cxn>
              <a:cxn ang="0">
                <a:pos x="connsiteX2480" y="connsiteY2480"/>
              </a:cxn>
              <a:cxn ang="0">
                <a:pos x="connsiteX2481" y="connsiteY2481"/>
              </a:cxn>
              <a:cxn ang="0">
                <a:pos x="connsiteX2482" y="connsiteY2482"/>
              </a:cxn>
              <a:cxn ang="0">
                <a:pos x="connsiteX2483" y="connsiteY2483"/>
              </a:cxn>
              <a:cxn ang="0">
                <a:pos x="connsiteX2484" y="connsiteY2484"/>
              </a:cxn>
              <a:cxn ang="0">
                <a:pos x="connsiteX2485" y="connsiteY2485"/>
              </a:cxn>
              <a:cxn ang="0">
                <a:pos x="connsiteX2486" y="connsiteY2486"/>
              </a:cxn>
              <a:cxn ang="0">
                <a:pos x="connsiteX2487" y="connsiteY2487"/>
              </a:cxn>
              <a:cxn ang="0">
                <a:pos x="connsiteX2488" y="connsiteY2488"/>
              </a:cxn>
              <a:cxn ang="0">
                <a:pos x="connsiteX2489" y="connsiteY2489"/>
              </a:cxn>
              <a:cxn ang="0">
                <a:pos x="connsiteX2490" y="connsiteY2490"/>
              </a:cxn>
              <a:cxn ang="0">
                <a:pos x="connsiteX2491" y="connsiteY2491"/>
              </a:cxn>
              <a:cxn ang="0">
                <a:pos x="connsiteX2492" y="connsiteY2492"/>
              </a:cxn>
              <a:cxn ang="0">
                <a:pos x="connsiteX2493" y="connsiteY2493"/>
              </a:cxn>
              <a:cxn ang="0">
                <a:pos x="connsiteX2494" y="connsiteY2494"/>
              </a:cxn>
              <a:cxn ang="0">
                <a:pos x="connsiteX2495" y="connsiteY2495"/>
              </a:cxn>
              <a:cxn ang="0">
                <a:pos x="connsiteX2496" y="connsiteY2496"/>
              </a:cxn>
              <a:cxn ang="0">
                <a:pos x="connsiteX2497" y="connsiteY2497"/>
              </a:cxn>
              <a:cxn ang="0">
                <a:pos x="connsiteX2498" y="connsiteY2498"/>
              </a:cxn>
              <a:cxn ang="0">
                <a:pos x="connsiteX2499" y="connsiteY2499"/>
              </a:cxn>
              <a:cxn ang="0">
                <a:pos x="connsiteX2500" y="connsiteY2500"/>
              </a:cxn>
              <a:cxn ang="0">
                <a:pos x="connsiteX2501" y="connsiteY2501"/>
              </a:cxn>
              <a:cxn ang="0">
                <a:pos x="connsiteX2502" y="connsiteY2502"/>
              </a:cxn>
              <a:cxn ang="0">
                <a:pos x="connsiteX2503" y="connsiteY2503"/>
              </a:cxn>
              <a:cxn ang="0">
                <a:pos x="connsiteX2504" y="connsiteY2504"/>
              </a:cxn>
              <a:cxn ang="0">
                <a:pos x="connsiteX2505" y="connsiteY2505"/>
              </a:cxn>
              <a:cxn ang="0">
                <a:pos x="connsiteX2506" y="connsiteY2506"/>
              </a:cxn>
              <a:cxn ang="0">
                <a:pos x="connsiteX2507" y="connsiteY2507"/>
              </a:cxn>
              <a:cxn ang="0">
                <a:pos x="connsiteX2508" y="connsiteY2508"/>
              </a:cxn>
              <a:cxn ang="0">
                <a:pos x="connsiteX2509" y="connsiteY2509"/>
              </a:cxn>
              <a:cxn ang="0">
                <a:pos x="connsiteX2510" y="connsiteY2510"/>
              </a:cxn>
              <a:cxn ang="0">
                <a:pos x="connsiteX2511" y="connsiteY2511"/>
              </a:cxn>
              <a:cxn ang="0">
                <a:pos x="connsiteX2512" y="connsiteY2512"/>
              </a:cxn>
              <a:cxn ang="0">
                <a:pos x="connsiteX2513" y="connsiteY2513"/>
              </a:cxn>
              <a:cxn ang="0">
                <a:pos x="connsiteX2514" y="connsiteY2514"/>
              </a:cxn>
              <a:cxn ang="0">
                <a:pos x="connsiteX2515" y="connsiteY2515"/>
              </a:cxn>
              <a:cxn ang="0">
                <a:pos x="connsiteX2516" y="connsiteY2516"/>
              </a:cxn>
              <a:cxn ang="0">
                <a:pos x="connsiteX2517" y="connsiteY2517"/>
              </a:cxn>
              <a:cxn ang="0">
                <a:pos x="connsiteX2518" y="connsiteY2518"/>
              </a:cxn>
              <a:cxn ang="0">
                <a:pos x="connsiteX2519" y="connsiteY2519"/>
              </a:cxn>
              <a:cxn ang="0">
                <a:pos x="connsiteX2520" y="connsiteY2520"/>
              </a:cxn>
              <a:cxn ang="0">
                <a:pos x="connsiteX2521" y="connsiteY2521"/>
              </a:cxn>
              <a:cxn ang="0">
                <a:pos x="connsiteX2522" y="connsiteY2522"/>
              </a:cxn>
              <a:cxn ang="0">
                <a:pos x="connsiteX2523" y="connsiteY2523"/>
              </a:cxn>
              <a:cxn ang="0">
                <a:pos x="connsiteX2524" y="connsiteY2524"/>
              </a:cxn>
              <a:cxn ang="0">
                <a:pos x="connsiteX2525" y="connsiteY2525"/>
              </a:cxn>
              <a:cxn ang="0">
                <a:pos x="connsiteX2526" y="connsiteY2526"/>
              </a:cxn>
              <a:cxn ang="0">
                <a:pos x="connsiteX2527" y="connsiteY2527"/>
              </a:cxn>
              <a:cxn ang="0">
                <a:pos x="connsiteX2528" y="connsiteY2528"/>
              </a:cxn>
              <a:cxn ang="0">
                <a:pos x="connsiteX2529" y="connsiteY2529"/>
              </a:cxn>
              <a:cxn ang="0">
                <a:pos x="connsiteX2530" y="connsiteY2530"/>
              </a:cxn>
              <a:cxn ang="0">
                <a:pos x="connsiteX2531" y="connsiteY2531"/>
              </a:cxn>
              <a:cxn ang="0">
                <a:pos x="connsiteX2532" y="connsiteY2532"/>
              </a:cxn>
              <a:cxn ang="0">
                <a:pos x="connsiteX2533" y="connsiteY2533"/>
              </a:cxn>
              <a:cxn ang="0">
                <a:pos x="connsiteX2534" y="connsiteY2534"/>
              </a:cxn>
              <a:cxn ang="0">
                <a:pos x="connsiteX2535" y="connsiteY2535"/>
              </a:cxn>
              <a:cxn ang="0">
                <a:pos x="connsiteX2536" y="connsiteY2536"/>
              </a:cxn>
              <a:cxn ang="0">
                <a:pos x="connsiteX2537" y="connsiteY2537"/>
              </a:cxn>
              <a:cxn ang="0">
                <a:pos x="connsiteX2538" y="connsiteY2538"/>
              </a:cxn>
              <a:cxn ang="0">
                <a:pos x="connsiteX2539" y="connsiteY2539"/>
              </a:cxn>
              <a:cxn ang="0">
                <a:pos x="connsiteX2540" y="connsiteY2540"/>
              </a:cxn>
              <a:cxn ang="0">
                <a:pos x="connsiteX2541" y="connsiteY2541"/>
              </a:cxn>
              <a:cxn ang="0">
                <a:pos x="connsiteX2542" y="connsiteY2542"/>
              </a:cxn>
              <a:cxn ang="0">
                <a:pos x="connsiteX2543" y="connsiteY2543"/>
              </a:cxn>
              <a:cxn ang="0">
                <a:pos x="connsiteX2544" y="connsiteY2544"/>
              </a:cxn>
              <a:cxn ang="0">
                <a:pos x="connsiteX2545" y="connsiteY2545"/>
              </a:cxn>
              <a:cxn ang="0">
                <a:pos x="connsiteX2546" y="connsiteY2546"/>
              </a:cxn>
              <a:cxn ang="0">
                <a:pos x="connsiteX2547" y="connsiteY2547"/>
              </a:cxn>
              <a:cxn ang="0">
                <a:pos x="connsiteX2548" y="connsiteY2548"/>
              </a:cxn>
              <a:cxn ang="0">
                <a:pos x="connsiteX2549" y="connsiteY2549"/>
              </a:cxn>
              <a:cxn ang="0">
                <a:pos x="connsiteX2550" y="connsiteY2550"/>
              </a:cxn>
              <a:cxn ang="0">
                <a:pos x="connsiteX2551" y="connsiteY2551"/>
              </a:cxn>
              <a:cxn ang="0">
                <a:pos x="connsiteX2552" y="connsiteY2552"/>
              </a:cxn>
              <a:cxn ang="0">
                <a:pos x="connsiteX2553" y="connsiteY2553"/>
              </a:cxn>
              <a:cxn ang="0">
                <a:pos x="connsiteX2554" y="connsiteY2554"/>
              </a:cxn>
              <a:cxn ang="0">
                <a:pos x="connsiteX2555" y="connsiteY2555"/>
              </a:cxn>
              <a:cxn ang="0">
                <a:pos x="connsiteX2556" y="connsiteY2556"/>
              </a:cxn>
              <a:cxn ang="0">
                <a:pos x="connsiteX2557" y="connsiteY2557"/>
              </a:cxn>
              <a:cxn ang="0">
                <a:pos x="connsiteX2558" y="connsiteY2558"/>
              </a:cxn>
              <a:cxn ang="0">
                <a:pos x="connsiteX2559" y="connsiteY2559"/>
              </a:cxn>
              <a:cxn ang="0">
                <a:pos x="connsiteX2560" y="connsiteY2560"/>
              </a:cxn>
              <a:cxn ang="0">
                <a:pos x="connsiteX2561" y="connsiteY2561"/>
              </a:cxn>
              <a:cxn ang="0">
                <a:pos x="connsiteX2562" y="connsiteY2562"/>
              </a:cxn>
              <a:cxn ang="0">
                <a:pos x="connsiteX2563" y="connsiteY2563"/>
              </a:cxn>
              <a:cxn ang="0">
                <a:pos x="connsiteX2564" y="connsiteY2564"/>
              </a:cxn>
              <a:cxn ang="0">
                <a:pos x="connsiteX2565" y="connsiteY2565"/>
              </a:cxn>
              <a:cxn ang="0">
                <a:pos x="connsiteX2566" y="connsiteY2566"/>
              </a:cxn>
              <a:cxn ang="0">
                <a:pos x="connsiteX2567" y="connsiteY2567"/>
              </a:cxn>
              <a:cxn ang="0">
                <a:pos x="connsiteX2568" y="connsiteY2568"/>
              </a:cxn>
              <a:cxn ang="0">
                <a:pos x="connsiteX2569" y="connsiteY2569"/>
              </a:cxn>
              <a:cxn ang="0">
                <a:pos x="connsiteX2570" y="connsiteY2570"/>
              </a:cxn>
              <a:cxn ang="0">
                <a:pos x="connsiteX2571" y="connsiteY2571"/>
              </a:cxn>
              <a:cxn ang="0">
                <a:pos x="connsiteX2572" y="connsiteY2572"/>
              </a:cxn>
              <a:cxn ang="0">
                <a:pos x="connsiteX2573" y="connsiteY2573"/>
              </a:cxn>
              <a:cxn ang="0">
                <a:pos x="connsiteX2574" y="connsiteY2574"/>
              </a:cxn>
              <a:cxn ang="0">
                <a:pos x="connsiteX2575" y="connsiteY2575"/>
              </a:cxn>
              <a:cxn ang="0">
                <a:pos x="connsiteX2576" y="connsiteY2576"/>
              </a:cxn>
              <a:cxn ang="0">
                <a:pos x="connsiteX2577" y="connsiteY2577"/>
              </a:cxn>
              <a:cxn ang="0">
                <a:pos x="connsiteX2578" y="connsiteY2578"/>
              </a:cxn>
              <a:cxn ang="0">
                <a:pos x="connsiteX2579" y="connsiteY2579"/>
              </a:cxn>
              <a:cxn ang="0">
                <a:pos x="connsiteX2580" y="connsiteY2580"/>
              </a:cxn>
              <a:cxn ang="0">
                <a:pos x="connsiteX2581" y="connsiteY2581"/>
              </a:cxn>
              <a:cxn ang="0">
                <a:pos x="connsiteX2582" y="connsiteY2582"/>
              </a:cxn>
              <a:cxn ang="0">
                <a:pos x="connsiteX2583" y="connsiteY2583"/>
              </a:cxn>
              <a:cxn ang="0">
                <a:pos x="connsiteX2584" y="connsiteY2584"/>
              </a:cxn>
              <a:cxn ang="0">
                <a:pos x="connsiteX2585" y="connsiteY2585"/>
              </a:cxn>
              <a:cxn ang="0">
                <a:pos x="connsiteX2586" y="connsiteY2586"/>
              </a:cxn>
              <a:cxn ang="0">
                <a:pos x="connsiteX2587" y="connsiteY2587"/>
              </a:cxn>
              <a:cxn ang="0">
                <a:pos x="connsiteX2588" y="connsiteY2588"/>
              </a:cxn>
              <a:cxn ang="0">
                <a:pos x="connsiteX2589" y="connsiteY2589"/>
              </a:cxn>
              <a:cxn ang="0">
                <a:pos x="connsiteX2590" y="connsiteY2590"/>
              </a:cxn>
              <a:cxn ang="0">
                <a:pos x="connsiteX2591" y="connsiteY2591"/>
              </a:cxn>
              <a:cxn ang="0">
                <a:pos x="connsiteX2592" y="connsiteY2592"/>
              </a:cxn>
              <a:cxn ang="0">
                <a:pos x="connsiteX2593" y="connsiteY2593"/>
              </a:cxn>
              <a:cxn ang="0">
                <a:pos x="connsiteX2594" y="connsiteY2594"/>
              </a:cxn>
              <a:cxn ang="0">
                <a:pos x="connsiteX2595" y="connsiteY2595"/>
              </a:cxn>
              <a:cxn ang="0">
                <a:pos x="connsiteX2596" y="connsiteY2596"/>
              </a:cxn>
              <a:cxn ang="0">
                <a:pos x="connsiteX2597" y="connsiteY2597"/>
              </a:cxn>
              <a:cxn ang="0">
                <a:pos x="connsiteX2598" y="connsiteY2598"/>
              </a:cxn>
              <a:cxn ang="0">
                <a:pos x="connsiteX2599" y="connsiteY2599"/>
              </a:cxn>
              <a:cxn ang="0">
                <a:pos x="connsiteX2600" y="connsiteY2600"/>
              </a:cxn>
              <a:cxn ang="0">
                <a:pos x="connsiteX2601" y="connsiteY2601"/>
              </a:cxn>
              <a:cxn ang="0">
                <a:pos x="connsiteX2602" y="connsiteY2602"/>
              </a:cxn>
              <a:cxn ang="0">
                <a:pos x="connsiteX2603" y="connsiteY2603"/>
              </a:cxn>
              <a:cxn ang="0">
                <a:pos x="connsiteX2604" y="connsiteY2604"/>
              </a:cxn>
              <a:cxn ang="0">
                <a:pos x="connsiteX2605" y="connsiteY2605"/>
              </a:cxn>
              <a:cxn ang="0">
                <a:pos x="connsiteX2606" y="connsiteY2606"/>
              </a:cxn>
              <a:cxn ang="0">
                <a:pos x="connsiteX2607" y="connsiteY2607"/>
              </a:cxn>
              <a:cxn ang="0">
                <a:pos x="connsiteX2608" y="connsiteY2608"/>
              </a:cxn>
              <a:cxn ang="0">
                <a:pos x="connsiteX2609" y="connsiteY2609"/>
              </a:cxn>
              <a:cxn ang="0">
                <a:pos x="connsiteX2610" y="connsiteY2610"/>
              </a:cxn>
              <a:cxn ang="0">
                <a:pos x="connsiteX2611" y="connsiteY2611"/>
              </a:cxn>
              <a:cxn ang="0">
                <a:pos x="connsiteX2612" y="connsiteY2612"/>
              </a:cxn>
              <a:cxn ang="0">
                <a:pos x="connsiteX2613" y="connsiteY2613"/>
              </a:cxn>
              <a:cxn ang="0">
                <a:pos x="connsiteX2614" y="connsiteY2614"/>
              </a:cxn>
              <a:cxn ang="0">
                <a:pos x="connsiteX2615" y="connsiteY2615"/>
              </a:cxn>
              <a:cxn ang="0">
                <a:pos x="connsiteX2616" y="connsiteY2616"/>
              </a:cxn>
              <a:cxn ang="0">
                <a:pos x="connsiteX2617" y="connsiteY2617"/>
              </a:cxn>
              <a:cxn ang="0">
                <a:pos x="connsiteX2618" y="connsiteY2618"/>
              </a:cxn>
              <a:cxn ang="0">
                <a:pos x="connsiteX2619" y="connsiteY2619"/>
              </a:cxn>
              <a:cxn ang="0">
                <a:pos x="connsiteX2620" y="connsiteY2620"/>
              </a:cxn>
              <a:cxn ang="0">
                <a:pos x="connsiteX2621" y="connsiteY2621"/>
              </a:cxn>
              <a:cxn ang="0">
                <a:pos x="connsiteX2622" y="connsiteY2622"/>
              </a:cxn>
              <a:cxn ang="0">
                <a:pos x="connsiteX2623" y="connsiteY2623"/>
              </a:cxn>
              <a:cxn ang="0">
                <a:pos x="connsiteX2624" y="connsiteY2624"/>
              </a:cxn>
              <a:cxn ang="0">
                <a:pos x="connsiteX2625" y="connsiteY2625"/>
              </a:cxn>
              <a:cxn ang="0">
                <a:pos x="connsiteX2626" y="connsiteY2626"/>
              </a:cxn>
              <a:cxn ang="0">
                <a:pos x="connsiteX2627" y="connsiteY2627"/>
              </a:cxn>
              <a:cxn ang="0">
                <a:pos x="connsiteX2628" y="connsiteY2628"/>
              </a:cxn>
              <a:cxn ang="0">
                <a:pos x="connsiteX2629" y="connsiteY2629"/>
              </a:cxn>
              <a:cxn ang="0">
                <a:pos x="connsiteX2630" y="connsiteY2630"/>
              </a:cxn>
              <a:cxn ang="0">
                <a:pos x="connsiteX2631" y="connsiteY2631"/>
              </a:cxn>
              <a:cxn ang="0">
                <a:pos x="connsiteX2632" y="connsiteY2632"/>
              </a:cxn>
              <a:cxn ang="0">
                <a:pos x="connsiteX2633" y="connsiteY2633"/>
              </a:cxn>
              <a:cxn ang="0">
                <a:pos x="connsiteX2634" y="connsiteY2634"/>
              </a:cxn>
              <a:cxn ang="0">
                <a:pos x="connsiteX2635" y="connsiteY2635"/>
              </a:cxn>
              <a:cxn ang="0">
                <a:pos x="connsiteX2636" y="connsiteY2636"/>
              </a:cxn>
              <a:cxn ang="0">
                <a:pos x="connsiteX2637" y="connsiteY2637"/>
              </a:cxn>
              <a:cxn ang="0">
                <a:pos x="connsiteX2638" y="connsiteY2638"/>
              </a:cxn>
              <a:cxn ang="0">
                <a:pos x="connsiteX2639" y="connsiteY2639"/>
              </a:cxn>
              <a:cxn ang="0">
                <a:pos x="connsiteX2640" y="connsiteY2640"/>
              </a:cxn>
              <a:cxn ang="0">
                <a:pos x="connsiteX2641" y="connsiteY2641"/>
              </a:cxn>
              <a:cxn ang="0">
                <a:pos x="connsiteX2642" y="connsiteY2642"/>
              </a:cxn>
              <a:cxn ang="0">
                <a:pos x="connsiteX2643" y="connsiteY2643"/>
              </a:cxn>
              <a:cxn ang="0">
                <a:pos x="connsiteX2644" y="connsiteY2644"/>
              </a:cxn>
              <a:cxn ang="0">
                <a:pos x="connsiteX2645" y="connsiteY2645"/>
              </a:cxn>
              <a:cxn ang="0">
                <a:pos x="connsiteX2646" y="connsiteY2646"/>
              </a:cxn>
              <a:cxn ang="0">
                <a:pos x="connsiteX2647" y="connsiteY2647"/>
              </a:cxn>
              <a:cxn ang="0">
                <a:pos x="connsiteX2648" y="connsiteY2648"/>
              </a:cxn>
              <a:cxn ang="0">
                <a:pos x="connsiteX2649" y="connsiteY2649"/>
              </a:cxn>
              <a:cxn ang="0">
                <a:pos x="connsiteX2650" y="connsiteY2650"/>
              </a:cxn>
              <a:cxn ang="0">
                <a:pos x="connsiteX2651" y="connsiteY2651"/>
              </a:cxn>
              <a:cxn ang="0">
                <a:pos x="connsiteX2652" y="connsiteY2652"/>
              </a:cxn>
              <a:cxn ang="0">
                <a:pos x="connsiteX2653" y="connsiteY2653"/>
              </a:cxn>
              <a:cxn ang="0">
                <a:pos x="connsiteX2654" y="connsiteY2654"/>
              </a:cxn>
              <a:cxn ang="0">
                <a:pos x="connsiteX2655" y="connsiteY2655"/>
              </a:cxn>
              <a:cxn ang="0">
                <a:pos x="connsiteX2656" y="connsiteY2656"/>
              </a:cxn>
              <a:cxn ang="0">
                <a:pos x="connsiteX2657" y="connsiteY2657"/>
              </a:cxn>
              <a:cxn ang="0">
                <a:pos x="connsiteX2658" y="connsiteY2658"/>
              </a:cxn>
              <a:cxn ang="0">
                <a:pos x="connsiteX2659" y="connsiteY2659"/>
              </a:cxn>
              <a:cxn ang="0">
                <a:pos x="connsiteX2660" y="connsiteY2660"/>
              </a:cxn>
              <a:cxn ang="0">
                <a:pos x="connsiteX2661" y="connsiteY2661"/>
              </a:cxn>
              <a:cxn ang="0">
                <a:pos x="connsiteX2662" y="connsiteY2662"/>
              </a:cxn>
              <a:cxn ang="0">
                <a:pos x="connsiteX2663" y="connsiteY2663"/>
              </a:cxn>
              <a:cxn ang="0">
                <a:pos x="connsiteX2664" y="connsiteY2664"/>
              </a:cxn>
              <a:cxn ang="0">
                <a:pos x="connsiteX2665" y="connsiteY2665"/>
              </a:cxn>
              <a:cxn ang="0">
                <a:pos x="connsiteX2666" y="connsiteY2666"/>
              </a:cxn>
              <a:cxn ang="0">
                <a:pos x="connsiteX2667" y="connsiteY2667"/>
              </a:cxn>
              <a:cxn ang="0">
                <a:pos x="connsiteX2668" y="connsiteY2668"/>
              </a:cxn>
              <a:cxn ang="0">
                <a:pos x="connsiteX2669" y="connsiteY2669"/>
              </a:cxn>
              <a:cxn ang="0">
                <a:pos x="connsiteX2670" y="connsiteY2670"/>
              </a:cxn>
              <a:cxn ang="0">
                <a:pos x="connsiteX2671" y="connsiteY2671"/>
              </a:cxn>
              <a:cxn ang="0">
                <a:pos x="connsiteX2672" y="connsiteY2672"/>
              </a:cxn>
              <a:cxn ang="0">
                <a:pos x="connsiteX2673" y="connsiteY2673"/>
              </a:cxn>
              <a:cxn ang="0">
                <a:pos x="connsiteX2674" y="connsiteY2674"/>
              </a:cxn>
              <a:cxn ang="0">
                <a:pos x="connsiteX2675" y="connsiteY2675"/>
              </a:cxn>
              <a:cxn ang="0">
                <a:pos x="connsiteX2676" y="connsiteY2676"/>
              </a:cxn>
              <a:cxn ang="0">
                <a:pos x="connsiteX2677" y="connsiteY2677"/>
              </a:cxn>
              <a:cxn ang="0">
                <a:pos x="connsiteX2678" y="connsiteY2678"/>
              </a:cxn>
              <a:cxn ang="0">
                <a:pos x="connsiteX2679" y="connsiteY2679"/>
              </a:cxn>
              <a:cxn ang="0">
                <a:pos x="connsiteX2680" y="connsiteY2680"/>
              </a:cxn>
              <a:cxn ang="0">
                <a:pos x="connsiteX2681" y="connsiteY2681"/>
              </a:cxn>
              <a:cxn ang="0">
                <a:pos x="connsiteX2682" y="connsiteY2682"/>
              </a:cxn>
              <a:cxn ang="0">
                <a:pos x="connsiteX2683" y="connsiteY2683"/>
              </a:cxn>
              <a:cxn ang="0">
                <a:pos x="connsiteX2684" y="connsiteY2684"/>
              </a:cxn>
              <a:cxn ang="0">
                <a:pos x="connsiteX2685" y="connsiteY2685"/>
              </a:cxn>
              <a:cxn ang="0">
                <a:pos x="connsiteX2686" y="connsiteY2686"/>
              </a:cxn>
              <a:cxn ang="0">
                <a:pos x="connsiteX2687" y="connsiteY2687"/>
              </a:cxn>
              <a:cxn ang="0">
                <a:pos x="connsiteX2688" y="connsiteY2688"/>
              </a:cxn>
              <a:cxn ang="0">
                <a:pos x="connsiteX2689" y="connsiteY2689"/>
              </a:cxn>
              <a:cxn ang="0">
                <a:pos x="connsiteX2690" y="connsiteY2690"/>
              </a:cxn>
              <a:cxn ang="0">
                <a:pos x="connsiteX2691" y="connsiteY2691"/>
              </a:cxn>
              <a:cxn ang="0">
                <a:pos x="connsiteX2692" y="connsiteY2692"/>
              </a:cxn>
              <a:cxn ang="0">
                <a:pos x="connsiteX2693" y="connsiteY2693"/>
              </a:cxn>
              <a:cxn ang="0">
                <a:pos x="connsiteX2694" y="connsiteY2694"/>
              </a:cxn>
              <a:cxn ang="0">
                <a:pos x="connsiteX2695" y="connsiteY2695"/>
              </a:cxn>
              <a:cxn ang="0">
                <a:pos x="connsiteX2696" y="connsiteY2696"/>
              </a:cxn>
              <a:cxn ang="0">
                <a:pos x="connsiteX2697" y="connsiteY2697"/>
              </a:cxn>
              <a:cxn ang="0">
                <a:pos x="connsiteX2698" y="connsiteY2698"/>
              </a:cxn>
              <a:cxn ang="0">
                <a:pos x="connsiteX2699" y="connsiteY2699"/>
              </a:cxn>
              <a:cxn ang="0">
                <a:pos x="connsiteX2700" y="connsiteY2700"/>
              </a:cxn>
              <a:cxn ang="0">
                <a:pos x="connsiteX2701" y="connsiteY2701"/>
              </a:cxn>
              <a:cxn ang="0">
                <a:pos x="connsiteX2702" y="connsiteY2702"/>
              </a:cxn>
              <a:cxn ang="0">
                <a:pos x="connsiteX2703" y="connsiteY2703"/>
              </a:cxn>
              <a:cxn ang="0">
                <a:pos x="connsiteX2704" y="connsiteY2704"/>
              </a:cxn>
              <a:cxn ang="0">
                <a:pos x="connsiteX2705" y="connsiteY2705"/>
              </a:cxn>
              <a:cxn ang="0">
                <a:pos x="connsiteX2706" y="connsiteY2706"/>
              </a:cxn>
              <a:cxn ang="0">
                <a:pos x="connsiteX2707" y="connsiteY2707"/>
              </a:cxn>
              <a:cxn ang="0">
                <a:pos x="connsiteX2708" y="connsiteY2708"/>
              </a:cxn>
              <a:cxn ang="0">
                <a:pos x="connsiteX2709" y="connsiteY2709"/>
              </a:cxn>
              <a:cxn ang="0">
                <a:pos x="connsiteX2710" y="connsiteY2710"/>
              </a:cxn>
              <a:cxn ang="0">
                <a:pos x="connsiteX2711" y="connsiteY2711"/>
              </a:cxn>
              <a:cxn ang="0">
                <a:pos x="connsiteX2712" y="connsiteY2712"/>
              </a:cxn>
              <a:cxn ang="0">
                <a:pos x="connsiteX2713" y="connsiteY2713"/>
              </a:cxn>
              <a:cxn ang="0">
                <a:pos x="connsiteX2714" y="connsiteY2714"/>
              </a:cxn>
              <a:cxn ang="0">
                <a:pos x="connsiteX2715" y="connsiteY2715"/>
              </a:cxn>
              <a:cxn ang="0">
                <a:pos x="connsiteX2716" y="connsiteY2716"/>
              </a:cxn>
              <a:cxn ang="0">
                <a:pos x="connsiteX2717" y="connsiteY2717"/>
              </a:cxn>
              <a:cxn ang="0">
                <a:pos x="connsiteX2718" y="connsiteY2718"/>
              </a:cxn>
              <a:cxn ang="0">
                <a:pos x="connsiteX2719" y="connsiteY2719"/>
              </a:cxn>
              <a:cxn ang="0">
                <a:pos x="connsiteX2720" y="connsiteY2720"/>
              </a:cxn>
              <a:cxn ang="0">
                <a:pos x="connsiteX2721" y="connsiteY2721"/>
              </a:cxn>
              <a:cxn ang="0">
                <a:pos x="connsiteX2722" y="connsiteY2722"/>
              </a:cxn>
              <a:cxn ang="0">
                <a:pos x="connsiteX2723" y="connsiteY2723"/>
              </a:cxn>
              <a:cxn ang="0">
                <a:pos x="connsiteX2724" y="connsiteY2724"/>
              </a:cxn>
              <a:cxn ang="0">
                <a:pos x="connsiteX2725" y="connsiteY2725"/>
              </a:cxn>
              <a:cxn ang="0">
                <a:pos x="connsiteX2726" y="connsiteY2726"/>
              </a:cxn>
              <a:cxn ang="0">
                <a:pos x="connsiteX2727" y="connsiteY2727"/>
              </a:cxn>
              <a:cxn ang="0">
                <a:pos x="connsiteX2728" y="connsiteY2728"/>
              </a:cxn>
              <a:cxn ang="0">
                <a:pos x="connsiteX2729" y="connsiteY2729"/>
              </a:cxn>
              <a:cxn ang="0">
                <a:pos x="connsiteX2730" y="connsiteY2730"/>
              </a:cxn>
              <a:cxn ang="0">
                <a:pos x="connsiteX2731" y="connsiteY2731"/>
              </a:cxn>
              <a:cxn ang="0">
                <a:pos x="connsiteX2732" y="connsiteY2732"/>
              </a:cxn>
              <a:cxn ang="0">
                <a:pos x="connsiteX2733" y="connsiteY2733"/>
              </a:cxn>
              <a:cxn ang="0">
                <a:pos x="connsiteX2734" y="connsiteY2734"/>
              </a:cxn>
              <a:cxn ang="0">
                <a:pos x="connsiteX2735" y="connsiteY2735"/>
              </a:cxn>
              <a:cxn ang="0">
                <a:pos x="connsiteX2736" y="connsiteY2736"/>
              </a:cxn>
              <a:cxn ang="0">
                <a:pos x="connsiteX2737" y="connsiteY2737"/>
              </a:cxn>
              <a:cxn ang="0">
                <a:pos x="connsiteX2738" y="connsiteY2738"/>
              </a:cxn>
              <a:cxn ang="0">
                <a:pos x="connsiteX2739" y="connsiteY2739"/>
              </a:cxn>
              <a:cxn ang="0">
                <a:pos x="connsiteX2740" y="connsiteY2740"/>
              </a:cxn>
              <a:cxn ang="0">
                <a:pos x="connsiteX2741" y="connsiteY2741"/>
              </a:cxn>
              <a:cxn ang="0">
                <a:pos x="connsiteX2742" y="connsiteY2742"/>
              </a:cxn>
              <a:cxn ang="0">
                <a:pos x="connsiteX2743" y="connsiteY2743"/>
              </a:cxn>
              <a:cxn ang="0">
                <a:pos x="connsiteX2744" y="connsiteY2744"/>
              </a:cxn>
              <a:cxn ang="0">
                <a:pos x="connsiteX2745" y="connsiteY2745"/>
              </a:cxn>
              <a:cxn ang="0">
                <a:pos x="connsiteX2746" y="connsiteY2746"/>
              </a:cxn>
              <a:cxn ang="0">
                <a:pos x="connsiteX2747" y="connsiteY2747"/>
              </a:cxn>
              <a:cxn ang="0">
                <a:pos x="connsiteX2748" y="connsiteY2748"/>
              </a:cxn>
              <a:cxn ang="0">
                <a:pos x="connsiteX2749" y="connsiteY2749"/>
              </a:cxn>
              <a:cxn ang="0">
                <a:pos x="connsiteX2750" y="connsiteY2750"/>
              </a:cxn>
              <a:cxn ang="0">
                <a:pos x="connsiteX2751" y="connsiteY2751"/>
              </a:cxn>
              <a:cxn ang="0">
                <a:pos x="connsiteX2752" y="connsiteY2752"/>
              </a:cxn>
              <a:cxn ang="0">
                <a:pos x="connsiteX2753" y="connsiteY2753"/>
              </a:cxn>
              <a:cxn ang="0">
                <a:pos x="connsiteX2754" y="connsiteY2754"/>
              </a:cxn>
              <a:cxn ang="0">
                <a:pos x="connsiteX2755" y="connsiteY2755"/>
              </a:cxn>
              <a:cxn ang="0">
                <a:pos x="connsiteX2756" y="connsiteY2756"/>
              </a:cxn>
              <a:cxn ang="0">
                <a:pos x="connsiteX2757" y="connsiteY2757"/>
              </a:cxn>
              <a:cxn ang="0">
                <a:pos x="connsiteX2758" y="connsiteY2758"/>
              </a:cxn>
              <a:cxn ang="0">
                <a:pos x="connsiteX2759" y="connsiteY2759"/>
              </a:cxn>
              <a:cxn ang="0">
                <a:pos x="connsiteX2760" y="connsiteY2760"/>
              </a:cxn>
              <a:cxn ang="0">
                <a:pos x="connsiteX2761" y="connsiteY2761"/>
              </a:cxn>
              <a:cxn ang="0">
                <a:pos x="connsiteX2762" y="connsiteY2762"/>
              </a:cxn>
              <a:cxn ang="0">
                <a:pos x="connsiteX2763" y="connsiteY2763"/>
              </a:cxn>
              <a:cxn ang="0">
                <a:pos x="connsiteX2764" y="connsiteY2764"/>
              </a:cxn>
              <a:cxn ang="0">
                <a:pos x="connsiteX2765" y="connsiteY2765"/>
              </a:cxn>
              <a:cxn ang="0">
                <a:pos x="connsiteX2766" y="connsiteY2766"/>
              </a:cxn>
              <a:cxn ang="0">
                <a:pos x="connsiteX2767" y="connsiteY2767"/>
              </a:cxn>
              <a:cxn ang="0">
                <a:pos x="connsiteX2768" y="connsiteY2768"/>
              </a:cxn>
              <a:cxn ang="0">
                <a:pos x="connsiteX2769" y="connsiteY2769"/>
              </a:cxn>
              <a:cxn ang="0">
                <a:pos x="connsiteX2770" y="connsiteY2770"/>
              </a:cxn>
              <a:cxn ang="0">
                <a:pos x="connsiteX2771" y="connsiteY2771"/>
              </a:cxn>
              <a:cxn ang="0">
                <a:pos x="connsiteX2772" y="connsiteY2772"/>
              </a:cxn>
              <a:cxn ang="0">
                <a:pos x="connsiteX2773" y="connsiteY2773"/>
              </a:cxn>
              <a:cxn ang="0">
                <a:pos x="connsiteX2774" y="connsiteY2774"/>
              </a:cxn>
              <a:cxn ang="0">
                <a:pos x="connsiteX2775" y="connsiteY2775"/>
              </a:cxn>
              <a:cxn ang="0">
                <a:pos x="connsiteX2776" y="connsiteY2776"/>
              </a:cxn>
              <a:cxn ang="0">
                <a:pos x="connsiteX2777" y="connsiteY2777"/>
              </a:cxn>
              <a:cxn ang="0">
                <a:pos x="connsiteX2778" y="connsiteY2778"/>
              </a:cxn>
              <a:cxn ang="0">
                <a:pos x="connsiteX2779" y="connsiteY2779"/>
              </a:cxn>
              <a:cxn ang="0">
                <a:pos x="connsiteX2780" y="connsiteY2780"/>
              </a:cxn>
              <a:cxn ang="0">
                <a:pos x="connsiteX2781" y="connsiteY2781"/>
              </a:cxn>
              <a:cxn ang="0">
                <a:pos x="connsiteX2782" y="connsiteY2782"/>
              </a:cxn>
              <a:cxn ang="0">
                <a:pos x="connsiteX2783" y="connsiteY2783"/>
              </a:cxn>
              <a:cxn ang="0">
                <a:pos x="connsiteX2784" y="connsiteY2784"/>
              </a:cxn>
              <a:cxn ang="0">
                <a:pos x="connsiteX2785" y="connsiteY2785"/>
              </a:cxn>
              <a:cxn ang="0">
                <a:pos x="connsiteX2786" y="connsiteY2786"/>
              </a:cxn>
              <a:cxn ang="0">
                <a:pos x="connsiteX2787" y="connsiteY2787"/>
              </a:cxn>
              <a:cxn ang="0">
                <a:pos x="connsiteX2788" y="connsiteY2788"/>
              </a:cxn>
              <a:cxn ang="0">
                <a:pos x="connsiteX2789" y="connsiteY2789"/>
              </a:cxn>
              <a:cxn ang="0">
                <a:pos x="connsiteX2790" y="connsiteY2790"/>
              </a:cxn>
              <a:cxn ang="0">
                <a:pos x="connsiteX2791" y="connsiteY2791"/>
              </a:cxn>
              <a:cxn ang="0">
                <a:pos x="connsiteX2792" y="connsiteY2792"/>
              </a:cxn>
              <a:cxn ang="0">
                <a:pos x="connsiteX2793" y="connsiteY2793"/>
              </a:cxn>
              <a:cxn ang="0">
                <a:pos x="connsiteX2794" y="connsiteY2794"/>
              </a:cxn>
              <a:cxn ang="0">
                <a:pos x="connsiteX2795" y="connsiteY2795"/>
              </a:cxn>
              <a:cxn ang="0">
                <a:pos x="connsiteX2796" y="connsiteY2796"/>
              </a:cxn>
              <a:cxn ang="0">
                <a:pos x="connsiteX2797" y="connsiteY2797"/>
              </a:cxn>
              <a:cxn ang="0">
                <a:pos x="connsiteX2798" y="connsiteY2798"/>
              </a:cxn>
              <a:cxn ang="0">
                <a:pos x="connsiteX2799" y="connsiteY2799"/>
              </a:cxn>
              <a:cxn ang="0">
                <a:pos x="connsiteX2800" y="connsiteY2800"/>
              </a:cxn>
              <a:cxn ang="0">
                <a:pos x="connsiteX2801" y="connsiteY2801"/>
              </a:cxn>
              <a:cxn ang="0">
                <a:pos x="connsiteX2802" y="connsiteY2802"/>
              </a:cxn>
              <a:cxn ang="0">
                <a:pos x="connsiteX2803" y="connsiteY2803"/>
              </a:cxn>
              <a:cxn ang="0">
                <a:pos x="connsiteX2804" y="connsiteY2804"/>
              </a:cxn>
              <a:cxn ang="0">
                <a:pos x="connsiteX2805" y="connsiteY2805"/>
              </a:cxn>
              <a:cxn ang="0">
                <a:pos x="connsiteX2806" y="connsiteY2806"/>
              </a:cxn>
              <a:cxn ang="0">
                <a:pos x="connsiteX2807" y="connsiteY2807"/>
              </a:cxn>
              <a:cxn ang="0">
                <a:pos x="connsiteX2808" y="connsiteY2808"/>
              </a:cxn>
              <a:cxn ang="0">
                <a:pos x="connsiteX2809" y="connsiteY2809"/>
              </a:cxn>
              <a:cxn ang="0">
                <a:pos x="connsiteX2810" y="connsiteY2810"/>
              </a:cxn>
              <a:cxn ang="0">
                <a:pos x="connsiteX2811" y="connsiteY2811"/>
              </a:cxn>
              <a:cxn ang="0">
                <a:pos x="connsiteX2812" y="connsiteY2812"/>
              </a:cxn>
              <a:cxn ang="0">
                <a:pos x="connsiteX2813" y="connsiteY2813"/>
              </a:cxn>
              <a:cxn ang="0">
                <a:pos x="connsiteX2814" y="connsiteY2814"/>
              </a:cxn>
              <a:cxn ang="0">
                <a:pos x="connsiteX2815" y="connsiteY2815"/>
              </a:cxn>
              <a:cxn ang="0">
                <a:pos x="connsiteX2816" y="connsiteY2816"/>
              </a:cxn>
              <a:cxn ang="0">
                <a:pos x="connsiteX2817" y="connsiteY2817"/>
              </a:cxn>
              <a:cxn ang="0">
                <a:pos x="connsiteX2818" y="connsiteY2818"/>
              </a:cxn>
              <a:cxn ang="0">
                <a:pos x="connsiteX2819" y="connsiteY2819"/>
              </a:cxn>
              <a:cxn ang="0">
                <a:pos x="connsiteX2820" y="connsiteY2820"/>
              </a:cxn>
              <a:cxn ang="0">
                <a:pos x="connsiteX2821" y="connsiteY2821"/>
              </a:cxn>
              <a:cxn ang="0">
                <a:pos x="connsiteX2822" y="connsiteY2822"/>
              </a:cxn>
              <a:cxn ang="0">
                <a:pos x="connsiteX2823" y="connsiteY2823"/>
              </a:cxn>
              <a:cxn ang="0">
                <a:pos x="connsiteX2824" y="connsiteY2824"/>
              </a:cxn>
              <a:cxn ang="0">
                <a:pos x="connsiteX2825" y="connsiteY2825"/>
              </a:cxn>
              <a:cxn ang="0">
                <a:pos x="connsiteX2826" y="connsiteY2826"/>
              </a:cxn>
              <a:cxn ang="0">
                <a:pos x="connsiteX2827" y="connsiteY2827"/>
              </a:cxn>
              <a:cxn ang="0">
                <a:pos x="connsiteX2828" y="connsiteY2828"/>
              </a:cxn>
              <a:cxn ang="0">
                <a:pos x="connsiteX2829" y="connsiteY2829"/>
              </a:cxn>
              <a:cxn ang="0">
                <a:pos x="connsiteX2830" y="connsiteY2830"/>
              </a:cxn>
              <a:cxn ang="0">
                <a:pos x="connsiteX2831" y="connsiteY2831"/>
              </a:cxn>
              <a:cxn ang="0">
                <a:pos x="connsiteX2832" y="connsiteY2832"/>
              </a:cxn>
              <a:cxn ang="0">
                <a:pos x="connsiteX2833" y="connsiteY2833"/>
              </a:cxn>
              <a:cxn ang="0">
                <a:pos x="connsiteX2834" y="connsiteY2834"/>
              </a:cxn>
              <a:cxn ang="0">
                <a:pos x="connsiteX2835" y="connsiteY2835"/>
              </a:cxn>
              <a:cxn ang="0">
                <a:pos x="connsiteX2836" y="connsiteY2836"/>
              </a:cxn>
              <a:cxn ang="0">
                <a:pos x="connsiteX2837" y="connsiteY2837"/>
              </a:cxn>
              <a:cxn ang="0">
                <a:pos x="connsiteX2838" y="connsiteY2838"/>
              </a:cxn>
              <a:cxn ang="0">
                <a:pos x="connsiteX2839" y="connsiteY2839"/>
              </a:cxn>
              <a:cxn ang="0">
                <a:pos x="connsiteX2840" y="connsiteY2840"/>
              </a:cxn>
              <a:cxn ang="0">
                <a:pos x="connsiteX2841" y="connsiteY2841"/>
              </a:cxn>
              <a:cxn ang="0">
                <a:pos x="connsiteX2842" y="connsiteY2842"/>
              </a:cxn>
              <a:cxn ang="0">
                <a:pos x="connsiteX2843" y="connsiteY2843"/>
              </a:cxn>
              <a:cxn ang="0">
                <a:pos x="connsiteX2844" y="connsiteY2844"/>
              </a:cxn>
              <a:cxn ang="0">
                <a:pos x="connsiteX2845" y="connsiteY2845"/>
              </a:cxn>
              <a:cxn ang="0">
                <a:pos x="connsiteX2846" y="connsiteY2846"/>
              </a:cxn>
              <a:cxn ang="0">
                <a:pos x="connsiteX2847" y="connsiteY2847"/>
              </a:cxn>
              <a:cxn ang="0">
                <a:pos x="connsiteX2848" y="connsiteY2848"/>
              </a:cxn>
              <a:cxn ang="0">
                <a:pos x="connsiteX2849" y="connsiteY2849"/>
              </a:cxn>
              <a:cxn ang="0">
                <a:pos x="connsiteX2850" y="connsiteY2850"/>
              </a:cxn>
              <a:cxn ang="0">
                <a:pos x="connsiteX2851" y="connsiteY2851"/>
              </a:cxn>
              <a:cxn ang="0">
                <a:pos x="connsiteX2852" y="connsiteY2852"/>
              </a:cxn>
              <a:cxn ang="0">
                <a:pos x="connsiteX2853" y="connsiteY2853"/>
              </a:cxn>
              <a:cxn ang="0">
                <a:pos x="connsiteX2854" y="connsiteY2854"/>
              </a:cxn>
              <a:cxn ang="0">
                <a:pos x="connsiteX2855" y="connsiteY2855"/>
              </a:cxn>
              <a:cxn ang="0">
                <a:pos x="connsiteX2856" y="connsiteY2856"/>
              </a:cxn>
              <a:cxn ang="0">
                <a:pos x="connsiteX2857" y="connsiteY2857"/>
              </a:cxn>
              <a:cxn ang="0">
                <a:pos x="connsiteX2858" y="connsiteY2858"/>
              </a:cxn>
              <a:cxn ang="0">
                <a:pos x="connsiteX2859" y="connsiteY2859"/>
              </a:cxn>
              <a:cxn ang="0">
                <a:pos x="connsiteX2860" y="connsiteY2860"/>
              </a:cxn>
              <a:cxn ang="0">
                <a:pos x="connsiteX2861" y="connsiteY2861"/>
              </a:cxn>
              <a:cxn ang="0">
                <a:pos x="connsiteX2862" y="connsiteY2862"/>
              </a:cxn>
              <a:cxn ang="0">
                <a:pos x="connsiteX2863" y="connsiteY2863"/>
              </a:cxn>
              <a:cxn ang="0">
                <a:pos x="connsiteX2864" y="connsiteY2864"/>
              </a:cxn>
              <a:cxn ang="0">
                <a:pos x="connsiteX2865" y="connsiteY2865"/>
              </a:cxn>
              <a:cxn ang="0">
                <a:pos x="connsiteX2866" y="connsiteY2866"/>
              </a:cxn>
              <a:cxn ang="0">
                <a:pos x="connsiteX2867" y="connsiteY2867"/>
              </a:cxn>
              <a:cxn ang="0">
                <a:pos x="connsiteX2868" y="connsiteY2868"/>
              </a:cxn>
              <a:cxn ang="0">
                <a:pos x="connsiteX2869" y="connsiteY2869"/>
              </a:cxn>
              <a:cxn ang="0">
                <a:pos x="connsiteX2870" y="connsiteY2870"/>
              </a:cxn>
              <a:cxn ang="0">
                <a:pos x="connsiteX2871" y="connsiteY2871"/>
              </a:cxn>
              <a:cxn ang="0">
                <a:pos x="connsiteX2872" y="connsiteY2872"/>
              </a:cxn>
              <a:cxn ang="0">
                <a:pos x="connsiteX2873" y="connsiteY2873"/>
              </a:cxn>
              <a:cxn ang="0">
                <a:pos x="connsiteX2874" y="connsiteY2874"/>
              </a:cxn>
              <a:cxn ang="0">
                <a:pos x="connsiteX2875" y="connsiteY2875"/>
              </a:cxn>
              <a:cxn ang="0">
                <a:pos x="connsiteX2876" y="connsiteY2876"/>
              </a:cxn>
              <a:cxn ang="0">
                <a:pos x="connsiteX2877" y="connsiteY2877"/>
              </a:cxn>
              <a:cxn ang="0">
                <a:pos x="connsiteX2878" y="connsiteY2878"/>
              </a:cxn>
              <a:cxn ang="0">
                <a:pos x="connsiteX2879" y="connsiteY2879"/>
              </a:cxn>
              <a:cxn ang="0">
                <a:pos x="connsiteX2880" y="connsiteY2880"/>
              </a:cxn>
              <a:cxn ang="0">
                <a:pos x="connsiteX2881" y="connsiteY2881"/>
              </a:cxn>
              <a:cxn ang="0">
                <a:pos x="connsiteX2882" y="connsiteY2882"/>
              </a:cxn>
              <a:cxn ang="0">
                <a:pos x="connsiteX2883" y="connsiteY2883"/>
              </a:cxn>
              <a:cxn ang="0">
                <a:pos x="connsiteX2884" y="connsiteY2884"/>
              </a:cxn>
              <a:cxn ang="0">
                <a:pos x="connsiteX2885" y="connsiteY2885"/>
              </a:cxn>
              <a:cxn ang="0">
                <a:pos x="connsiteX2886" y="connsiteY2886"/>
              </a:cxn>
              <a:cxn ang="0">
                <a:pos x="connsiteX2887" y="connsiteY2887"/>
              </a:cxn>
              <a:cxn ang="0">
                <a:pos x="connsiteX2888" y="connsiteY2888"/>
              </a:cxn>
              <a:cxn ang="0">
                <a:pos x="connsiteX2889" y="connsiteY2889"/>
              </a:cxn>
              <a:cxn ang="0">
                <a:pos x="connsiteX2890" y="connsiteY2890"/>
              </a:cxn>
              <a:cxn ang="0">
                <a:pos x="connsiteX2891" y="connsiteY2891"/>
              </a:cxn>
              <a:cxn ang="0">
                <a:pos x="connsiteX2892" y="connsiteY2892"/>
              </a:cxn>
              <a:cxn ang="0">
                <a:pos x="connsiteX2893" y="connsiteY2893"/>
              </a:cxn>
              <a:cxn ang="0">
                <a:pos x="connsiteX2894" y="connsiteY2894"/>
              </a:cxn>
              <a:cxn ang="0">
                <a:pos x="connsiteX2895" y="connsiteY2895"/>
              </a:cxn>
              <a:cxn ang="0">
                <a:pos x="connsiteX2896" y="connsiteY2896"/>
              </a:cxn>
              <a:cxn ang="0">
                <a:pos x="connsiteX2897" y="connsiteY2897"/>
              </a:cxn>
              <a:cxn ang="0">
                <a:pos x="connsiteX2898" y="connsiteY2898"/>
              </a:cxn>
              <a:cxn ang="0">
                <a:pos x="connsiteX2899" y="connsiteY2899"/>
              </a:cxn>
              <a:cxn ang="0">
                <a:pos x="connsiteX2900" y="connsiteY2900"/>
              </a:cxn>
              <a:cxn ang="0">
                <a:pos x="connsiteX2901" y="connsiteY2901"/>
              </a:cxn>
              <a:cxn ang="0">
                <a:pos x="connsiteX2902" y="connsiteY2902"/>
              </a:cxn>
              <a:cxn ang="0">
                <a:pos x="connsiteX2903" y="connsiteY2903"/>
              </a:cxn>
              <a:cxn ang="0">
                <a:pos x="connsiteX2904" y="connsiteY2904"/>
              </a:cxn>
              <a:cxn ang="0">
                <a:pos x="connsiteX2905" y="connsiteY2905"/>
              </a:cxn>
              <a:cxn ang="0">
                <a:pos x="connsiteX2906" y="connsiteY2906"/>
              </a:cxn>
              <a:cxn ang="0">
                <a:pos x="connsiteX2907" y="connsiteY2907"/>
              </a:cxn>
              <a:cxn ang="0">
                <a:pos x="connsiteX2908" y="connsiteY2908"/>
              </a:cxn>
              <a:cxn ang="0">
                <a:pos x="connsiteX2909" y="connsiteY2909"/>
              </a:cxn>
              <a:cxn ang="0">
                <a:pos x="connsiteX2910" y="connsiteY2910"/>
              </a:cxn>
              <a:cxn ang="0">
                <a:pos x="connsiteX2911" y="connsiteY2911"/>
              </a:cxn>
              <a:cxn ang="0">
                <a:pos x="connsiteX2912" y="connsiteY2912"/>
              </a:cxn>
              <a:cxn ang="0">
                <a:pos x="connsiteX2913" y="connsiteY2913"/>
              </a:cxn>
              <a:cxn ang="0">
                <a:pos x="connsiteX2914" y="connsiteY2914"/>
              </a:cxn>
              <a:cxn ang="0">
                <a:pos x="connsiteX2915" y="connsiteY2915"/>
              </a:cxn>
              <a:cxn ang="0">
                <a:pos x="connsiteX2916" y="connsiteY2916"/>
              </a:cxn>
              <a:cxn ang="0">
                <a:pos x="connsiteX2917" y="connsiteY2917"/>
              </a:cxn>
              <a:cxn ang="0">
                <a:pos x="connsiteX2918" y="connsiteY2918"/>
              </a:cxn>
              <a:cxn ang="0">
                <a:pos x="connsiteX2919" y="connsiteY2919"/>
              </a:cxn>
              <a:cxn ang="0">
                <a:pos x="connsiteX2920" y="connsiteY2920"/>
              </a:cxn>
              <a:cxn ang="0">
                <a:pos x="connsiteX2921" y="connsiteY2921"/>
              </a:cxn>
              <a:cxn ang="0">
                <a:pos x="connsiteX2922" y="connsiteY2922"/>
              </a:cxn>
              <a:cxn ang="0">
                <a:pos x="connsiteX2923" y="connsiteY2923"/>
              </a:cxn>
              <a:cxn ang="0">
                <a:pos x="connsiteX2924" y="connsiteY2924"/>
              </a:cxn>
              <a:cxn ang="0">
                <a:pos x="connsiteX2925" y="connsiteY2925"/>
              </a:cxn>
              <a:cxn ang="0">
                <a:pos x="connsiteX2926" y="connsiteY2926"/>
              </a:cxn>
              <a:cxn ang="0">
                <a:pos x="connsiteX2927" y="connsiteY2927"/>
              </a:cxn>
              <a:cxn ang="0">
                <a:pos x="connsiteX2928" y="connsiteY2928"/>
              </a:cxn>
              <a:cxn ang="0">
                <a:pos x="connsiteX2929" y="connsiteY2929"/>
              </a:cxn>
              <a:cxn ang="0">
                <a:pos x="connsiteX2930" y="connsiteY2930"/>
              </a:cxn>
              <a:cxn ang="0">
                <a:pos x="connsiteX2931" y="connsiteY2931"/>
              </a:cxn>
              <a:cxn ang="0">
                <a:pos x="connsiteX2932" y="connsiteY2932"/>
              </a:cxn>
              <a:cxn ang="0">
                <a:pos x="connsiteX2933" y="connsiteY2933"/>
              </a:cxn>
              <a:cxn ang="0">
                <a:pos x="connsiteX2934" y="connsiteY2934"/>
              </a:cxn>
              <a:cxn ang="0">
                <a:pos x="connsiteX2935" y="connsiteY2935"/>
              </a:cxn>
              <a:cxn ang="0">
                <a:pos x="connsiteX2936" y="connsiteY2936"/>
              </a:cxn>
              <a:cxn ang="0">
                <a:pos x="connsiteX2937" y="connsiteY2937"/>
              </a:cxn>
              <a:cxn ang="0">
                <a:pos x="connsiteX2938" y="connsiteY2938"/>
              </a:cxn>
              <a:cxn ang="0">
                <a:pos x="connsiteX2939" y="connsiteY2939"/>
              </a:cxn>
              <a:cxn ang="0">
                <a:pos x="connsiteX2940" y="connsiteY2940"/>
              </a:cxn>
              <a:cxn ang="0">
                <a:pos x="connsiteX2941" y="connsiteY2941"/>
              </a:cxn>
              <a:cxn ang="0">
                <a:pos x="connsiteX2942" y="connsiteY2942"/>
              </a:cxn>
              <a:cxn ang="0">
                <a:pos x="connsiteX2943" y="connsiteY2943"/>
              </a:cxn>
              <a:cxn ang="0">
                <a:pos x="connsiteX2944" y="connsiteY2944"/>
              </a:cxn>
              <a:cxn ang="0">
                <a:pos x="connsiteX2945" y="connsiteY2945"/>
              </a:cxn>
              <a:cxn ang="0">
                <a:pos x="connsiteX2946" y="connsiteY2946"/>
              </a:cxn>
              <a:cxn ang="0">
                <a:pos x="connsiteX2947" y="connsiteY2947"/>
              </a:cxn>
              <a:cxn ang="0">
                <a:pos x="connsiteX2948" y="connsiteY2948"/>
              </a:cxn>
              <a:cxn ang="0">
                <a:pos x="connsiteX2949" y="connsiteY2949"/>
              </a:cxn>
              <a:cxn ang="0">
                <a:pos x="connsiteX2950" y="connsiteY2950"/>
              </a:cxn>
              <a:cxn ang="0">
                <a:pos x="connsiteX2951" y="connsiteY2951"/>
              </a:cxn>
              <a:cxn ang="0">
                <a:pos x="connsiteX2952" y="connsiteY2952"/>
              </a:cxn>
              <a:cxn ang="0">
                <a:pos x="connsiteX2953" y="connsiteY2953"/>
              </a:cxn>
              <a:cxn ang="0">
                <a:pos x="connsiteX2954" y="connsiteY2954"/>
              </a:cxn>
              <a:cxn ang="0">
                <a:pos x="connsiteX2955" y="connsiteY2955"/>
              </a:cxn>
              <a:cxn ang="0">
                <a:pos x="connsiteX2956" y="connsiteY2956"/>
              </a:cxn>
              <a:cxn ang="0">
                <a:pos x="connsiteX2957" y="connsiteY2957"/>
              </a:cxn>
              <a:cxn ang="0">
                <a:pos x="connsiteX2958" y="connsiteY2958"/>
              </a:cxn>
              <a:cxn ang="0">
                <a:pos x="connsiteX2959" y="connsiteY2959"/>
              </a:cxn>
              <a:cxn ang="0">
                <a:pos x="connsiteX2960" y="connsiteY2960"/>
              </a:cxn>
              <a:cxn ang="0">
                <a:pos x="connsiteX2961" y="connsiteY2961"/>
              </a:cxn>
              <a:cxn ang="0">
                <a:pos x="connsiteX2962" y="connsiteY2962"/>
              </a:cxn>
              <a:cxn ang="0">
                <a:pos x="connsiteX2963" y="connsiteY2963"/>
              </a:cxn>
              <a:cxn ang="0">
                <a:pos x="connsiteX2964" y="connsiteY2964"/>
              </a:cxn>
              <a:cxn ang="0">
                <a:pos x="connsiteX2965" y="connsiteY2965"/>
              </a:cxn>
              <a:cxn ang="0">
                <a:pos x="connsiteX2966" y="connsiteY2966"/>
              </a:cxn>
              <a:cxn ang="0">
                <a:pos x="connsiteX2967" y="connsiteY2967"/>
              </a:cxn>
              <a:cxn ang="0">
                <a:pos x="connsiteX2968" y="connsiteY2968"/>
              </a:cxn>
              <a:cxn ang="0">
                <a:pos x="connsiteX2969" y="connsiteY2969"/>
              </a:cxn>
              <a:cxn ang="0">
                <a:pos x="connsiteX2970" y="connsiteY2970"/>
              </a:cxn>
              <a:cxn ang="0">
                <a:pos x="connsiteX2971" y="connsiteY2971"/>
              </a:cxn>
              <a:cxn ang="0">
                <a:pos x="connsiteX2972" y="connsiteY2972"/>
              </a:cxn>
              <a:cxn ang="0">
                <a:pos x="connsiteX2973" y="connsiteY2973"/>
              </a:cxn>
              <a:cxn ang="0">
                <a:pos x="connsiteX2974" y="connsiteY2974"/>
              </a:cxn>
              <a:cxn ang="0">
                <a:pos x="connsiteX2975" y="connsiteY2975"/>
              </a:cxn>
              <a:cxn ang="0">
                <a:pos x="connsiteX2976" y="connsiteY2976"/>
              </a:cxn>
              <a:cxn ang="0">
                <a:pos x="connsiteX2977" y="connsiteY2977"/>
              </a:cxn>
              <a:cxn ang="0">
                <a:pos x="connsiteX2978" y="connsiteY2978"/>
              </a:cxn>
              <a:cxn ang="0">
                <a:pos x="connsiteX2979" y="connsiteY2979"/>
              </a:cxn>
              <a:cxn ang="0">
                <a:pos x="connsiteX2980" y="connsiteY2980"/>
              </a:cxn>
              <a:cxn ang="0">
                <a:pos x="connsiteX2981" y="connsiteY2981"/>
              </a:cxn>
              <a:cxn ang="0">
                <a:pos x="connsiteX2982" y="connsiteY2982"/>
              </a:cxn>
              <a:cxn ang="0">
                <a:pos x="connsiteX2983" y="connsiteY2983"/>
              </a:cxn>
              <a:cxn ang="0">
                <a:pos x="connsiteX2984" y="connsiteY2984"/>
              </a:cxn>
              <a:cxn ang="0">
                <a:pos x="connsiteX2985" y="connsiteY2985"/>
              </a:cxn>
              <a:cxn ang="0">
                <a:pos x="connsiteX2986" y="connsiteY2986"/>
              </a:cxn>
              <a:cxn ang="0">
                <a:pos x="connsiteX2987" y="connsiteY2987"/>
              </a:cxn>
              <a:cxn ang="0">
                <a:pos x="connsiteX2988" y="connsiteY2988"/>
              </a:cxn>
              <a:cxn ang="0">
                <a:pos x="connsiteX2989" y="connsiteY2989"/>
              </a:cxn>
              <a:cxn ang="0">
                <a:pos x="connsiteX2990" y="connsiteY2990"/>
              </a:cxn>
              <a:cxn ang="0">
                <a:pos x="connsiteX2991" y="connsiteY2991"/>
              </a:cxn>
              <a:cxn ang="0">
                <a:pos x="connsiteX2992" y="connsiteY2992"/>
              </a:cxn>
              <a:cxn ang="0">
                <a:pos x="connsiteX2993" y="connsiteY2993"/>
              </a:cxn>
              <a:cxn ang="0">
                <a:pos x="connsiteX2994" y="connsiteY2994"/>
              </a:cxn>
              <a:cxn ang="0">
                <a:pos x="connsiteX2995" y="connsiteY2995"/>
              </a:cxn>
              <a:cxn ang="0">
                <a:pos x="connsiteX2996" y="connsiteY2996"/>
              </a:cxn>
              <a:cxn ang="0">
                <a:pos x="connsiteX2997" y="connsiteY2997"/>
              </a:cxn>
              <a:cxn ang="0">
                <a:pos x="connsiteX2998" y="connsiteY2998"/>
              </a:cxn>
              <a:cxn ang="0">
                <a:pos x="connsiteX2999" y="connsiteY2999"/>
              </a:cxn>
              <a:cxn ang="0">
                <a:pos x="connsiteX3000" y="connsiteY3000"/>
              </a:cxn>
              <a:cxn ang="0">
                <a:pos x="connsiteX3001" y="connsiteY3001"/>
              </a:cxn>
              <a:cxn ang="0">
                <a:pos x="connsiteX3002" y="connsiteY3002"/>
              </a:cxn>
              <a:cxn ang="0">
                <a:pos x="connsiteX3003" y="connsiteY3003"/>
              </a:cxn>
              <a:cxn ang="0">
                <a:pos x="connsiteX3004" y="connsiteY3004"/>
              </a:cxn>
              <a:cxn ang="0">
                <a:pos x="connsiteX3005" y="connsiteY3005"/>
              </a:cxn>
              <a:cxn ang="0">
                <a:pos x="connsiteX3006" y="connsiteY3006"/>
              </a:cxn>
              <a:cxn ang="0">
                <a:pos x="connsiteX3007" y="connsiteY3007"/>
              </a:cxn>
              <a:cxn ang="0">
                <a:pos x="connsiteX3008" y="connsiteY3008"/>
              </a:cxn>
              <a:cxn ang="0">
                <a:pos x="connsiteX3009" y="connsiteY3009"/>
              </a:cxn>
              <a:cxn ang="0">
                <a:pos x="connsiteX3010" y="connsiteY3010"/>
              </a:cxn>
              <a:cxn ang="0">
                <a:pos x="connsiteX3011" y="connsiteY3011"/>
              </a:cxn>
              <a:cxn ang="0">
                <a:pos x="connsiteX3012" y="connsiteY3012"/>
              </a:cxn>
              <a:cxn ang="0">
                <a:pos x="connsiteX3013" y="connsiteY3013"/>
              </a:cxn>
              <a:cxn ang="0">
                <a:pos x="connsiteX3014" y="connsiteY3014"/>
              </a:cxn>
              <a:cxn ang="0">
                <a:pos x="connsiteX3015" y="connsiteY3015"/>
              </a:cxn>
              <a:cxn ang="0">
                <a:pos x="connsiteX3016" y="connsiteY3016"/>
              </a:cxn>
              <a:cxn ang="0">
                <a:pos x="connsiteX3017" y="connsiteY3017"/>
              </a:cxn>
              <a:cxn ang="0">
                <a:pos x="connsiteX3018" y="connsiteY3018"/>
              </a:cxn>
              <a:cxn ang="0">
                <a:pos x="connsiteX3019" y="connsiteY3019"/>
              </a:cxn>
              <a:cxn ang="0">
                <a:pos x="connsiteX3020" y="connsiteY3020"/>
              </a:cxn>
              <a:cxn ang="0">
                <a:pos x="connsiteX3021" y="connsiteY3021"/>
              </a:cxn>
              <a:cxn ang="0">
                <a:pos x="connsiteX3022" y="connsiteY3022"/>
              </a:cxn>
              <a:cxn ang="0">
                <a:pos x="connsiteX3023" y="connsiteY3023"/>
              </a:cxn>
              <a:cxn ang="0">
                <a:pos x="connsiteX3024" y="connsiteY3024"/>
              </a:cxn>
              <a:cxn ang="0">
                <a:pos x="connsiteX3025" y="connsiteY3025"/>
              </a:cxn>
              <a:cxn ang="0">
                <a:pos x="connsiteX3026" y="connsiteY3026"/>
              </a:cxn>
              <a:cxn ang="0">
                <a:pos x="connsiteX3027" y="connsiteY3027"/>
              </a:cxn>
              <a:cxn ang="0">
                <a:pos x="connsiteX3028" y="connsiteY3028"/>
              </a:cxn>
              <a:cxn ang="0">
                <a:pos x="connsiteX3029" y="connsiteY3029"/>
              </a:cxn>
              <a:cxn ang="0">
                <a:pos x="connsiteX3030" y="connsiteY3030"/>
              </a:cxn>
              <a:cxn ang="0">
                <a:pos x="connsiteX3031" y="connsiteY3031"/>
              </a:cxn>
              <a:cxn ang="0">
                <a:pos x="connsiteX3032" y="connsiteY3032"/>
              </a:cxn>
              <a:cxn ang="0">
                <a:pos x="connsiteX3033" y="connsiteY3033"/>
              </a:cxn>
              <a:cxn ang="0">
                <a:pos x="connsiteX3034" y="connsiteY3034"/>
              </a:cxn>
              <a:cxn ang="0">
                <a:pos x="connsiteX3035" y="connsiteY3035"/>
              </a:cxn>
              <a:cxn ang="0">
                <a:pos x="connsiteX3036" y="connsiteY3036"/>
              </a:cxn>
              <a:cxn ang="0">
                <a:pos x="connsiteX3037" y="connsiteY3037"/>
              </a:cxn>
              <a:cxn ang="0">
                <a:pos x="connsiteX3038" y="connsiteY3038"/>
              </a:cxn>
              <a:cxn ang="0">
                <a:pos x="connsiteX3039" y="connsiteY3039"/>
              </a:cxn>
              <a:cxn ang="0">
                <a:pos x="connsiteX3040" y="connsiteY3040"/>
              </a:cxn>
              <a:cxn ang="0">
                <a:pos x="connsiteX3041" y="connsiteY3041"/>
              </a:cxn>
              <a:cxn ang="0">
                <a:pos x="connsiteX3042" y="connsiteY3042"/>
              </a:cxn>
              <a:cxn ang="0">
                <a:pos x="connsiteX3043" y="connsiteY3043"/>
              </a:cxn>
              <a:cxn ang="0">
                <a:pos x="connsiteX3044" y="connsiteY3044"/>
              </a:cxn>
              <a:cxn ang="0">
                <a:pos x="connsiteX3045" y="connsiteY3045"/>
              </a:cxn>
              <a:cxn ang="0">
                <a:pos x="connsiteX3046" y="connsiteY3046"/>
              </a:cxn>
              <a:cxn ang="0">
                <a:pos x="connsiteX3047" y="connsiteY3047"/>
              </a:cxn>
              <a:cxn ang="0">
                <a:pos x="connsiteX3048" y="connsiteY3048"/>
              </a:cxn>
              <a:cxn ang="0">
                <a:pos x="connsiteX3049" y="connsiteY3049"/>
              </a:cxn>
              <a:cxn ang="0">
                <a:pos x="connsiteX3050" y="connsiteY3050"/>
              </a:cxn>
              <a:cxn ang="0">
                <a:pos x="connsiteX3051" y="connsiteY3051"/>
              </a:cxn>
              <a:cxn ang="0">
                <a:pos x="connsiteX3052" y="connsiteY3052"/>
              </a:cxn>
              <a:cxn ang="0">
                <a:pos x="connsiteX3053" y="connsiteY3053"/>
              </a:cxn>
              <a:cxn ang="0">
                <a:pos x="connsiteX3054" y="connsiteY3054"/>
              </a:cxn>
              <a:cxn ang="0">
                <a:pos x="connsiteX3055" y="connsiteY3055"/>
              </a:cxn>
              <a:cxn ang="0">
                <a:pos x="connsiteX3056" y="connsiteY3056"/>
              </a:cxn>
              <a:cxn ang="0">
                <a:pos x="connsiteX3057" y="connsiteY3057"/>
              </a:cxn>
              <a:cxn ang="0">
                <a:pos x="connsiteX3058" y="connsiteY3058"/>
              </a:cxn>
              <a:cxn ang="0">
                <a:pos x="connsiteX3059" y="connsiteY3059"/>
              </a:cxn>
              <a:cxn ang="0">
                <a:pos x="connsiteX3060" y="connsiteY3060"/>
              </a:cxn>
              <a:cxn ang="0">
                <a:pos x="connsiteX3061" y="connsiteY3061"/>
              </a:cxn>
              <a:cxn ang="0">
                <a:pos x="connsiteX3062" y="connsiteY3062"/>
              </a:cxn>
              <a:cxn ang="0">
                <a:pos x="connsiteX3063" y="connsiteY3063"/>
              </a:cxn>
              <a:cxn ang="0">
                <a:pos x="connsiteX3064" y="connsiteY3064"/>
              </a:cxn>
              <a:cxn ang="0">
                <a:pos x="connsiteX3065" y="connsiteY3065"/>
              </a:cxn>
              <a:cxn ang="0">
                <a:pos x="connsiteX3066" y="connsiteY3066"/>
              </a:cxn>
              <a:cxn ang="0">
                <a:pos x="connsiteX3067" y="connsiteY3067"/>
              </a:cxn>
              <a:cxn ang="0">
                <a:pos x="connsiteX3068" y="connsiteY3068"/>
              </a:cxn>
              <a:cxn ang="0">
                <a:pos x="connsiteX3069" y="connsiteY3069"/>
              </a:cxn>
              <a:cxn ang="0">
                <a:pos x="connsiteX3070" y="connsiteY3070"/>
              </a:cxn>
              <a:cxn ang="0">
                <a:pos x="connsiteX3071" y="connsiteY3071"/>
              </a:cxn>
              <a:cxn ang="0">
                <a:pos x="connsiteX3072" y="connsiteY3072"/>
              </a:cxn>
              <a:cxn ang="0">
                <a:pos x="connsiteX3073" y="connsiteY3073"/>
              </a:cxn>
              <a:cxn ang="0">
                <a:pos x="connsiteX3074" y="connsiteY3074"/>
              </a:cxn>
              <a:cxn ang="0">
                <a:pos x="connsiteX3075" y="connsiteY3075"/>
              </a:cxn>
              <a:cxn ang="0">
                <a:pos x="connsiteX3076" y="connsiteY3076"/>
              </a:cxn>
              <a:cxn ang="0">
                <a:pos x="connsiteX3077" y="connsiteY3077"/>
              </a:cxn>
              <a:cxn ang="0">
                <a:pos x="connsiteX3078" y="connsiteY3078"/>
              </a:cxn>
              <a:cxn ang="0">
                <a:pos x="connsiteX3079" y="connsiteY3079"/>
              </a:cxn>
              <a:cxn ang="0">
                <a:pos x="connsiteX3080" y="connsiteY3080"/>
              </a:cxn>
              <a:cxn ang="0">
                <a:pos x="connsiteX3081" y="connsiteY3081"/>
              </a:cxn>
              <a:cxn ang="0">
                <a:pos x="connsiteX3082" y="connsiteY3082"/>
              </a:cxn>
              <a:cxn ang="0">
                <a:pos x="connsiteX3083" y="connsiteY3083"/>
              </a:cxn>
              <a:cxn ang="0">
                <a:pos x="connsiteX3084" y="connsiteY3084"/>
              </a:cxn>
              <a:cxn ang="0">
                <a:pos x="connsiteX3085" y="connsiteY3085"/>
              </a:cxn>
              <a:cxn ang="0">
                <a:pos x="connsiteX3086" y="connsiteY3086"/>
              </a:cxn>
              <a:cxn ang="0">
                <a:pos x="connsiteX3087" y="connsiteY3087"/>
              </a:cxn>
              <a:cxn ang="0">
                <a:pos x="connsiteX3088" y="connsiteY3088"/>
              </a:cxn>
              <a:cxn ang="0">
                <a:pos x="connsiteX3089" y="connsiteY3089"/>
              </a:cxn>
              <a:cxn ang="0">
                <a:pos x="connsiteX3090" y="connsiteY3090"/>
              </a:cxn>
              <a:cxn ang="0">
                <a:pos x="connsiteX3091" y="connsiteY3091"/>
              </a:cxn>
              <a:cxn ang="0">
                <a:pos x="connsiteX3092" y="connsiteY3092"/>
              </a:cxn>
              <a:cxn ang="0">
                <a:pos x="connsiteX3093" y="connsiteY3093"/>
              </a:cxn>
              <a:cxn ang="0">
                <a:pos x="connsiteX3094" y="connsiteY3094"/>
              </a:cxn>
              <a:cxn ang="0">
                <a:pos x="connsiteX3095" y="connsiteY3095"/>
              </a:cxn>
              <a:cxn ang="0">
                <a:pos x="connsiteX3096" y="connsiteY3096"/>
              </a:cxn>
              <a:cxn ang="0">
                <a:pos x="connsiteX3097" y="connsiteY3097"/>
              </a:cxn>
              <a:cxn ang="0">
                <a:pos x="connsiteX3098" y="connsiteY3098"/>
              </a:cxn>
              <a:cxn ang="0">
                <a:pos x="connsiteX3099" y="connsiteY3099"/>
              </a:cxn>
              <a:cxn ang="0">
                <a:pos x="connsiteX3100" y="connsiteY3100"/>
              </a:cxn>
              <a:cxn ang="0">
                <a:pos x="connsiteX3101" y="connsiteY3101"/>
              </a:cxn>
              <a:cxn ang="0">
                <a:pos x="connsiteX3102" y="connsiteY3102"/>
              </a:cxn>
              <a:cxn ang="0">
                <a:pos x="connsiteX3103" y="connsiteY3103"/>
              </a:cxn>
              <a:cxn ang="0">
                <a:pos x="connsiteX3104" y="connsiteY3104"/>
              </a:cxn>
              <a:cxn ang="0">
                <a:pos x="connsiteX3105" y="connsiteY3105"/>
              </a:cxn>
              <a:cxn ang="0">
                <a:pos x="connsiteX3106" y="connsiteY3106"/>
              </a:cxn>
              <a:cxn ang="0">
                <a:pos x="connsiteX3107" y="connsiteY3107"/>
              </a:cxn>
              <a:cxn ang="0">
                <a:pos x="connsiteX3108" y="connsiteY3108"/>
              </a:cxn>
              <a:cxn ang="0">
                <a:pos x="connsiteX3109" y="connsiteY3109"/>
              </a:cxn>
              <a:cxn ang="0">
                <a:pos x="connsiteX3110" y="connsiteY3110"/>
              </a:cxn>
              <a:cxn ang="0">
                <a:pos x="connsiteX3111" y="connsiteY3111"/>
              </a:cxn>
              <a:cxn ang="0">
                <a:pos x="connsiteX3112" y="connsiteY3112"/>
              </a:cxn>
              <a:cxn ang="0">
                <a:pos x="connsiteX3113" y="connsiteY3113"/>
              </a:cxn>
              <a:cxn ang="0">
                <a:pos x="connsiteX3114" y="connsiteY3114"/>
              </a:cxn>
              <a:cxn ang="0">
                <a:pos x="connsiteX3115" y="connsiteY3115"/>
              </a:cxn>
              <a:cxn ang="0">
                <a:pos x="connsiteX3116" y="connsiteY3116"/>
              </a:cxn>
              <a:cxn ang="0">
                <a:pos x="connsiteX3117" y="connsiteY3117"/>
              </a:cxn>
              <a:cxn ang="0">
                <a:pos x="connsiteX3118" y="connsiteY3118"/>
              </a:cxn>
              <a:cxn ang="0">
                <a:pos x="connsiteX3119" y="connsiteY3119"/>
              </a:cxn>
              <a:cxn ang="0">
                <a:pos x="connsiteX3120" y="connsiteY3120"/>
              </a:cxn>
              <a:cxn ang="0">
                <a:pos x="connsiteX3121" y="connsiteY3121"/>
              </a:cxn>
              <a:cxn ang="0">
                <a:pos x="connsiteX3122" y="connsiteY3122"/>
              </a:cxn>
              <a:cxn ang="0">
                <a:pos x="connsiteX3123" y="connsiteY3123"/>
              </a:cxn>
              <a:cxn ang="0">
                <a:pos x="connsiteX3124" y="connsiteY3124"/>
              </a:cxn>
              <a:cxn ang="0">
                <a:pos x="connsiteX3125" y="connsiteY3125"/>
              </a:cxn>
              <a:cxn ang="0">
                <a:pos x="connsiteX3126" y="connsiteY3126"/>
              </a:cxn>
              <a:cxn ang="0">
                <a:pos x="connsiteX3127" y="connsiteY3127"/>
              </a:cxn>
              <a:cxn ang="0">
                <a:pos x="connsiteX3128" y="connsiteY3128"/>
              </a:cxn>
              <a:cxn ang="0">
                <a:pos x="connsiteX3129" y="connsiteY3129"/>
              </a:cxn>
              <a:cxn ang="0">
                <a:pos x="connsiteX3130" y="connsiteY3130"/>
              </a:cxn>
              <a:cxn ang="0">
                <a:pos x="connsiteX3131" y="connsiteY3131"/>
              </a:cxn>
              <a:cxn ang="0">
                <a:pos x="connsiteX3132" y="connsiteY3132"/>
              </a:cxn>
              <a:cxn ang="0">
                <a:pos x="connsiteX3133" y="connsiteY3133"/>
              </a:cxn>
              <a:cxn ang="0">
                <a:pos x="connsiteX3134" y="connsiteY3134"/>
              </a:cxn>
              <a:cxn ang="0">
                <a:pos x="connsiteX3135" y="connsiteY3135"/>
              </a:cxn>
              <a:cxn ang="0">
                <a:pos x="connsiteX3136" y="connsiteY3136"/>
              </a:cxn>
              <a:cxn ang="0">
                <a:pos x="connsiteX3137" y="connsiteY3137"/>
              </a:cxn>
              <a:cxn ang="0">
                <a:pos x="connsiteX3138" y="connsiteY3138"/>
              </a:cxn>
              <a:cxn ang="0">
                <a:pos x="connsiteX3139" y="connsiteY3139"/>
              </a:cxn>
              <a:cxn ang="0">
                <a:pos x="connsiteX3140" y="connsiteY3140"/>
              </a:cxn>
              <a:cxn ang="0">
                <a:pos x="connsiteX3141" y="connsiteY3141"/>
              </a:cxn>
              <a:cxn ang="0">
                <a:pos x="connsiteX3142" y="connsiteY3142"/>
              </a:cxn>
              <a:cxn ang="0">
                <a:pos x="connsiteX3143" y="connsiteY3143"/>
              </a:cxn>
              <a:cxn ang="0">
                <a:pos x="connsiteX3144" y="connsiteY3144"/>
              </a:cxn>
              <a:cxn ang="0">
                <a:pos x="connsiteX3145" y="connsiteY3145"/>
              </a:cxn>
              <a:cxn ang="0">
                <a:pos x="connsiteX3146" y="connsiteY3146"/>
              </a:cxn>
              <a:cxn ang="0">
                <a:pos x="connsiteX3147" y="connsiteY3147"/>
              </a:cxn>
              <a:cxn ang="0">
                <a:pos x="connsiteX3148" y="connsiteY3148"/>
              </a:cxn>
              <a:cxn ang="0">
                <a:pos x="connsiteX3149" y="connsiteY3149"/>
              </a:cxn>
              <a:cxn ang="0">
                <a:pos x="connsiteX3150" y="connsiteY3150"/>
              </a:cxn>
              <a:cxn ang="0">
                <a:pos x="connsiteX3151" y="connsiteY3151"/>
              </a:cxn>
              <a:cxn ang="0">
                <a:pos x="connsiteX3152" y="connsiteY3152"/>
              </a:cxn>
              <a:cxn ang="0">
                <a:pos x="connsiteX3153" y="connsiteY3153"/>
              </a:cxn>
              <a:cxn ang="0">
                <a:pos x="connsiteX3154" y="connsiteY3154"/>
              </a:cxn>
              <a:cxn ang="0">
                <a:pos x="connsiteX3155" y="connsiteY3155"/>
              </a:cxn>
              <a:cxn ang="0">
                <a:pos x="connsiteX3156" y="connsiteY3156"/>
              </a:cxn>
              <a:cxn ang="0">
                <a:pos x="connsiteX3157" y="connsiteY3157"/>
              </a:cxn>
              <a:cxn ang="0">
                <a:pos x="connsiteX3158" y="connsiteY3158"/>
              </a:cxn>
              <a:cxn ang="0">
                <a:pos x="connsiteX3159" y="connsiteY3159"/>
              </a:cxn>
              <a:cxn ang="0">
                <a:pos x="connsiteX3160" y="connsiteY3160"/>
              </a:cxn>
              <a:cxn ang="0">
                <a:pos x="connsiteX3161" y="connsiteY3161"/>
              </a:cxn>
              <a:cxn ang="0">
                <a:pos x="connsiteX3162" y="connsiteY3162"/>
              </a:cxn>
              <a:cxn ang="0">
                <a:pos x="connsiteX3163" y="connsiteY3163"/>
              </a:cxn>
              <a:cxn ang="0">
                <a:pos x="connsiteX3164" y="connsiteY3164"/>
              </a:cxn>
              <a:cxn ang="0">
                <a:pos x="connsiteX3165" y="connsiteY3165"/>
              </a:cxn>
              <a:cxn ang="0">
                <a:pos x="connsiteX3166" y="connsiteY3166"/>
              </a:cxn>
              <a:cxn ang="0">
                <a:pos x="connsiteX3167" y="connsiteY3167"/>
              </a:cxn>
              <a:cxn ang="0">
                <a:pos x="connsiteX3168" y="connsiteY3168"/>
              </a:cxn>
              <a:cxn ang="0">
                <a:pos x="connsiteX3169" y="connsiteY3169"/>
              </a:cxn>
              <a:cxn ang="0">
                <a:pos x="connsiteX3170" y="connsiteY3170"/>
              </a:cxn>
              <a:cxn ang="0">
                <a:pos x="connsiteX3171" y="connsiteY3171"/>
              </a:cxn>
              <a:cxn ang="0">
                <a:pos x="connsiteX3172" y="connsiteY3172"/>
              </a:cxn>
              <a:cxn ang="0">
                <a:pos x="connsiteX3173" y="connsiteY3173"/>
              </a:cxn>
              <a:cxn ang="0">
                <a:pos x="connsiteX3174" y="connsiteY3174"/>
              </a:cxn>
              <a:cxn ang="0">
                <a:pos x="connsiteX3175" y="connsiteY3175"/>
              </a:cxn>
              <a:cxn ang="0">
                <a:pos x="connsiteX3176" y="connsiteY3176"/>
              </a:cxn>
              <a:cxn ang="0">
                <a:pos x="connsiteX3177" y="connsiteY3177"/>
              </a:cxn>
              <a:cxn ang="0">
                <a:pos x="connsiteX3178" y="connsiteY3178"/>
              </a:cxn>
              <a:cxn ang="0">
                <a:pos x="connsiteX3179" y="connsiteY3179"/>
              </a:cxn>
              <a:cxn ang="0">
                <a:pos x="connsiteX3180" y="connsiteY3180"/>
              </a:cxn>
              <a:cxn ang="0">
                <a:pos x="connsiteX3181" y="connsiteY3181"/>
              </a:cxn>
              <a:cxn ang="0">
                <a:pos x="connsiteX3182" y="connsiteY3182"/>
              </a:cxn>
              <a:cxn ang="0">
                <a:pos x="connsiteX3183" y="connsiteY3183"/>
              </a:cxn>
              <a:cxn ang="0">
                <a:pos x="connsiteX3184" y="connsiteY3184"/>
              </a:cxn>
              <a:cxn ang="0">
                <a:pos x="connsiteX3185" y="connsiteY3185"/>
              </a:cxn>
              <a:cxn ang="0">
                <a:pos x="connsiteX3186" y="connsiteY3186"/>
              </a:cxn>
              <a:cxn ang="0">
                <a:pos x="connsiteX3187" y="connsiteY3187"/>
              </a:cxn>
              <a:cxn ang="0">
                <a:pos x="connsiteX3188" y="connsiteY3188"/>
              </a:cxn>
              <a:cxn ang="0">
                <a:pos x="connsiteX3189" y="connsiteY3189"/>
              </a:cxn>
              <a:cxn ang="0">
                <a:pos x="connsiteX3190" y="connsiteY3190"/>
              </a:cxn>
              <a:cxn ang="0">
                <a:pos x="connsiteX3191" y="connsiteY3191"/>
              </a:cxn>
              <a:cxn ang="0">
                <a:pos x="connsiteX3192" y="connsiteY3192"/>
              </a:cxn>
              <a:cxn ang="0">
                <a:pos x="connsiteX3193" y="connsiteY3193"/>
              </a:cxn>
              <a:cxn ang="0">
                <a:pos x="connsiteX3194" y="connsiteY3194"/>
              </a:cxn>
              <a:cxn ang="0">
                <a:pos x="connsiteX3195" y="connsiteY3195"/>
              </a:cxn>
              <a:cxn ang="0">
                <a:pos x="connsiteX3196" y="connsiteY3196"/>
              </a:cxn>
              <a:cxn ang="0">
                <a:pos x="connsiteX3197" y="connsiteY3197"/>
              </a:cxn>
              <a:cxn ang="0">
                <a:pos x="connsiteX3198" y="connsiteY3198"/>
              </a:cxn>
              <a:cxn ang="0">
                <a:pos x="connsiteX3199" y="connsiteY3199"/>
              </a:cxn>
              <a:cxn ang="0">
                <a:pos x="connsiteX3200" y="connsiteY3200"/>
              </a:cxn>
              <a:cxn ang="0">
                <a:pos x="connsiteX3201" y="connsiteY3201"/>
              </a:cxn>
              <a:cxn ang="0">
                <a:pos x="connsiteX3202" y="connsiteY3202"/>
              </a:cxn>
              <a:cxn ang="0">
                <a:pos x="connsiteX3203" y="connsiteY3203"/>
              </a:cxn>
              <a:cxn ang="0">
                <a:pos x="connsiteX3204" y="connsiteY3204"/>
              </a:cxn>
              <a:cxn ang="0">
                <a:pos x="connsiteX3205" y="connsiteY3205"/>
              </a:cxn>
              <a:cxn ang="0">
                <a:pos x="connsiteX3206" y="connsiteY3206"/>
              </a:cxn>
              <a:cxn ang="0">
                <a:pos x="connsiteX3207" y="connsiteY3207"/>
              </a:cxn>
              <a:cxn ang="0">
                <a:pos x="connsiteX3208" y="connsiteY3208"/>
              </a:cxn>
              <a:cxn ang="0">
                <a:pos x="connsiteX3209" y="connsiteY3209"/>
              </a:cxn>
              <a:cxn ang="0">
                <a:pos x="connsiteX3210" y="connsiteY3210"/>
              </a:cxn>
              <a:cxn ang="0">
                <a:pos x="connsiteX3211" y="connsiteY3211"/>
              </a:cxn>
              <a:cxn ang="0">
                <a:pos x="connsiteX3212" y="connsiteY3212"/>
              </a:cxn>
              <a:cxn ang="0">
                <a:pos x="connsiteX3213" y="connsiteY3213"/>
              </a:cxn>
              <a:cxn ang="0">
                <a:pos x="connsiteX3214" y="connsiteY3214"/>
              </a:cxn>
              <a:cxn ang="0">
                <a:pos x="connsiteX3215" y="connsiteY3215"/>
              </a:cxn>
              <a:cxn ang="0">
                <a:pos x="connsiteX3216" y="connsiteY3216"/>
              </a:cxn>
              <a:cxn ang="0">
                <a:pos x="connsiteX3217" y="connsiteY3217"/>
              </a:cxn>
              <a:cxn ang="0">
                <a:pos x="connsiteX3218" y="connsiteY3218"/>
              </a:cxn>
              <a:cxn ang="0">
                <a:pos x="connsiteX3219" y="connsiteY3219"/>
              </a:cxn>
              <a:cxn ang="0">
                <a:pos x="connsiteX3220" y="connsiteY3220"/>
              </a:cxn>
              <a:cxn ang="0">
                <a:pos x="connsiteX3221" y="connsiteY3221"/>
              </a:cxn>
              <a:cxn ang="0">
                <a:pos x="connsiteX3222" y="connsiteY3222"/>
              </a:cxn>
              <a:cxn ang="0">
                <a:pos x="connsiteX3223" y="connsiteY3223"/>
              </a:cxn>
              <a:cxn ang="0">
                <a:pos x="connsiteX3224" y="connsiteY3224"/>
              </a:cxn>
              <a:cxn ang="0">
                <a:pos x="connsiteX3225" y="connsiteY3225"/>
              </a:cxn>
              <a:cxn ang="0">
                <a:pos x="connsiteX3226" y="connsiteY3226"/>
              </a:cxn>
              <a:cxn ang="0">
                <a:pos x="connsiteX3227" y="connsiteY3227"/>
              </a:cxn>
              <a:cxn ang="0">
                <a:pos x="connsiteX3228" y="connsiteY3228"/>
              </a:cxn>
              <a:cxn ang="0">
                <a:pos x="connsiteX3229" y="connsiteY3229"/>
              </a:cxn>
              <a:cxn ang="0">
                <a:pos x="connsiteX3230" y="connsiteY3230"/>
              </a:cxn>
              <a:cxn ang="0">
                <a:pos x="connsiteX3231" y="connsiteY3231"/>
              </a:cxn>
              <a:cxn ang="0">
                <a:pos x="connsiteX3232" y="connsiteY3232"/>
              </a:cxn>
              <a:cxn ang="0">
                <a:pos x="connsiteX3233" y="connsiteY3233"/>
              </a:cxn>
              <a:cxn ang="0">
                <a:pos x="connsiteX3234" y="connsiteY3234"/>
              </a:cxn>
              <a:cxn ang="0">
                <a:pos x="connsiteX3235" y="connsiteY3235"/>
              </a:cxn>
              <a:cxn ang="0">
                <a:pos x="connsiteX3236" y="connsiteY3236"/>
              </a:cxn>
              <a:cxn ang="0">
                <a:pos x="connsiteX3237" y="connsiteY3237"/>
              </a:cxn>
              <a:cxn ang="0">
                <a:pos x="connsiteX3238" y="connsiteY3238"/>
              </a:cxn>
              <a:cxn ang="0">
                <a:pos x="connsiteX3239" y="connsiteY3239"/>
              </a:cxn>
              <a:cxn ang="0">
                <a:pos x="connsiteX3240" y="connsiteY3240"/>
              </a:cxn>
              <a:cxn ang="0">
                <a:pos x="connsiteX3241" y="connsiteY3241"/>
              </a:cxn>
              <a:cxn ang="0">
                <a:pos x="connsiteX3242" y="connsiteY3242"/>
              </a:cxn>
              <a:cxn ang="0">
                <a:pos x="connsiteX3243" y="connsiteY3243"/>
              </a:cxn>
              <a:cxn ang="0">
                <a:pos x="connsiteX3244" y="connsiteY3244"/>
              </a:cxn>
              <a:cxn ang="0">
                <a:pos x="connsiteX3245" y="connsiteY3245"/>
              </a:cxn>
              <a:cxn ang="0">
                <a:pos x="connsiteX3246" y="connsiteY3246"/>
              </a:cxn>
              <a:cxn ang="0">
                <a:pos x="connsiteX3247" y="connsiteY3247"/>
              </a:cxn>
              <a:cxn ang="0">
                <a:pos x="connsiteX3248" y="connsiteY3248"/>
              </a:cxn>
              <a:cxn ang="0">
                <a:pos x="connsiteX3249" y="connsiteY3249"/>
              </a:cxn>
              <a:cxn ang="0">
                <a:pos x="connsiteX3250" y="connsiteY3250"/>
              </a:cxn>
              <a:cxn ang="0">
                <a:pos x="connsiteX3251" y="connsiteY3251"/>
              </a:cxn>
              <a:cxn ang="0">
                <a:pos x="connsiteX3252" y="connsiteY3252"/>
              </a:cxn>
              <a:cxn ang="0">
                <a:pos x="connsiteX3253" y="connsiteY3253"/>
              </a:cxn>
              <a:cxn ang="0">
                <a:pos x="connsiteX3254" y="connsiteY3254"/>
              </a:cxn>
              <a:cxn ang="0">
                <a:pos x="connsiteX3255" y="connsiteY3255"/>
              </a:cxn>
              <a:cxn ang="0">
                <a:pos x="connsiteX3256" y="connsiteY3256"/>
              </a:cxn>
              <a:cxn ang="0">
                <a:pos x="connsiteX3257" y="connsiteY3257"/>
              </a:cxn>
              <a:cxn ang="0">
                <a:pos x="connsiteX3258" y="connsiteY3258"/>
              </a:cxn>
              <a:cxn ang="0">
                <a:pos x="connsiteX3259" y="connsiteY3259"/>
              </a:cxn>
              <a:cxn ang="0">
                <a:pos x="connsiteX3260" y="connsiteY3260"/>
              </a:cxn>
              <a:cxn ang="0">
                <a:pos x="connsiteX3261" y="connsiteY3261"/>
              </a:cxn>
              <a:cxn ang="0">
                <a:pos x="connsiteX3262" y="connsiteY3262"/>
              </a:cxn>
              <a:cxn ang="0">
                <a:pos x="connsiteX3263" y="connsiteY3263"/>
              </a:cxn>
              <a:cxn ang="0">
                <a:pos x="connsiteX3264" y="connsiteY3264"/>
              </a:cxn>
              <a:cxn ang="0">
                <a:pos x="connsiteX3265" y="connsiteY3265"/>
              </a:cxn>
              <a:cxn ang="0">
                <a:pos x="connsiteX3266" y="connsiteY3266"/>
              </a:cxn>
              <a:cxn ang="0">
                <a:pos x="connsiteX3267" y="connsiteY3267"/>
              </a:cxn>
              <a:cxn ang="0">
                <a:pos x="connsiteX3268" y="connsiteY3268"/>
              </a:cxn>
              <a:cxn ang="0">
                <a:pos x="connsiteX3269" y="connsiteY3269"/>
              </a:cxn>
              <a:cxn ang="0">
                <a:pos x="connsiteX3270" y="connsiteY3270"/>
              </a:cxn>
              <a:cxn ang="0">
                <a:pos x="connsiteX3271" y="connsiteY3271"/>
              </a:cxn>
              <a:cxn ang="0">
                <a:pos x="connsiteX3272" y="connsiteY3272"/>
              </a:cxn>
              <a:cxn ang="0">
                <a:pos x="connsiteX3273" y="connsiteY3273"/>
              </a:cxn>
              <a:cxn ang="0">
                <a:pos x="connsiteX3274" y="connsiteY3274"/>
              </a:cxn>
              <a:cxn ang="0">
                <a:pos x="connsiteX3275" y="connsiteY3275"/>
              </a:cxn>
              <a:cxn ang="0">
                <a:pos x="connsiteX3276" y="connsiteY3276"/>
              </a:cxn>
              <a:cxn ang="0">
                <a:pos x="connsiteX3277" y="connsiteY3277"/>
              </a:cxn>
              <a:cxn ang="0">
                <a:pos x="connsiteX3278" y="connsiteY3278"/>
              </a:cxn>
              <a:cxn ang="0">
                <a:pos x="connsiteX3279" y="connsiteY3279"/>
              </a:cxn>
              <a:cxn ang="0">
                <a:pos x="connsiteX3280" y="connsiteY3280"/>
              </a:cxn>
              <a:cxn ang="0">
                <a:pos x="connsiteX3281" y="connsiteY3281"/>
              </a:cxn>
              <a:cxn ang="0">
                <a:pos x="connsiteX3282" y="connsiteY3282"/>
              </a:cxn>
              <a:cxn ang="0">
                <a:pos x="connsiteX3283" y="connsiteY3283"/>
              </a:cxn>
              <a:cxn ang="0">
                <a:pos x="connsiteX3284" y="connsiteY3284"/>
              </a:cxn>
              <a:cxn ang="0">
                <a:pos x="connsiteX3285" y="connsiteY3285"/>
              </a:cxn>
              <a:cxn ang="0">
                <a:pos x="connsiteX3286" y="connsiteY3286"/>
              </a:cxn>
              <a:cxn ang="0">
                <a:pos x="connsiteX3287" y="connsiteY3287"/>
              </a:cxn>
              <a:cxn ang="0">
                <a:pos x="connsiteX3288" y="connsiteY3288"/>
              </a:cxn>
              <a:cxn ang="0">
                <a:pos x="connsiteX3289" y="connsiteY3289"/>
              </a:cxn>
              <a:cxn ang="0">
                <a:pos x="connsiteX3290" y="connsiteY3290"/>
              </a:cxn>
              <a:cxn ang="0">
                <a:pos x="connsiteX3291" y="connsiteY3291"/>
              </a:cxn>
              <a:cxn ang="0">
                <a:pos x="connsiteX3292" y="connsiteY3292"/>
              </a:cxn>
              <a:cxn ang="0">
                <a:pos x="connsiteX3293" y="connsiteY3293"/>
              </a:cxn>
              <a:cxn ang="0">
                <a:pos x="connsiteX3294" y="connsiteY3294"/>
              </a:cxn>
              <a:cxn ang="0">
                <a:pos x="connsiteX3295" y="connsiteY3295"/>
              </a:cxn>
              <a:cxn ang="0">
                <a:pos x="connsiteX3296" y="connsiteY3296"/>
              </a:cxn>
              <a:cxn ang="0">
                <a:pos x="connsiteX3297" y="connsiteY3297"/>
              </a:cxn>
              <a:cxn ang="0">
                <a:pos x="connsiteX3298" y="connsiteY3298"/>
              </a:cxn>
              <a:cxn ang="0">
                <a:pos x="connsiteX3299" y="connsiteY3299"/>
              </a:cxn>
              <a:cxn ang="0">
                <a:pos x="connsiteX3300" y="connsiteY3300"/>
              </a:cxn>
              <a:cxn ang="0">
                <a:pos x="connsiteX3301" y="connsiteY3301"/>
              </a:cxn>
              <a:cxn ang="0">
                <a:pos x="connsiteX3302" y="connsiteY3302"/>
              </a:cxn>
              <a:cxn ang="0">
                <a:pos x="connsiteX3303" y="connsiteY3303"/>
              </a:cxn>
              <a:cxn ang="0">
                <a:pos x="connsiteX3304" y="connsiteY3304"/>
              </a:cxn>
              <a:cxn ang="0">
                <a:pos x="connsiteX3305" y="connsiteY3305"/>
              </a:cxn>
              <a:cxn ang="0">
                <a:pos x="connsiteX3306" y="connsiteY3306"/>
              </a:cxn>
              <a:cxn ang="0">
                <a:pos x="connsiteX3307" y="connsiteY3307"/>
              </a:cxn>
              <a:cxn ang="0">
                <a:pos x="connsiteX3308" y="connsiteY3308"/>
              </a:cxn>
              <a:cxn ang="0">
                <a:pos x="connsiteX3309" y="connsiteY3309"/>
              </a:cxn>
              <a:cxn ang="0">
                <a:pos x="connsiteX3310" y="connsiteY3310"/>
              </a:cxn>
              <a:cxn ang="0">
                <a:pos x="connsiteX3311" y="connsiteY3311"/>
              </a:cxn>
              <a:cxn ang="0">
                <a:pos x="connsiteX3312" y="connsiteY3312"/>
              </a:cxn>
              <a:cxn ang="0">
                <a:pos x="connsiteX3313" y="connsiteY3313"/>
              </a:cxn>
              <a:cxn ang="0">
                <a:pos x="connsiteX3314" y="connsiteY3314"/>
              </a:cxn>
              <a:cxn ang="0">
                <a:pos x="connsiteX3315" y="connsiteY3315"/>
              </a:cxn>
              <a:cxn ang="0">
                <a:pos x="connsiteX3316" y="connsiteY3316"/>
              </a:cxn>
              <a:cxn ang="0">
                <a:pos x="connsiteX3317" y="connsiteY3317"/>
              </a:cxn>
              <a:cxn ang="0">
                <a:pos x="connsiteX3318" y="connsiteY3318"/>
              </a:cxn>
              <a:cxn ang="0">
                <a:pos x="connsiteX3319" y="connsiteY3319"/>
              </a:cxn>
              <a:cxn ang="0">
                <a:pos x="connsiteX3320" y="connsiteY3320"/>
              </a:cxn>
              <a:cxn ang="0">
                <a:pos x="connsiteX3321" y="connsiteY3321"/>
              </a:cxn>
              <a:cxn ang="0">
                <a:pos x="connsiteX3322" y="connsiteY3322"/>
              </a:cxn>
              <a:cxn ang="0">
                <a:pos x="connsiteX3323" y="connsiteY3323"/>
              </a:cxn>
              <a:cxn ang="0">
                <a:pos x="connsiteX3324" y="connsiteY3324"/>
              </a:cxn>
              <a:cxn ang="0">
                <a:pos x="connsiteX3325" y="connsiteY3325"/>
              </a:cxn>
              <a:cxn ang="0">
                <a:pos x="connsiteX3326" y="connsiteY3326"/>
              </a:cxn>
              <a:cxn ang="0">
                <a:pos x="connsiteX3327" y="connsiteY3327"/>
              </a:cxn>
              <a:cxn ang="0">
                <a:pos x="connsiteX3328" y="connsiteY3328"/>
              </a:cxn>
              <a:cxn ang="0">
                <a:pos x="connsiteX3329" y="connsiteY3329"/>
              </a:cxn>
              <a:cxn ang="0">
                <a:pos x="connsiteX3330" y="connsiteY3330"/>
              </a:cxn>
              <a:cxn ang="0">
                <a:pos x="connsiteX3331" y="connsiteY3331"/>
              </a:cxn>
              <a:cxn ang="0">
                <a:pos x="connsiteX3332" y="connsiteY3332"/>
              </a:cxn>
              <a:cxn ang="0">
                <a:pos x="connsiteX3333" y="connsiteY3333"/>
              </a:cxn>
              <a:cxn ang="0">
                <a:pos x="connsiteX3334" y="connsiteY3334"/>
              </a:cxn>
              <a:cxn ang="0">
                <a:pos x="connsiteX3335" y="connsiteY3335"/>
              </a:cxn>
              <a:cxn ang="0">
                <a:pos x="connsiteX3336" y="connsiteY3336"/>
              </a:cxn>
              <a:cxn ang="0">
                <a:pos x="connsiteX3337" y="connsiteY3337"/>
              </a:cxn>
              <a:cxn ang="0">
                <a:pos x="connsiteX3338" y="connsiteY3338"/>
              </a:cxn>
              <a:cxn ang="0">
                <a:pos x="connsiteX3339" y="connsiteY3339"/>
              </a:cxn>
              <a:cxn ang="0">
                <a:pos x="connsiteX3340" y="connsiteY3340"/>
              </a:cxn>
              <a:cxn ang="0">
                <a:pos x="connsiteX3341" y="connsiteY3341"/>
              </a:cxn>
              <a:cxn ang="0">
                <a:pos x="connsiteX3342" y="connsiteY3342"/>
              </a:cxn>
              <a:cxn ang="0">
                <a:pos x="connsiteX3343" y="connsiteY3343"/>
              </a:cxn>
              <a:cxn ang="0">
                <a:pos x="connsiteX3344" y="connsiteY3344"/>
              </a:cxn>
              <a:cxn ang="0">
                <a:pos x="connsiteX3345" y="connsiteY3345"/>
              </a:cxn>
              <a:cxn ang="0">
                <a:pos x="connsiteX3346" y="connsiteY3346"/>
              </a:cxn>
              <a:cxn ang="0">
                <a:pos x="connsiteX3347" y="connsiteY3347"/>
              </a:cxn>
              <a:cxn ang="0">
                <a:pos x="connsiteX3348" y="connsiteY3348"/>
              </a:cxn>
              <a:cxn ang="0">
                <a:pos x="connsiteX3349" y="connsiteY3349"/>
              </a:cxn>
              <a:cxn ang="0">
                <a:pos x="connsiteX3350" y="connsiteY3350"/>
              </a:cxn>
              <a:cxn ang="0">
                <a:pos x="connsiteX3351" y="connsiteY3351"/>
              </a:cxn>
              <a:cxn ang="0">
                <a:pos x="connsiteX3352" y="connsiteY3352"/>
              </a:cxn>
              <a:cxn ang="0">
                <a:pos x="connsiteX3353" y="connsiteY3353"/>
              </a:cxn>
              <a:cxn ang="0">
                <a:pos x="connsiteX3354" y="connsiteY3354"/>
              </a:cxn>
              <a:cxn ang="0">
                <a:pos x="connsiteX3355" y="connsiteY3355"/>
              </a:cxn>
              <a:cxn ang="0">
                <a:pos x="connsiteX3356" y="connsiteY3356"/>
              </a:cxn>
              <a:cxn ang="0">
                <a:pos x="connsiteX3357" y="connsiteY3357"/>
              </a:cxn>
              <a:cxn ang="0">
                <a:pos x="connsiteX3358" y="connsiteY3358"/>
              </a:cxn>
              <a:cxn ang="0">
                <a:pos x="connsiteX3359" y="connsiteY3359"/>
              </a:cxn>
              <a:cxn ang="0">
                <a:pos x="connsiteX3360" y="connsiteY3360"/>
              </a:cxn>
              <a:cxn ang="0">
                <a:pos x="connsiteX3361" y="connsiteY3361"/>
              </a:cxn>
              <a:cxn ang="0">
                <a:pos x="connsiteX3362" y="connsiteY3362"/>
              </a:cxn>
              <a:cxn ang="0">
                <a:pos x="connsiteX3363" y="connsiteY3363"/>
              </a:cxn>
              <a:cxn ang="0">
                <a:pos x="connsiteX3364" y="connsiteY3364"/>
              </a:cxn>
              <a:cxn ang="0">
                <a:pos x="connsiteX3365" y="connsiteY3365"/>
              </a:cxn>
              <a:cxn ang="0">
                <a:pos x="connsiteX3366" y="connsiteY3366"/>
              </a:cxn>
              <a:cxn ang="0">
                <a:pos x="connsiteX3367" y="connsiteY3367"/>
              </a:cxn>
              <a:cxn ang="0">
                <a:pos x="connsiteX3368" y="connsiteY3368"/>
              </a:cxn>
              <a:cxn ang="0">
                <a:pos x="connsiteX3369" y="connsiteY3369"/>
              </a:cxn>
              <a:cxn ang="0">
                <a:pos x="connsiteX3370" y="connsiteY3370"/>
              </a:cxn>
              <a:cxn ang="0">
                <a:pos x="connsiteX3371" y="connsiteY3371"/>
              </a:cxn>
              <a:cxn ang="0">
                <a:pos x="connsiteX3372" y="connsiteY3372"/>
              </a:cxn>
              <a:cxn ang="0">
                <a:pos x="connsiteX3373" y="connsiteY3373"/>
              </a:cxn>
              <a:cxn ang="0">
                <a:pos x="connsiteX3374" y="connsiteY3374"/>
              </a:cxn>
              <a:cxn ang="0">
                <a:pos x="connsiteX3375" y="connsiteY3375"/>
              </a:cxn>
              <a:cxn ang="0">
                <a:pos x="connsiteX3376" y="connsiteY3376"/>
              </a:cxn>
              <a:cxn ang="0">
                <a:pos x="connsiteX3377" y="connsiteY3377"/>
              </a:cxn>
              <a:cxn ang="0">
                <a:pos x="connsiteX3378" y="connsiteY3378"/>
              </a:cxn>
              <a:cxn ang="0">
                <a:pos x="connsiteX3379" y="connsiteY3379"/>
              </a:cxn>
              <a:cxn ang="0">
                <a:pos x="connsiteX3380" y="connsiteY3380"/>
              </a:cxn>
              <a:cxn ang="0">
                <a:pos x="connsiteX3381" y="connsiteY3381"/>
              </a:cxn>
              <a:cxn ang="0">
                <a:pos x="connsiteX3382" y="connsiteY3382"/>
              </a:cxn>
              <a:cxn ang="0">
                <a:pos x="connsiteX3383" y="connsiteY3383"/>
              </a:cxn>
              <a:cxn ang="0">
                <a:pos x="connsiteX3384" y="connsiteY3384"/>
              </a:cxn>
              <a:cxn ang="0">
                <a:pos x="connsiteX3385" y="connsiteY3385"/>
              </a:cxn>
              <a:cxn ang="0">
                <a:pos x="connsiteX3386" y="connsiteY3386"/>
              </a:cxn>
              <a:cxn ang="0">
                <a:pos x="connsiteX3387" y="connsiteY3387"/>
              </a:cxn>
              <a:cxn ang="0">
                <a:pos x="connsiteX3388" y="connsiteY3388"/>
              </a:cxn>
              <a:cxn ang="0">
                <a:pos x="connsiteX3389" y="connsiteY3389"/>
              </a:cxn>
              <a:cxn ang="0">
                <a:pos x="connsiteX3390" y="connsiteY3390"/>
              </a:cxn>
              <a:cxn ang="0">
                <a:pos x="connsiteX3391" y="connsiteY3391"/>
              </a:cxn>
              <a:cxn ang="0">
                <a:pos x="connsiteX3392" y="connsiteY3392"/>
              </a:cxn>
              <a:cxn ang="0">
                <a:pos x="connsiteX3393" y="connsiteY3393"/>
              </a:cxn>
              <a:cxn ang="0">
                <a:pos x="connsiteX3394" y="connsiteY3394"/>
              </a:cxn>
              <a:cxn ang="0">
                <a:pos x="connsiteX3395" y="connsiteY3395"/>
              </a:cxn>
              <a:cxn ang="0">
                <a:pos x="connsiteX3396" y="connsiteY3396"/>
              </a:cxn>
              <a:cxn ang="0">
                <a:pos x="connsiteX3397" y="connsiteY3397"/>
              </a:cxn>
              <a:cxn ang="0">
                <a:pos x="connsiteX3398" y="connsiteY3398"/>
              </a:cxn>
              <a:cxn ang="0">
                <a:pos x="connsiteX3399" y="connsiteY3399"/>
              </a:cxn>
              <a:cxn ang="0">
                <a:pos x="connsiteX3400" y="connsiteY3400"/>
              </a:cxn>
              <a:cxn ang="0">
                <a:pos x="connsiteX3401" y="connsiteY3401"/>
              </a:cxn>
              <a:cxn ang="0">
                <a:pos x="connsiteX3402" y="connsiteY3402"/>
              </a:cxn>
              <a:cxn ang="0">
                <a:pos x="connsiteX3403" y="connsiteY3403"/>
              </a:cxn>
              <a:cxn ang="0">
                <a:pos x="connsiteX3404" y="connsiteY3404"/>
              </a:cxn>
              <a:cxn ang="0">
                <a:pos x="connsiteX3405" y="connsiteY3405"/>
              </a:cxn>
              <a:cxn ang="0">
                <a:pos x="connsiteX3406" y="connsiteY3406"/>
              </a:cxn>
              <a:cxn ang="0">
                <a:pos x="connsiteX3407" y="connsiteY3407"/>
              </a:cxn>
              <a:cxn ang="0">
                <a:pos x="connsiteX3408" y="connsiteY3408"/>
              </a:cxn>
              <a:cxn ang="0">
                <a:pos x="connsiteX3409" y="connsiteY3409"/>
              </a:cxn>
              <a:cxn ang="0">
                <a:pos x="connsiteX3410" y="connsiteY3410"/>
              </a:cxn>
              <a:cxn ang="0">
                <a:pos x="connsiteX3411" y="connsiteY3411"/>
              </a:cxn>
              <a:cxn ang="0">
                <a:pos x="connsiteX3412" y="connsiteY3412"/>
              </a:cxn>
              <a:cxn ang="0">
                <a:pos x="connsiteX3413" y="connsiteY3413"/>
              </a:cxn>
              <a:cxn ang="0">
                <a:pos x="connsiteX3414" y="connsiteY3414"/>
              </a:cxn>
              <a:cxn ang="0">
                <a:pos x="connsiteX3415" y="connsiteY3415"/>
              </a:cxn>
              <a:cxn ang="0">
                <a:pos x="connsiteX3416" y="connsiteY3416"/>
              </a:cxn>
              <a:cxn ang="0">
                <a:pos x="connsiteX3417" y="connsiteY3417"/>
              </a:cxn>
              <a:cxn ang="0">
                <a:pos x="connsiteX3418" y="connsiteY3418"/>
              </a:cxn>
              <a:cxn ang="0">
                <a:pos x="connsiteX3419" y="connsiteY3419"/>
              </a:cxn>
              <a:cxn ang="0">
                <a:pos x="connsiteX3420" y="connsiteY3420"/>
              </a:cxn>
              <a:cxn ang="0">
                <a:pos x="connsiteX3421" y="connsiteY3421"/>
              </a:cxn>
              <a:cxn ang="0">
                <a:pos x="connsiteX3422" y="connsiteY3422"/>
              </a:cxn>
              <a:cxn ang="0">
                <a:pos x="connsiteX3423" y="connsiteY3423"/>
              </a:cxn>
              <a:cxn ang="0">
                <a:pos x="connsiteX3424" y="connsiteY3424"/>
              </a:cxn>
              <a:cxn ang="0">
                <a:pos x="connsiteX3425" y="connsiteY3425"/>
              </a:cxn>
              <a:cxn ang="0">
                <a:pos x="connsiteX3426" y="connsiteY3426"/>
              </a:cxn>
              <a:cxn ang="0">
                <a:pos x="connsiteX3427" y="connsiteY3427"/>
              </a:cxn>
              <a:cxn ang="0">
                <a:pos x="connsiteX3428" y="connsiteY3428"/>
              </a:cxn>
              <a:cxn ang="0">
                <a:pos x="connsiteX3429" y="connsiteY3429"/>
              </a:cxn>
              <a:cxn ang="0">
                <a:pos x="connsiteX3430" y="connsiteY3430"/>
              </a:cxn>
              <a:cxn ang="0">
                <a:pos x="connsiteX3431" y="connsiteY3431"/>
              </a:cxn>
              <a:cxn ang="0">
                <a:pos x="connsiteX3432" y="connsiteY3432"/>
              </a:cxn>
              <a:cxn ang="0">
                <a:pos x="connsiteX3433" y="connsiteY3433"/>
              </a:cxn>
              <a:cxn ang="0">
                <a:pos x="connsiteX3434" y="connsiteY3434"/>
              </a:cxn>
              <a:cxn ang="0">
                <a:pos x="connsiteX3435" y="connsiteY3435"/>
              </a:cxn>
              <a:cxn ang="0">
                <a:pos x="connsiteX3436" y="connsiteY3436"/>
              </a:cxn>
              <a:cxn ang="0">
                <a:pos x="connsiteX3437" y="connsiteY3437"/>
              </a:cxn>
              <a:cxn ang="0">
                <a:pos x="connsiteX3438" y="connsiteY3438"/>
              </a:cxn>
              <a:cxn ang="0">
                <a:pos x="connsiteX3439" y="connsiteY3439"/>
              </a:cxn>
              <a:cxn ang="0">
                <a:pos x="connsiteX3440" y="connsiteY3440"/>
              </a:cxn>
              <a:cxn ang="0">
                <a:pos x="connsiteX3441" y="connsiteY3441"/>
              </a:cxn>
              <a:cxn ang="0">
                <a:pos x="connsiteX3442" y="connsiteY3442"/>
              </a:cxn>
              <a:cxn ang="0">
                <a:pos x="connsiteX3443" y="connsiteY3443"/>
              </a:cxn>
              <a:cxn ang="0">
                <a:pos x="connsiteX3444" y="connsiteY3444"/>
              </a:cxn>
              <a:cxn ang="0">
                <a:pos x="connsiteX3445" y="connsiteY3445"/>
              </a:cxn>
              <a:cxn ang="0">
                <a:pos x="connsiteX3446" y="connsiteY3446"/>
              </a:cxn>
              <a:cxn ang="0">
                <a:pos x="connsiteX3447" y="connsiteY3447"/>
              </a:cxn>
              <a:cxn ang="0">
                <a:pos x="connsiteX3448" y="connsiteY3448"/>
              </a:cxn>
              <a:cxn ang="0">
                <a:pos x="connsiteX3449" y="connsiteY3449"/>
              </a:cxn>
              <a:cxn ang="0">
                <a:pos x="connsiteX3450" y="connsiteY3450"/>
              </a:cxn>
              <a:cxn ang="0">
                <a:pos x="connsiteX3451" y="connsiteY3451"/>
              </a:cxn>
              <a:cxn ang="0">
                <a:pos x="connsiteX3452" y="connsiteY3452"/>
              </a:cxn>
              <a:cxn ang="0">
                <a:pos x="connsiteX3453" y="connsiteY3453"/>
              </a:cxn>
              <a:cxn ang="0">
                <a:pos x="connsiteX3454" y="connsiteY3454"/>
              </a:cxn>
              <a:cxn ang="0">
                <a:pos x="connsiteX3455" y="connsiteY3455"/>
              </a:cxn>
              <a:cxn ang="0">
                <a:pos x="connsiteX3456" y="connsiteY3456"/>
              </a:cxn>
              <a:cxn ang="0">
                <a:pos x="connsiteX3457" y="connsiteY3457"/>
              </a:cxn>
              <a:cxn ang="0">
                <a:pos x="connsiteX3458" y="connsiteY3458"/>
              </a:cxn>
              <a:cxn ang="0">
                <a:pos x="connsiteX3459" y="connsiteY3459"/>
              </a:cxn>
              <a:cxn ang="0">
                <a:pos x="connsiteX3460" y="connsiteY3460"/>
              </a:cxn>
              <a:cxn ang="0">
                <a:pos x="connsiteX3461" y="connsiteY3461"/>
              </a:cxn>
              <a:cxn ang="0">
                <a:pos x="connsiteX3462" y="connsiteY3462"/>
              </a:cxn>
              <a:cxn ang="0">
                <a:pos x="connsiteX3463" y="connsiteY3463"/>
              </a:cxn>
              <a:cxn ang="0">
                <a:pos x="connsiteX3464" y="connsiteY3464"/>
              </a:cxn>
              <a:cxn ang="0">
                <a:pos x="connsiteX3465" y="connsiteY3465"/>
              </a:cxn>
              <a:cxn ang="0">
                <a:pos x="connsiteX3466" y="connsiteY3466"/>
              </a:cxn>
              <a:cxn ang="0">
                <a:pos x="connsiteX3467" y="connsiteY3467"/>
              </a:cxn>
              <a:cxn ang="0">
                <a:pos x="connsiteX3468" y="connsiteY3468"/>
              </a:cxn>
              <a:cxn ang="0">
                <a:pos x="connsiteX3469" y="connsiteY3469"/>
              </a:cxn>
              <a:cxn ang="0">
                <a:pos x="connsiteX3470" y="connsiteY3470"/>
              </a:cxn>
              <a:cxn ang="0">
                <a:pos x="connsiteX3471" y="connsiteY3471"/>
              </a:cxn>
              <a:cxn ang="0">
                <a:pos x="connsiteX3472" y="connsiteY3472"/>
              </a:cxn>
              <a:cxn ang="0">
                <a:pos x="connsiteX3473" y="connsiteY3473"/>
              </a:cxn>
              <a:cxn ang="0">
                <a:pos x="connsiteX3474" y="connsiteY3474"/>
              </a:cxn>
              <a:cxn ang="0">
                <a:pos x="connsiteX3475" y="connsiteY3475"/>
              </a:cxn>
              <a:cxn ang="0">
                <a:pos x="connsiteX3476" y="connsiteY3476"/>
              </a:cxn>
              <a:cxn ang="0">
                <a:pos x="connsiteX3477" y="connsiteY3477"/>
              </a:cxn>
              <a:cxn ang="0">
                <a:pos x="connsiteX3478" y="connsiteY3478"/>
              </a:cxn>
              <a:cxn ang="0">
                <a:pos x="connsiteX3479" y="connsiteY3479"/>
              </a:cxn>
              <a:cxn ang="0">
                <a:pos x="connsiteX3480" y="connsiteY3480"/>
              </a:cxn>
              <a:cxn ang="0">
                <a:pos x="connsiteX3481" y="connsiteY3481"/>
              </a:cxn>
              <a:cxn ang="0">
                <a:pos x="connsiteX3482" y="connsiteY3482"/>
              </a:cxn>
              <a:cxn ang="0">
                <a:pos x="connsiteX3483" y="connsiteY3483"/>
              </a:cxn>
              <a:cxn ang="0">
                <a:pos x="connsiteX3484" y="connsiteY3484"/>
              </a:cxn>
              <a:cxn ang="0">
                <a:pos x="connsiteX3485" y="connsiteY3485"/>
              </a:cxn>
              <a:cxn ang="0">
                <a:pos x="connsiteX3486" y="connsiteY3486"/>
              </a:cxn>
              <a:cxn ang="0">
                <a:pos x="connsiteX3487" y="connsiteY3487"/>
              </a:cxn>
              <a:cxn ang="0">
                <a:pos x="connsiteX3488" y="connsiteY3488"/>
              </a:cxn>
              <a:cxn ang="0">
                <a:pos x="connsiteX3489" y="connsiteY3489"/>
              </a:cxn>
              <a:cxn ang="0">
                <a:pos x="connsiteX3490" y="connsiteY3490"/>
              </a:cxn>
              <a:cxn ang="0">
                <a:pos x="connsiteX3491" y="connsiteY3491"/>
              </a:cxn>
              <a:cxn ang="0">
                <a:pos x="connsiteX3492" y="connsiteY3492"/>
              </a:cxn>
              <a:cxn ang="0">
                <a:pos x="connsiteX3493" y="connsiteY3493"/>
              </a:cxn>
              <a:cxn ang="0">
                <a:pos x="connsiteX3494" y="connsiteY3494"/>
              </a:cxn>
              <a:cxn ang="0">
                <a:pos x="connsiteX3495" y="connsiteY3495"/>
              </a:cxn>
              <a:cxn ang="0">
                <a:pos x="connsiteX3496" y="connsiteY3496"/>
              </a:cxn>
              <a:cxn ang="0">
                <a:pos x="connsiteX3497" y="connsiteY3497"/>
              </a:cxn>
              <a:cxn ang="0">
                <a:pos x="connsiteX3498" y="connsiteY3498"/>
              </a:cxn>
              <a:cxn ang="0">
                <a:pos x="connsiteX3499" y="connsiteY3499"/>
              </a:cxn>
              <a:cxn ang="0">
                <a:pos x="connsiteX3500" y="connsiteY3500"/>
              </a:cxn>
              <a:cxn ang="0">
                <a:pos x="connsiteX3501" y="connsiteY3501"/>
              </a:cxn>
              <a:cxn ang="0">
                <a:pos x="connsiteX3502" y="connsiteY3502"/>
              </a:cxn>
              <a:cxn ang="0">
                <a:pos x="connsiteX3503" y="connsiteY3503"/>
              </a:cxn>
              <a:cxn ang="0">
                <a:pos x="connsiteX3504" y="connsiteY3504"/>
              </a:cxn>
              <a:cxn ang="0">
                <a:pos x="connsiteX3505" y="connsiteY3505"/>
              </a:cxn>
              <a:cxn ang="0">
                <a:pos x="connsiteX3506" y="connsiteY3506"/>
              </a:cxn>
              <a:cxn ang="0">
                <a:pos x="connsiteX3507" y="connsiteY3507"/>
              </a:cxn>
              <a:cxn ang="0">
                <a:pos x="connsiteX3508" y="connsiteY3508"/>
              </a:cxn>
              <a:cxn ang="0">
                <a:pos x="connsiteX3509" y="connsiteY3509"/>
              </a:cxn>
              <a:cxn ang="0">
                <a:pos x="connsiteX3510" y="connsiteY3510"/>
              </a:cxn>
              <a:cxn ang="0">
                <a:pos x="connsiteX3511" y="connsiteY3511"/>
              </a:cxn>
              <a:cxn ang="0">
                <a:pos x="connsiteX3512" y="connsiteY3512"/>
              </a:cxn>
              <a:cxn ang="0">
                <a:pos x="connsiteX3513" y="connsiteY3513"/>
              </a:cxn>
              <a:cxn ang="0">
                <a:pos x="connsiteX3514" y="connsiteY3514"/>
              </a:cxn>
              <a:cxn ang="0">
                <a:pos x="connsiteX3515" y="connsiteY3515"/>
              </a:cxn>
              <a:cxn ang="0">
                <a:pos x="connsiteX3516" y="connsiteY3516"/>
              </a:cxn>
              <a:cxn ang="0">
                <a:pos x="connsiteX3517" y="connsiteY3517"/>
              </a:cxn>
              <a:cxn ang="0">
                <a:pos x="connsiteX3518" y="connsiteY3518"/>
              </a:cxn>
              <a:cxn ang="0">
                <a:pos x="connsiteX3519" y="connsiteY3519"/>
              </a:cxn>
              <a:cxn ang="0">
                <a:pos x="connsiteX3520" y="connsiteY3520"/>
              </a:cxn>
              <a:cxn ang="0">
                <a:pos x="connsiteX3521" y="connsiteY3521"/>
              </a:cxn>
              <a:cxn ang="0">
                <a:pos x="connsiteX3522" y="connsiteY3522"/>
              </a:cxn>
              <a:cxn ang="0">
                <a:pos x="connsiteX3523" y="connsiteY3523"/>
              </a:cxn>
              <a:cxn ang="0">
                <a:pos x="connsiteX3524" y="connsiteY3524"/>
              </a:cxn>
              <a:cxn ang="0">
                <a:pos x="connsiteX3525" y="connsiteY3525"/>
              </a:cxn>
              <a:cxn ang="0">
                <a:pos x="connsiteX3526" y="connsiteY3526"/>
              </a:cxn>
              <a:cxn ang="0">
                <a:pos x="connsiteX3527" y="connsiteY3527"/>
              </a:cxn>
              <a:cxn ang="0">
                <a:pos x="connsiteX3528" y="connsiteY3528"/>
              </a:cxn>
              <a:cxn ang="0">
                <a:pos x="connsiteX3529" y="connsiteY3529"/>
              </a:cxn>
              <a:cxn ang="0">
                <a:pos x="connsiteX3530" y="connsiteY3530"/>
              </a:cxn>
              <a:cxn ang="0">
                <a:pos x="connsiteX3531" y="connsiteY3531"/>
              </a:cxn>
              <a:cxn ang="0">
                <a:pos x="connsiteX3532" y="connsiteY3532"/>
              </a:cxn>
              <a:cxn ang="0">
                <a:pos x="connsiteX3533" y="connsiteY3533"/>
              </a:cxn>
              <a:cxn ang="0">
                <a:pos x="connsiteX3534" y="connsiteY3534"/>
              </a:cxn>
              <a:cxn ang="0">
                <a:pos x="connsiteX3535" y="connsiteY3535"/>
              </a:cxn>
              <a:cxn ang="0">
                <a:pos x="connsiteX3536" y="connsiteY3536"/>
              </a:cxn>
              <a:cxn ang="0">
                <a:pos x="connsiteX3537" y="connsiteY3537"/>
              </a:cxn>
              <a:cxn ang="0">
                <a:pos x="connsiteX3538" y="connsiteY3538"/>
              </a:cxn>
              <a:cxn ang="0">
                <a:pos x="connsiteX3539" y="connsiteY3539"/>
              </a:cxn>
              <a:cxn ang="0">
                <a:pos x="connsiteX3540" y="connsiteY3540"/>
              </a:cxn>
              <a:cxn ang="0">
                <a:pos x="connsiteX3541" y="connsiteY3541"/>
              </a:cxn>
              <a:cxn ang="0">
                <a:pos x="connsiteX3542" y="connsiteY3542"/>
              </a:cxn>
              <a:cxn ang="0">
                <a:pos x="connsiteX3543" y="connsiteY3543"/>
              </a:cxn>
              <a:cxn ang="0">
                <a:pos x="connsiteX3544" y="connsiteY3544"/>
              </a:cxn>
              <a:cxn ang="0">
                <a:pos x="connsiteX3545" y="connsiteY3545"/>
              </a:cxn>
              <a:cxn ang="0">
                <a:pos x="connsiteX3546" y="connsiteY3546"/>
              </a:cxn>
              <a:cxn ang="0">
                <a:pos x="connsiteX3547" y="connsiteY3547"/>
              </a:cxn>
              <a:cxn ang="0">
                <a:pos x="connsiteX3548" y="connsiteY3548"/>
              </a:cxn>
              <a:cxn ang="0">
                <a:pos x="connsiteX3549" y="connsiteY3549"/>
              </a:cxn>
              <a:cxn ang="0">
                <a:pos x="connsiteX3550" y="connsiteY3550"/>
              </a:cxn>
              <a:cxn ang="0">
                <a:pos x="connsiteX3551" y="connsiteY3551"/>
              </a:cxn>
              <a:cxn ang="0">
                <a:pos x="connsiteX3552" y="connsiteY3552"/>
              </a:cxn>
              <a:cxn ang="0">
                <a:pos x="connsiteX3553" y="connsiteY3553"/>
              </a:cxn>
              <a:cxn ang="0">
                <a:pos x="connsiteX3554" y="connsiteY3554"/>
              </a:cxn>
              <a:cxn ang="0">
                <a:pos x="connsiteX3555" y="connsiteY3555"/>
              </a:cxn>
              <a:cxn ang="0">
                <a:pos x="connsiteX3556" y="connsiteY3556"/>
              </a:cxn>
              <a:cxn ang="0">
                <a:pos x="connsiteX3557" y="connsiteY3557"/>
              </a:cxn>
              <a:cxn ang="0">
                <a:pos x="connsiteX3558" y="connsiteY3558"/>
              </a:cxn>
              <a:cxn ang="0">
                <a:pos x="connsiteX3559" y="connsiteY3559"/>
              </a:cxn>
              <a:cxn ang="0">
                <a:pos x="connsiteX3560" y="connsiteY3560"/>
              </a:cxn>
              <a:cxn ang="0">
                <a:pos x="connsiteX3561" y="connsiteY3561"/>
              </a:cxn>
              <a:cxn ang="0">
                <a:pos x="connsiteX3562" y="connsiteY3562"/>
              </a:cxn>
              <a:cxn ang="0">
                <a:pos x="connsiteX3563" y="connsiteY3563"/>
              </a:cxn>
              <a:cxn ang="0">
                <a:pos x="connsiteX3564" y="connsiteY3564"/>
              </a:cxn>
              <a:cxn ang="0">
                <a:pos x="connsiteX3565" y="connsiteY3565"/>
              </a:cxn>
              <a:cxn ang="0">
                <a:pos x="connsiteX3566" y="connsiteY3566"/>
              </a:cxn>
              <a:cxn ang="0">
                <a:pos x="connsiteX3567" y="connsiteY3567"/>
              </a:cxn>
              <a:cxn ang="0">
                <a:pos x="connsiteX3568" y="connsiteY3568"/>
              </a:cxn>
              <a:cxn ang="0">
                <a:pos x="connsiteX3569" y="connsiteY3569"/>
              </a:cxn>
              <a:cxn ang="0">
                <a:pos x="connsiteX3570" y="connsiteY3570"/>
              </a:cxn>
              <a:cxn ang="0">
                <a:pos x="connsiteX3571" y="connsiteY3571"/>
              </a:cxn>
              <a:cxn ang="0">
                <a:pos x="connsiteX3572" y="connsiteY3572"/>
              </a:cxn>
              <a:cxn ang="0">
                <a:pos x="connsiteX3573" y="connsiteY3573"/>
              </a:cxn>
              <a:cxn ang="0">
                <a:pos x="connsiteX3574" y="connsiteY3574"/>
              </a:cxn>
              <a:cxn ang="0">
                <a:pos x="connsiteX3575" y="connsiteY3575"/>
              </a:cxn>
              <a:cxn ang="0">
                <a:pos x="connsiteX3576" y="connsiteY3576"/>
              </a:cxn>
              <a:cxn ang="0">
                <a:pos x="connsiteX3577" y="connsiteY3577"/>
              </a:cxn>
              <a:cxn ang="0">
                <a:pos x="connsiteX3578" y="connsiteY3578"/>
              </a:cxn>
              <a:cxn ang="0">
                <a:pos x="connsiteX3579" y="connsiteY3579"/>
              </a:cxn>
              <a:cxn ang="0">
                <a:pos x="connsiteX3580" y="connsiteY3580"/>
              </a:cxn>
              <a:cxn ang="0">
                <a:pos x="connsiteX3581" y="connsiteY3581"/>
              </a:cxn>
              <a:cxn ang="0">
                <a:pos x="connsiteX3582" y="connsiteY3582"/>
              </a:cxn>
              <a:cxn ang="0">
                <a:pos x="connsiteX3583" y="connsiteY3583"/>
              </a:cxn>
              <a:cxn ang="0">
                <a:pos x="connsiteX3584" y="connsiteY3584"/>
              </a:cxn>
              <a:cxn ang="0">
                <a:pos x="connsiteX3585" y="connsiteY3585"/>
              </a:cxn>
              <a:cxn ang="0">
                <a:pos x="connsiteX3586" y="connsiteY3586"/>
              </a:cxn>
              <a:cxn ang="0">
                <a:pos x="connsiteX3587" y="connsiteY3587"/>
              </a:cxn>
              <a:cxn ang="0">
                <a:pos x="connsiteX3588" y="connsiteY3588"/>
              </a:cxn>
              <a:cxn ang="0">
                <a:pos x="connsiteX3589" y="connsiteY3589"/>
              </a:cxn>
              <a:cxn ang="0">
                <a:pos x="connsiteX3590" y="connsiteY3590"/>
              </a:cxn>
              <a:cxn ang="0">
                <a:pos x="connsiteX3591" y="connsiteY3591"/>
              </a:cxn>
              <a:cxn ang="0">
                <a:pos x="connsiteX3592" y="connsiteY3592"/>
              </a:cxn>
              <a:cxn ang="0">
                <a:pos x="connsiteX3593" y="connsiteY3593"/>
              </a:cxn>
              <a:cxn ang="0">
                <a:pos x="connsiteX3594" y="connsiteY3594"/>
              </a:cxn>
              <a:cxn ang="0">
                <a:pos x="connsiteX3595" y="connsiteY3595"/>
              </a:cxn>
              <a:cxn ang="0">
                <a:pos x="connsiteX3596" y="connsiteY3596"/>
              </a:cxn>
              <a:cxn ang="0">
                <a:pos x="connsiteX3597" y="connsiteY3597"/>
              </a:cxn>
              <a:cxn ang="0">
                <a:pos x="connsiteX3598" y="connsiteY3598"/>
              </a:cxn>
              <a:cxn ang="0">
                <a:pos x="connsiteX3599" y="connsiteY3599"/>
              </a:cxn>
              <a:cxn ang="0">
                <a:pos x="connsiteX3600" y="connsiteY3600"/>
              </a:cxn>
              <a:cxn ang="0">
                <a:pos x="connsiteX3601" y="connsiteY3601"/>
              </a:cxn>
              <a:cxn ang="0">
                <a:pos x="connsiteX3602" y="connsiteY3602"/>
              </a:cxn>
              <a:cxn ang="0">
                <a:pos x="connsiteX3603" y="connsiteY3603"/>
              </a:cxn>
              <a:cxn ang="0">
                <a:pos x="connsiteX3604" y="connsiteY3604"/>
              </a:cxn>
              <a:cxn ang="0">
                <a:pos x="connsiteX3605" y="connsiteY3605"/>
              </a:cxn>
              <a:cxn ang="0">
                <a:pos x="connsiteX3606" y="connsiteY3606"/>
              </a:cxn>
              <a:cxn ang="0">
                <a:pos x="connsiteX3607" y="connsiteY3607"/>
              </a:cxn>
              <a:cxn ang="0">
                <a:pos x="connsiteX3608" y="connsiteY3608"/>
              </a:cxn>
              <a:cxn ang="0">
                <a:pos x="connsiteX3609" y="connsiteY3609"/>
              </a:cxn>
              <a:cxn ang="0">
                <a:pos x="connsiteX3610" y="connsiteY3610"/>
              </a:cxn>
              <a:cxn ang="0">
                <a:pos x="connsiteX3611" y="connsiteY3611"/>
              </a:cxn>
              <a:cxn ang="0">
                <a:pos x="connsiteX3612" y="connsiteY3612"/>
              </a:cxn>
              <a:cxn ang="0">
                <a:pos x="connsiteX3613" y="connsiteY3613"/>
              </a:cxn>
              <a:cxn ang="0">
                <a:pos x="connsiteX3614" y="connsiteY3614"/>
              </a:cxn>
              <a:cxn ang="0">
                <a:pos x="connsiteX3615" y="connsiteY3615"/>
              </a:cxn>
              <a:cxn ang="0">
                <a:pos x="connsiteX3616" y="connsiteY3616"/>
              </a:cxn>
              <a:cxn ang="0">
                <a:pos x="connsiteX3617" y="connsiteY3617"/>
              </a:cxn>
              <a:cxn ang="0">
                <a:pos x="connsiteX3618" y="connsiteY3618"/>
              </a:cxn>
              <a:cxn ang="0">
                <a:pos x="connsiteX3619" y="connsiteY3619"/>
              </a:cxn>
              <a:cxn ang="0">
                <a:pos x="connsiteX3620" y="connsiteY3620"/>
              </a:cxn>
              <a:cxn ang="0">
                <a:pos x="connsiteX3621" y="connsiteY3621"/>
              </a:cxn>
              <a:cxn ang="0">
                <a:pos x="connsiteX3622" y="connsiteY3622"/>
              </a:cxn>
              <a:cxn ang="0">
                <a:pos x="connsiteX3623" y="connsiteY3623"/>
              </a:cxn>
              <a:cxn ang="0">
                <a:pos x="connsiteX3624" y="connsiteY3624"/>
              </a:cxn>
              <a:cxn ang="0">
                <a:pos x="connsiteX3625" y="connsiteY3625"/>
              </a:cxn>
              <a:cxn ang="0">
                <a:pos x="connsiteX3626" y="connsiteY3626"/>
              </a:cxn>
              <a:cxn ang="0">
                <a:pos x="connsiteX3627" y="connsiteY3627"/>
              </a:cxn>
              <a:cxn ang="0">
                <a:pos x="connsiteX3628" y="connsiteY3628"/>
              </a:cxn>
              <a:cxn ang="0">
                <a:pos x="connsiteX3629" y="connsiteY3629"/>
              </a:cxn>
              <a:cxn ang="0">
                <a:pos x="connsiteX3630" y="connsiteY3630"/>
              </a:cxn>
              <a:cxn ang="0">
                <a:pos x="connsiteX3631" y="connsiteY3631"/>
              </a:cxn>
              <a:cxn ang="0">
                <a:pos x="connsiteX3632" y="connsiteY3632"/>
              </a:cxn>
              <a:cxn ang="0">
                <a:pos x="connsiteX3633" y="connsiteY3633"/>
              </a:cxn>
              <a:cxn ang="0">
                <a:pos x="connsiteX3634" y="connsiteY3634"/>
              </a:cxn>
              <a:cxn ang="0">
                <a:pos x="connsiteX3635" y="connsiteY3635"/>
              </a:cxn>
              <a:cxn ang="0">
                <a:pos x="connsiteX3636" y="connsiteY3636"/>
              </a:cxn>
              <a:cxn ang="0">
                <a:pos x="connsiteX3637" y="connsiteY3637"/>
              </a:cxn>
              <a:cxn ang="0">
                <a:pos x="connsiteX3638" y="connsiteY3638"/>
              </a:cxn>
              <a:cxn ang="0">
                <a:pos x="connsiteX3639" y="connsiteY3639"/>
              </a:cxn>
              <a:cxn ang="0">
                <a:pos x="connsiteX3640" y="connsiteY3640"/>
              </a:cxn>
              <a:cxn ang="0">
                <a:pos x="connsiteX3641" y="connsiteY3641"/>
              </a:cxn>
              <a:cxn ang="0">
                <a:pos x="connsiteX3642" y="connsiteY3642"/>
              </a:cxn>
              <a:cxn ang="0">
                <a:pos x="connsiteX3643" y="connsiteY3643"/>
              </a:cxn>
              <a:cxn ang="0">
                <a:pos x="connsiteX3644" y="connsiteY3644"/>
              </a:cxn>
              <a:cxn ang="0">
                <a:pos x="connsiteX3645" y="connsiteY3645"/>
              </a:cxn>
              <a:cxn ang="0">
                <a:pos x="connsiteX3646" y="connsiteY3646"/>
              </a:cxn>
              <a:cxn ang="0">
                <a:pos x="connsiteX3647" y="connsiteY3647"/>
              </a:cxn>
              <a:cxn ang="0">
                <a:pos x="connsiteX3648" y="connsiteY3648"/>
              </a:cxn>
              <a:cxn ang="0">
                <a:pos x="connsiteX3649" y="connsiteY3649"/>
              </a:cxn>
              <a:cxn ang="0">
                <a:pos x="connsiteX3650" y="connsiteY3650"/>
              </a:cxn>
              <a:cxn ang="0">
                <a:pos x="connsiteX3651" y="connsiteY3651"/>
              </a:cxn>
              <a:cxn ang="0">
                <a:pos x="connsiteX3652" y="connsiteY3652"/>
              </a:cxn>
              <a:cxn ang="0">
                <a:pos x="connsiteX3653" y="connsiteY3653"/>
              </a:cxn>
              <a:cxn ang="0">
                <a:pos x="connsiteX3654" y="connsiteY3654"/>
              </a:cxn>
              <a:cxn ang="0">
                <a:pos x="connsiteX3655" y="connsiteY3655"/>
              </a:cxn>
              <a:cxn ang="0">
                <a:pos x="connsiteX3656" y="connsiteY3656"/>
              </a:cxn>
              <a:cxn ang="0">
                <a:pos x="connsiteX3657" y="connsiteY3657"/>
              </a:cxn>
              <a:cxn ang="0">
                <a:pos x="connsiteX3658" y="connsiteY3658"/>
              </a:cxn>
              <a:cxn ang="0">
                <a:pos x="connsiteX3659" y="connsiteY3659"/>
              </a:cxn>
              <a:cxn ang="0">
                <a:pos x="connsiteX3660" y="connsiteY3660"/>
              </a:cxn>
              <a:cxn ang="0">
                <a:pos x="connsiteX3661" y="connsiteY3661"/>
              </a:cxn>
              <a:cxn ang="0">
                <a:pos x="connsiteX3662" y="connsiteY3662"/>
              </a:cxn>
              <a:cxn ang="0">
                <a:pos x="connsiteX3663" y="connsiteY3663"/>
              </a:cxn>
              <a:cxn ang="0">
                <a:pos x="connsiteX3664" y="connsiteY3664"/>
              </a:cxn>
              <a:cxn ang="0">
                <a:pos x="connsiteX3665" y="connsiteY3665"/>
              </a:cxn>
              <a:cxn ang="0">
                <a:pos x="connsiteX3666" y="connsiteY3666"/>
              </a:cxn>
              <a:cxn ang="0">
                <a:pos x="connsiteX3667" y="connsiteY3667"/>
              </a:cxn>
              <a:cxn ang="0">
                <a:pos x="connsiteX3668" y="connsiteY3668"/>
              </a:cxn>
              <a:cxn ang="0">
                <a:pos x="connsiteX3669" y="connsiteY3669"/>
              </a:cxn>
              <a:cxn ang="0">
                <a:pos x="connsiteX3670" y="connsiteY3670"/>
              </a:cxn>
              <a:cxn ang="0">
                <a:pos x="connsiteX3671" y="connsiteY3671"/>
              </a:cxn>
              <a:cxn ang="0">
                <a:pos x="connsiteX3672" y="connsiteY3672"/>
              </a:cxn>
              <a:cxn ang="0">
                <a:pos x="connsiteX3673" y="connsiteY3673"/>
              </a:cxn>
              <a:cxn ang="0">
                <a:pos x="connsiteX3674" y="connsiteY3674"/>
              </a:cxn>
              <a:cxn ang="0">
                <a:pos x="connsiteX3675" y="connsiteY3675"/>
              </a:cxn>
              <a:cxn ang="0">
                <a:pos x="connsiteX3676" y="connsiteY3676"/>
              </a:cxn>
              <a:cxn ang="0">
                <a:pos x="connsiteX3677" y="connsiteY3677"/>
              </a:cxn>
              <a:cxn ang="0">
                <a:pos x="connsiteX3678" y="connsiteY3678"/>
              </a:cxn>
              <a:cxn ang="0">
                <a:pos x="connsiteX3679" y="connsiteY3679"/>
              </a:cxn>
              <a:cxn ang="0">
                <a:pos x="connsiteX3680" y="connsiteY3680"/>
              </a:cxn>
              <a:cxn ang="0">
                <a:pos x="connsiteX3681" y="connsiteY3681"/>
              </a:cxn>
              <a:cxn ang="0">
                <a:pos x="connsiteX3682" y="connsiteY3682"/>
              </a:cxn>
              <a:cxn ang="0">
                <a:pos x="connsiteX3683" y="connsiteY3683"/>
              </a:cxn>
              <a:cxn ang="0">
                <a:pos x="connsiteX3684" y="connsiteY3684"/>
              </a:cxn>
              <a:cxn ang="0">
                <a:pos x="connsiteX3685" y="connsiteY3685"/>
              </a:cxn>
              <a:cxn ang="0">
                <a:pos x="connsiteX3686" y="connsiteY3686"/>
              </a:cxn>
              <a:cxn ang="0">
                <a:pos x="connsiteX3687" y="connsiteY3687"/>
              </a:cxn>
              <a:cxn ang="0">
                <a:pos x="connsiteX3688" y="connsiteY3688"/>
              </a:cxn>
              <a:cxn ang="0">
                <a:pos x="connsiteX3689" y="connsiteY3689"/>
              </a:cxn>
              <a:cxn ang="0">
                <a:pos x="connsiteX3690" y="connsiteY3690"/>
              </a:cxn>
              <a:cxn ang="0">
                <a:pos x="connsiteX3691" y="connsiteY3691"/>
              </a:cxn>
              <a:cxn ang="0">
                <a:pos x="connsiteX3692" y="connsiteY3692"/>
              </a:cxn>
              <a:cxn ang="0">
                <a:pos x="connsiteX3693" y="connsiteY3693"/>
              </a:cxn>
              <a:cxn ang="0">
                <a:pos x="connsiteX3694" y="connsiteY3694"/>
              </a:cxn>
              <a:cxn ang="0">
                <a:pos x="connsiteX3695" y="connsiteY3695"/>
              </a:cxn>
              <a:cxn ang="0">
                <a:pos x="connsiteX3696" y="connsiteY3696"/>
              </a:cxn>
              <a:cxn ang="0">
                <a:pos x="connsiteX3697" y="connsiteY3697"/>
              </a:cxn>
              <a:cxn ang="0">
                <a:pos x="connsiteX3698" y="connsiteY3698"/>
              </a:cxn>
              <a:cxn ang="0">
                <a:pos x="connsiteX3699" y="connsiteY3699"/>
              </a:cxn>
              <a:cxn ang="0">
                <a:pos x="connsiteX3700" y="connsiteY3700"/>
              </a:cxn>
              <a:cxn ang="0">
                <a:pos x="connsiteX3701" y="connsiteY3701"/>
              </a:cxn>
              <a:cxn ang="0">
                <a:pos x="connsiteX3702" y="connsiteY3702"/>
              </a:cxn>
              <a:cxn ang="0">
                <a:pos x="connsiteX3703" y="connsiteY3703"/>
              </a:cxn>
              <a:cxn ang="0">
                <a:pos x="connsiteX3704" y="connsiteY3704"/>
              </a:cxn>
              <a:cxn ang="0">
                <a:pos x="connsiteX3705" y="connsiteY3705"/>
              </a:cxn>
              <a:cxn ang="0">
                <a:pos x="connsiteX3706" y="connsiteY3706"/>
              </a:cxn>
              <a:cxn ang="0">
                <a:pos x="connsiteX3707" y="connsiteY3707"/>
              </a:cxn>
              <a:cxn ang="0">
                <a:pos x="connsiteX3708" y="connsiteY3708"/>
              </a:cxn>
              <a:cxn ang="0">
                <a:pos x="connsiteX3709" y="connsiteY3709"/>
              </a:cxn>
              <a:cxn ang="0">
                <a:pos x="connsiteX3710" y="connsiteY3710"/>
              </a:cxn>
              <a:cxn ang="0">
                <a:pos x="connsiteX3711" y="connsiteY3711"/>
              </a:cxn>
              <a:cxn ang="0">
                <a:pos x="connsiteX3712" y="connsiteY3712"/>
              </a:cxn>
              <a:cxn ang="0">
                <a:pos x="connsiteX3713" y="connsiteY3713"/>
              </a:cxn>
              <a:cxn ang="0">
                <a:pos x="connsiteX3714" y="connsiteY3714"/>
              </a:cxn>
              <a:cxn ang="0">
                <a:pos x="connsiteX3715" y="connsiteY3715"/>
              </a:cxn>
              <a:cxn ang="0">
                <a:pos x="connsiteX3716" y="connsiteY3716"/>
              </a:cxn>
              <a:cxn ang="0">
                <a:pos x="connsiteX3717" y="connsiteY3717"/>
              </a:cxn>
              <a:cxn ang="0">
                <a:pos x="connsiteX3718" y="connsiteY3718"/>
              </a:cxn>
              <a:cxn ang="0">
                <a:pos x="connsiteX3719" y="connsiteY3719"/>
              </a:cxn>
              <a:cxn ang="0">
                <a:pos x="connsiteX3720" y="connsiteY3720"/>
              </a:cxn>
              <a:cxn ang="0">
                <a:pos x="connsiteX3721" y="connsiteY3721"/>
              </a:cxn>
              <a:cxn ang="0">
                <a:pos x="connsiteX3722" y="connsiteY3722"/>
              </a:cxn>
              <a:cxn ang="0">
                <a:pos x="connsiteX3723" y="connsiteY3723"/>
              </a:cxn>
              <a:cxn ang="0">
                <a:pos x="connsiteX3724" y="connsiteY3724"/>
              </a:cxn>
              <a:cxn ang="0">
                <a:pos x="connsiteX3725" y="connsiteY3725"/>
              </a:cxn>
              <a:cxn ang="0">
                <a:pos x="connsiteX3726" y="connsiteY3726"/>
              </a:cxn>
              <a:cxn ang="0">
                <a:pos x="connsiteX3727" y="connsiteY3727"/>
              </a:cxn>
              <a:cxn ang="0">
                <a:pos x="connsiteX3728" y="connsiteY3728"/>
              </a:cxn>
              <a:cxn ang="0">
                <a:pos x="connsiteX3729" y="connsiteY3729"/>
              </a:cxn>
              <a:cxn ang="0">
                <a:pos x="connsiteX3730" y="connsiteY3730"/>
              </a:cxn>
              <a:cxn ang="0">
                <a:pos x="connsiteX3731" y="connsiteY3731"/>
              </a:cxn>
              <a:cxn ang="0">
                <a:pos x="connsiteX3732" y="connsiteY3732"/>
              </a:cxn>
              <a:cxn ang="0">
                <a:pos x="connsiteX3733" y="connsiteY3733"/>
              </a:cxn>
              <a:cxn ang="0">
                <a:pos x="connsiteX3734" y="connsiteY3734"/>
              </a:cxn>
              <a:cxn ang="0">
                <a:pos x="connsiteX3735" y="connsiteY3735"/>
              </a:cxn>
              <a:cxn ang="0">
                <a:pos x="connsiteX3736" y="connsiteY3736"/>
              </a:cxn>
              <a:cxn ang="0">
                <a:pos x="connsiteX3737" y="connsiteY3737"/>
              </a:cxn>
              <a:cxn ang="0">
                <a:pos x="connsiteX3738" y="connsiteY3738"/>
              </a:cxn>
              <a:cxn ang="0">
                <a:pos x="connsiteX3739" y="connsiteY3739"/>
              </a:cxn>
              <a:cxn ang="0">
                <a:pos x="connsiteX3740" y="connsiteY3740"/>
              </a:cxn>
              <a:cxn ang="0">
                <a:pos x="connsiteX3741" y="connsiteY3741"/>
              </a:cxn>
              <a:cxn ang="0">
                <a:pos x="connsiteX3742" y="connsiteY3742"/>
              </a:cxn>
              <a:cxn ang="0">
                <a:pos x="connsiteX3743" y="connsiteY3743"/>
              </a:cxn>
              <a:cxn ang="0">
                <a:pos x="connsiteX3744" y="connsiteY3744"/>
              </a:cxn>
              <a:cxn ang="0">
                <a:pos x="connsiteX3745" y="connsiteY3745"/>
              </a:cxn>
              <a:cxn ang="0">
                <a:pos x="connsiteX3746" y="connsiteY3746"/>
              </a:cxn>
              <a:cxn ang="0">
                <a:pos x="connsiteX3747" y="connsiteY3747"/>
              </a:cxn>
              <a:cxn ang="0">
                <a:pos x="connsiteX3748" y="connsiteY3748"/>
              </a:cxn>
              <a:cxn ang="0">
                <a:pos x="connsiteX3749" y="connsiteY3749"/>
              </a:cxn>
              <a:cxn ang="0">
                <a:pos x="connsiteX3750" y="connsiteY3750"/>
              </a:cxn>
              <a:cxn ang="0">
                <a:pos x="connsiteX3751" y="connsiteY3751"/>
              </a:cxn>
              <a:cxn ang="0">
                <a:pos x="connsiteX3752" y="connsiteY3752"/>
              </a:cxn>
              <a:cxn ang="0">
                <a:pos x="connsiteX3753" y="connsiteY3753"/>
              </a:cxn>
              <a:cxn ang="0">
                <a:pos x="connsiteX3754" y="connsiteY3754"/>
              </a:cxn>
              <a:cxn ang="0">
                <a:pos x="connsiteX3755" y="connsiteY3755"/>
              </a:cxn>
              <a:cxn ang="0">
                <a:pos x="connsiteX3756" y="connsiteY3756"/>
              </a:cxn>
              <a:cxn ang="0">
                <a:pos x="connsiteX3757" y="connsiteY3757"/>
              </a:cxn>
              <a:cxn ang="0">
                <a:pos x="connsiteX3758" y="connsiteY3758"/>
              </a:cxn>
              <a:cxn ang="0">
                <a:pos x="connsiteX3759" y="connsiteY3759"/>
              </a:cxn>
              <a:cxn ang="0">
                <a:pos x="connsiteX3760" y="connsiteY3760"/>
              </a:cxn>
              <a:cxn ang="0">
                <a:pos x="connsiteX3761" y="connsiteY3761"/>
              </a:cxn>
              <a:cxn ang="0">
                <a:pos x="connsiteX3762" y="connsiteY3762"/>
              </a:cxn>
              <a:cxn ang="0">
                <a:pos x="connsiteX3763" y="connsiteY3763"/>
              </a:cxn>
              <a:cxn ang="0">
                <a:pos x="connsiteX3764" y="connsiteY3764"/>
              </a:cxn>
              <a:cxn ang="0">
                <a:pos x="connsiteX3765" y="connsiteY3765"/>
              </a:cxn>
              <a:cxn ang="0">
                <a:pos x="connsiteX3766" y="connsiteY3766"/>
              </a:cxn>
              <a:cxn ang="0">
                <a:pos x="connsiteX3767" y="connsiteY3767"/>
              </a:cxn>
              <a:cxn ang="0">
                <a:pos x="connsiteX3768" y="connsiteY3768"/>
              </a:cxn>
              <a:cxn ang="0">
                <a:pos x="connsiteX3769" y="connsiteY3769"/>
              </a:cxn>
              <a:cxn ang="0">
                <a:pos x="connsiteX3770" y="connsiteY3770"/>
              </a:cxn>
              <a:cxn ang="0">
                <a:pos x="connsiteX3771" y="connsiteY3771"/>
              </a:cxn>
              <a:cxn ang="0">
                <a:pos x="connsiteX3772" y="connsiteY3772"/>
              </a:cxn>
              <a:cxn ang="0">
                <a:pos x="connsiteX3773" y="connsiteY3773"/>
              </a:cxn>
              <a:cxn ang="0">
                <a:pos x="connsiteX3774" y="connsiteY3774"/>
              </a:cxn>
              <a:cxn ang="0">
                <a:pos x="connsiteX3775" y="connsiteY3775"/>
              </a:cxn>
              <a:cxn ang="0">
                <a:pos x="connsiteX3776" y="connsiteY3776"/>
              </a:cxn>
              <a:cxn ang="0">
                <a:pos x="connsiteX3777" y="connsiteY3777"/>
              </a:cxn>
              <a:cxn ang="0">
                <a:pos x="connsiteX3778" y="connsiteY3778"/>
              </a:cxn>
              <a:cxn ang="0">
                <a:pos x="connsiteX3779" y="connsiteY3779"/>
              </a:cxn>
              <a:cxn ang="0">
                <a:pos x="connsiteX3780" y="connsiteY3780"/>
              </a:cxn>
              <a:cxn ang="0">
                <a:pos x="connsiteX3781" y="connsiteY3781"/>
              </a:cxn>
              <a:cxn ang="0">
                <a:pos x="connsiteX3782" y="connsiteY3782"/>
              </a:cxn>
              <a:cxn ang="0">
                <a:pos x="connsiteX3783" y="connsiteY3783"/>
              </a:cxn>
              <a:cxn ang="0">
                <a:pos x="connsiteX3784" y="connsiteY3784"/>
              </a:cxn>
              <a:cxn ang="0">
                <a:pos x="connsiteX3785" y="connsiteY3785"/>
              </a:cxn>
              <a:cxn ang="0">
                <a:pos x="connsiteX3786" y="connsiteY3786"/>
              </a:cxn>
              <a:cxn ang="0">
                <a:pos x="connsiteX3787" y="connsiteY3787"/>
              </a:cxn>
              <a:cxn ang="0">
                <a:pos x="connsiteX3788" y="connsiteY3788"/>
              </a:cxn>
              <a:cxn ang="0">
                <a:pos x="connsiteX3789" y="connsiteY3789"/>
              </a:cxn>
              <a:cxn ang="0">
                <a:pos x="connsiteX3790" y="connsiteY3790"/>
              </a:cxn>
              <a:cxn ang="0">
                <a:pos x="connsiteX3791" y="connsiteY3791"/>
              </a:cxn>
              <a:cxn ang="0">
                <a:pos x="connsiteX3792" y="connsiteY3792"/>
              </a:cxn>
              <a:cxn ang="0">
                <a:pos x="connsiteX3793" y="connsiteY3793"/>
              </a:cxn>
              <a:cxn ang="0">
                <a:pos x="connsiteX3794" y="connsiteY3794"/>
              </a:cxn>
              <a:cxn ang="0">
                <a:pos x="connsiteX3795" y="connsiteY3795"/>
              </a:cxn>
              <a:cxn ang="0">
                <a:pos x="connsiteX3796" y="connsiteY3796"/>
              </a:cxn>
              <a:cxn ang="0">
                <a:pos x="connsiteX3797" y="connsiteY3797"/>
              </a:cxn>
              <a:cxn ang="0">
                <a:pos x="connsiteX3798" y="connsiteY3798"/>
              </a:cxn>
              <a:cxn ang="0">
                <a:pos x="connsiteX3799" y="connsiteY3799"/>
              </a:cxn>
              <a:cxn ang="0">
                <a:pos x="connsiteX3800" y="connsiteY3800"/>
              </a:cxn>
              <a:cxn ang="0">
                <a:pos x="connsiteX3801" y="connsiteY3801"/>
              </a:cxn>
              <a:cxn ang="0">
                <a:pos x="connsiteX3802" y="connsiteY3802"/>
              </a:cxn>
              <a:cxn ang="0">
                <a:pos x="connsiteX3803" y="connsiteY3803"/>
              </a:cxn>
              <a:cxn ang="0">
                <a:pos x="connsiteX3804" y="connsiteY3804"/>
              </a:cxn>
              <a:cxn ang="0">
                <a:pos x="connsiteX3805" y="connsiteY3805"/>
              </a:cxn>
              <a:cxn ang="0">
                <a:pos x="connsiteX3806" y="connsiteY3806"/>
              </a:cxn>
              <a:cxn ang="0">
                <a:pos x="connsiteX3807" y="connsiteY3807"/>
              </a:cxn>
              <a:cxn ang="0">
                <a:pos x="connsiteX3808" y="connsiteY3808"/>
              </a:cxn>
              <a:cxn ang="0">
                <a:pos x="connsiteX3809" y="connsiteY3809"/>
              </a:cxn>
              <a:cxn ang="0">
                <a:pos x="connsiteX3810" y="connsiteY3810"/>
              </a:cxn>
              <a:cxn ang="0">
                <a:pos x="connsiteX3811" y="connsiteY3811"/>
              </a:cxn>
              <a:cxn ang="0">
                <a:pos x="connsiteX3812" y="connsiteY3812"/>
              </a:cxn>
              <a:cxn ang="0">
                <a:pos x="connsiteX3813" y="connsiteY3813"/>
              </a:cxn>
              <a:cxn ang="0">
                <a:pos x="connsiteX3814" y="connsiteY3814"/>
              </a:cxn>
              <a:cxn ang="0">
                <a:pos x="connsiteX3815" y="connsiteY3815"/>
              </a:cxn>
              <a:cxn ang="0">
                <a:pos x="connsiteX3816" y="connsiteY3816"/>
              </a:cxn>
              <a:cxn ang="0">
                <a:pos x="connsiteX3817" y="connsiteY3817"/>
              </a:cxn>
              <a:cxn ang="0">
                <a:pos x="connsiteX3818" y="connsiteY3818"/>
              </a:cxn>
              <a:cxn ang="0">
                <a:pos x="connsiteX3819" y="connsiteY3819"/>
              </a:cxn>
              <a:cxn ang="0">
                <a:pos x="connsiteX3820" y="connsiteY3820"/>
              </a:cxn>
              <a:cxn ang="0">
                <a:pos x="connsiteX3821" y="connsiteY3821"/>
              </a:cxn>
              <a:cxn ang="0">
                <a:pos x="connsiteX3822" y="connsiteY3822"/>
              </a:cxn>
              <a:cxn ang="0">
                <a:pos x="connsiteX3823" y="connsiteY3823"/>
              </a:cxn>
              <a:cxn ang="0">
                <a:pos x="connsiteX3824" y="connsiteY3824"/>
              </a:cxn>
              <a:cxn ang="0">
                <a:pos x="connsiteX3825" y="connsiteY3825"/>
              </a:cxn>
              <a:cxn ang="0">
                <a:pos x="connsiteX3826" y="connsiteY3826"/>
              </a:cxn>
              <a:cxn ang="0">
                <a:pos x="connsiteX3827" y="connsiteY3827"/>
              </a:cxn>
              <a:cxn ang="0">
                <a:pos x="connsiteX3828" y="connsiteY3828"/>
              </a:cxn>
              <a:cxn ang="0">
                <a:pos x="connsiteX3829" y="connsiteY3829"/>
              </a:cxn>
              <a:cxn ang="0">
                <a:pos x="connsiteX3830" y="connsiteY3830"/>
              </a:cxn>
              <a:cxn ang="0">
                <a:pos x="connsiteX3831" y="connsiteY3831"/>
              </a:cxn>
              <a:cxn ang="0">
                <a:pos x="connsiteX3832" y="connsiteY3832"/>
              </a:cxn>
              <a:cxn ang="0">
                <a:pos x="connsiteX3833" y="connsiteY3833"/>
              </a:cxn>
              <a:cxn ang="0">
                <a:pos x="connsiteX3834" y="connsiteY3834"/>
              </a:cxn>
              <a:cxn ang="0">
                <a:pos x="connsiteX3835" y="connsiteY3835"/>
              </a:cxn>
              <a:cxn ang="0">
                <a:pos x="connsiteX3836" y="connsiteY3836"/>
              </a:cxn>
              <a:cxn ang="0">
                <a:pos x="connsiteX3837" y="connsiteY3837"/>
              </a:cxn>
              <a:cxn ang="0">
                <a:pos x="connsiteX3838" y="connsiteY3838"/>
              </a:cxn>
              <a:cxn ang="0">
                <a:pos x="connsiteX3839" y="connsiteY3839"/>
              </a:cxn>
              <a:cxn ang="0">
                <a:pos x="connsiteX3840" y="connsiteY3840"/>
              </a:cxn>
              <a:cxn ang="0">
                <a:pos x="connsiteX3841" y="connsiteY3841"/>
              </a:cxn>
              <a:cxn ang="0">
                <a:pos x="connsiteX3842" y="connsiteY3842"/>
              </a:cxn>
              <a:cxn ang="0">
                <a:pos x="connsiteX3843" y="connsiteY3843"/>
              </a:cxn>
              <a:cxn ang="0">
                <a:pos x="connsiteX3844" y="connsiteY3844"/>
              </a:cxn>
              <a:cxn ang="0">
                <a:pos x="connsiteX3845" y="connsiteY3845"/>
              </a:cxn>
              <a:cxn ang="0">
                <a:pos x="connsiteX3846" y="connsiteY3846"/>
              </a:cxn>
              <a:cxn ang="0">
                <a:pos x="connsiteX3847" y="connsiteY3847"/>
              </a:cxn>
              <a:cxn ang="0">
                <a:pos x="connsiteX3848" y="connsiteY3848"/>
              </a:cxn>
              <a:cxn ang="0">
                <a:pos x="connsiteX3849" y="connsiteY3849"/>
              </a:cxn>
              <a:cxn ang="0">
                <a:pos x="connsiteX3850" y="connsiteY3850"/>
              </a:cxn>
              <a:cxn ang="0">
                <a:pos x="connsiteX3851" y="connsiteY3851"/>
              </a:cxn>
              <a:cxn ang="0">
                <a:pos x="connsiteX3852" y="connsiteY3852"/>
              </a:cxn>
              <a:cxn ang="0">
                <a:pos x="connsiteX3853" y="connsiteY3853"/>
              </a:cxn>
              <a:cxn ang="0">
                <a:pos x="connsiteX3854" y="connsiteY3854"/>
              </a:cxn>
              <a:cxn ang="0">
                <a:pos x="connsiteX3855" y="connsiteY3855"/>
              </a:cxn>
              <a:cxn ang="0">
                <a:pos x="connsiteX3856" y="connsiteY3856"/>
              </a:cxn>
              <a:cxn ang="0">
                <a:pos x="connsiteX3857" y="connsiteY3857"/>
              </a:cxn>
              <a:cxn ang="0">
                <a:pos x="connsiteX3858" y="connsiteY3858"/>
              </a:cxn>
              <a:cxn ang="0">
                <a:pos x="connsiteX3859" y="connsiteY3859"/>
              </a:cxn>
              <a:cxn ang="0">
                <a:pos x="connsiteX3860" y="connsiteY3860"/>
              </a:cxn>
              <a:cxn ang="0">
                <a:pos x="connsiteX3861" y="connsiteY3861"/>
              </a:cxn>
              <a:cxn ang="0">
                <a:pos x="connsiteX3862" y="connsiteY3862"/>
              </a:cxn>
              <a:cxn ang="0">
                <a:pos x="connsiteX3863" y="connsiteY3863"/>
              </a:cxn>
              <a:cxn ang="0">
                <a:pos x="connsiteX3864" y="connsiteY3864"/>
              </a:cxn>
              <a:cxn ang="0">
                <a:pos x="connsiteX3865" y="connsiteY3865"/>
              </a:cxn>
              <a:cxn ang="0">
                <a:pos x="connsiteX3866" y="connsiteY3866"/>
              </a:cxn>
              <a:cxn ang="0">
                <a:pos x="connsiteX3867" y="connsiteY3867"/>
              </a:cxn>
              <a:cxn ang="0">
                <a:pos x="connsiteX3868" y="connsiteY3868"/>
              </a:cxn>
              <a:cxn ang="0">
                <a:pos x="connsiteX3869" y="connsiteY3869"/>
              </a:cxn>
              <a:cxn ang="0">
                <a:pos x="connsiteX3870" y="connsiteY3870"/>
              </a:cxn>
              <a:cxn ang="0">
                <a:pos x="connsiteX3871" y="connsiteY3871"/>
              </a:cxn>
              <a:cxn ang="0">
                <a:pos x="connsiteX3872" y="connsiteY3872"/>
              </a:cxn>
              <a:cxn ang="0">
                <a:pos x="connsiteX3873" y="connsiteY3873"/>
              </a:cxn>
              <a:cxn ang="0">
                <a:pos x="connsiteX3874" y="connsiteY3874"/>
              </a:cxn>
              <a:cxn ang="0">
                <a:pos x="connsiteX3875" y="connsiteY3875"/>
              </a:cxn>
              <a:cxn ang="0">
                <a:pos x="connsiteX3876" y="connsiteY3876"/>
              </a:cxn>
              <a:cxn ang="0">
                <a:pos x="connsiteX3877" y="connsiteY3877"/>
              </a:cxn>
              <a:cxn ang="0">
                <a:pos x="connsiteX3878" y="connsiteY3878"/>
              </a:cxn>
              <a:cxn ang="0">
                <a:pos x="connsiteX3879" y="connsiteY3879"/>
              </a:cxn>
              <a:cxn ang="0">
                <a:pos x="connsiteX3880" y="connsiteY3880"/>
              </a:cxn>
              <a:cxn ang="0">
                <a:pos x="connsiteX3881" y="connsiteY3881"/>
              </a:cxn>
              <a:cxn ang="0">
                <a:pos x="connsiteX3882" y="connsiteY3882"/>
              </a:cxn>
              <a:cxn ang="0">
                <a:pos x="connsiteX3883" y="connsiteY3883"/>
              </a:cxn>
              <a:cxn ang="0">
                <a:pos x="connsiteX3884" y="connsiteY3884"/>
              </a:cxn>
              <a:cxn ang="0">
                <a:pos x="connsiteX3885" y="connsiteY3885"/>
              </a:cxn>
              <a:cxn ang="0">
                <a:pos x="connsiteX3886" y="connsiteY3886"/>
              </a:cxn>
              <a:cxn ang="0">
                <a:pos x="connsiteX3887" y="connsiteY3887"/>
              </a:cxn>
              <a:cxn ang="0">
                <a:pos x="connsiteX3888" y="connsiteY3888"/>
              </a:cxn>
              <a:cxn ang="0">
                <a:pos x="connsiteX3889" y="connsiteY3889"/>
              </a:cxn>
              <a:cxn ang="0">
                <a:pos x="connsiteX3890" y="connsiteY3890"/>
              </a:cxn>
              <a:cxn ang="0">
                <a:pos x="connsiteX3891" y="connsiteY3891"/>
              </a:cxn>
              <a:cxn ang="0">
                <a:pos x="connsiteX3892" y="connsiteY3892"/>
              </a:cxn>
              <a:cxn ang="0">
                <a:pos x="connsiteX3893" y="connsiteY3893"/>
              </a:cxn>
              <a:cxn ang="0">
                <a:pos x="connsiteX3894" y="connsiteY3894"/>
              </a:cxn>
              <a:cxn ang="0">
                <a:pos x="connsiteX3895" y="connsiteY3895"/>
              </a:cxn>
              <a:cxn ang="0">
                <a:pos x="connsiteX3896" y="connsiteY3896"/>
              </a:cxn>
              <a:cxn ang="0">
                <a:pos x="connsiteX3897" y="connsiteY3897"/>
              </a:cxn>
              <a:cxn ang="0">
                <a:pos x="connsiteX3898" y="connsiteY3898"/>
              </a:cxn>
              <a:cxn ang="0">
                <a:pos x="connsiteX3899" y="connsiteY3899"/>
              </a:cxn>
              <a:cxn ang="0">
                <a:pos x="connsiteX3900" y="connsiteY3900"/>
              </a:cxn>
              <a:cxn ang="0">
                <a:pos x="connsiteX3901" y="connsiteY3901"/>
              </a:cxn>
              <a:cxn ang="0">
                <a:pos x="connsiteX3902" y="connsiteY3902"/>
              </a:cxn>
              <a:cxn ang="0">
                <a:pos x="connsiteX3903" y="connsiteY3903"/>
              </a:cxn>
              <a:cxn ang="0">
                <a:pos x="connsiteX3904" y="connsiteY3904"/>
              </a:cxn>
              <a:cxn ang="0">
                <a:pos x="connsiteX3905" y="connsiteY3905"/>
              </a:cxn>
              <a:cxn ang="0">
                <a:pos x="connsiteX3906" y="connsiteY3906"/>
              </a:cxn>
              <a:cxn ang="0">
                <a:pos x="connsiteX3907" y="connsiteY3907"/>
              </a:cxn>
              <a:cxn ang="0">
                <a:pos x="connsiteX3908" y="connsiteY3908"/>
              </a:cxn>
              <a:cxn ang="0">
                <a:pos x="connsiteX3909" y="connsiteY3909"/>
              </a:cxn>
              <a:cxn ang="0">
                <a:pos x="connsiteX3910" y="connsiteY3910"/>
              </a:cxn>
              <a:cxn ang="0">
                <a:pos x="connsiteX3911" y="connsiteY3911"/>
              </a:cxn>
              <a:cxn ang="0">
                <a:pos x="connsiteX3912" y="connsiteY3912"/>
              </a:cxn>
              <a:cxn ang="0">
                <a:pos x="connsiteX3913" y="connsiteY3913"/>
              </a:cxn>
              <a:cxn ang="0">
                <a:pos x="connsiteX3914" y="connsiteY3914"/>
              </a:cxn>
              <a:cxn ang="0">
                <a:pos x="connsiteX3915" y="connsiteY3915"/>
              </a:cxn>
              <a:cxn ang="0">
                <a:pos x="connsiteX3916" y="connsiteY3916"/>
              </a:cxn>
              <a:cxn ang="0">
                <a:pos x="connsiteX3917" y="connsiteY3917"/>
              </a:cxn>
              <a:cxn ang="0">
                <a:pos x="connsiteX3918" y="connsiteY3918"/>
              </a:cxn>
              <a:cxn ang="0">
                <a:pos x="connsiteX3919" y="connsiteY3919"/>
              </a:cxn>
              <a:cxn ang="0">
                <a:pos x="connsiteX3920" y="connsiteY3920"/>
              </a:cxn>
              <a:cxn ang="0">
                <a:pos x="connsiteX3921" y="connsiteY3921"/>
              </a:cxn>
              <a:cxn ang="0">
                <a:pos x="connsiteX3922" y="connsiteY3922"/>
              </a:cxn>
              <a:cxn ang="0">
                <a:pos x="connsiteX3923" y="connsiteY3923"/>
              </a:cxn>
              <a:cxn ang="0">
                <a:pos x="connsiteX3924" y="connsiteY3924"/>
              </a:cxn>
              <a:cxn ang="0">
                <a:pos x="connsiteX3925" y="connsiteY3925"/>
              </a:cxn>
              <a:cxn ang="0">
                <a:pos x="connsiteX3926" y="connsiteY3926"/>
              </a:cxn>
              <a:cxn ang="0">
                <a:pos x="connsiteX3927" y="connsiteY3927"/>
              </a:cxn>
              <a:cxn ang="0">
                <a:pos x="connsiteX3928" y="connsiteY3928"/>
              </a:cxn>
              <a:cxn ang="0">
                <a:pos x="connsiteX3929" y="connsiteY3929"/>
              </a:cxn>
              <a:cxn ang="0">
                <a:pos x="connsiteX3930" y="connsiteY3930"/>
              </a:cxn>
              <a:cxn ang="0">
                <a:pos x="connsiteX3931" y="connsiteY3931"/>
              </a:cxn>
              <a:cxn ang="0">
                <a:pos x="connsiteX3932" y="connsiteY3932"/>
              </a:cxn>
              <a:cxn ang="0">
                <a:pos x="connsiteX3933" y="connsiteY3933"/>
              </a:cxn>
              <a:cxn ang="0">
                <a:pos x="connsiteX3934" y="connsiteY3934"/>
              </a:cxn>
              <a:cxn ang="0">
                <a:pos x="connsiteX3935" y="connsiteY3935"/>
              </a:cxn>
              <a:cxn ang="0">
                <a:pos x="connsiteX3936" y="connsiteY3936"/>
              </a:cxn>
              <a:cxn ang="0">
                <a:pos x="connsiteX3937" y="connsiteY3937"/>
              </a:cxn>
              <a:cxn ang="0">
                <a:pos x="connsiteX3938" y="connsiteY3938"/>
              </a:cxn>
              <a:cxn ang="0">
                <a:pos x="connsiteX3939" y="connsiteY3939"/>
              </a:cxn>
              <a:cxn ang="0">
                <a:pos x="connsiteX3940" y="connsiteY3940"/>
              </a:cxn>
              <a:cxn ang="0">
                <a:pos x="connsiteX3941" y="connsiteY3941"/>
              </a:cxn>
              <a:cxn ang="0">
                <a:pos x="connsiteX3942" y="connsiteY3942"/>
              </a:cxn>
              <a:cxn ang="0">
                <a:pos x="connsiteX3943" y="connsiteY3943"/>
              </a:cxn>
              <a:cxn ang="0">
                <a:pos x="connsiteX3944" y="connsiteY3944"/>
              </a:cxn>
              <a:cxn ang="0">
                <a:pos x="connsiteX3945" y="connsiteY3945"/>
              </a:cxn>
              <a:cxn ang="0">
                <a:pos x="connsiteX3946" y="connsiteY3946"/>
              </a:cxn>
              <a:cxn ang="0">
                <a:pos x="connsiteX3947" y="connsiteY3947"/>
              </a:cxn>
              <a:cxn ang="0">
                <a:pos x="connsiteX3948" y="connsiteY3948"/>
              </a:cxn>
              <a:cxn ang="0">
                <a:pos x="connsiteX3949" y="connsiteY3949"/>
              </a:cxn>
              <a:cxn ang="0">
                <a:pos x="connsiteX3950" y="connsiteY3950"/>
              </a:cxn>
              <a:cxn ang="0">
                <a:pos x="connsiteX3951" y="connsiteY3951"/>
              </a:cxn>
              <a:cxn ang="0">
                <a:pos x="connsiteX3952" y="connsiteY3952"/>
              </a:cxn>
              <a:cxn ang="0">
                <a:pos x="connsiteX3953" y="connsiteY3953"/>
              </a:cxn>
              <a:cxn ang="0">
                <a:pos x="connsiteX3954" y="connsiteY3954"/>
              </a:cxn>
              <a:cxn ang="0">
                <a:pos x="connsiteX3955" y="connsiteY3955"/>
              </a:cxn>
              <a:cxn ang="0">
                <a:pos x="connsiteX3956" y="connsiteY3956"/>
              </a:cxn>
              <a:cxn ang="0">
                <a:pos x="connsiteX3957" y="connsiteY3957"/>
              </a:cxn>
              <a:cxn ang="0">
                <a:pos x="connsiteX3958" y="connsiteY3958"/>
              </a:cxn>
              <a:cxn ang="0">
                <a:pos x="connsiteX3959" y="connsiteY3959"/>
              </a:cxn>
              <a:cxn ang="0">
                <a:pos x="connsiteX3960" y="connsiteY3960"/>
              </a:cxn>
              <a:cxn ang="0">
                <a:pos x="connsiteX3961" y="connsiteY3961"/>
              </a:cxn>
              <a:cxn ang="0">
                <a:pos x="connsiteX3962" y="connsiteY3962"/>
              </a:cxn>
              <a:cxn ang="0">
                <a:pos x="connsiteX3963" y="connsiteY3963"/>
              </a:cxn>
              <a:cxn ang="0">
                <a:pos x="connsiteX3964" y="connsiteY3964"/>
              </a:cxn>
              <a:cxn ang="0">
                <a:pos x="connsiteX3965" y="connsiteY3965"/>
              </a:cxn>
              <a:cxn ang="0">
                <a:pos x="connsiteX3966" y="connsiteY3966"/>
              </a:cxn>
              <a:cxn ang="0">
                <a:pos x="connsiteX3967" y="connsiteY3967"/>
              </a:cxn>
              <a:cxn ang="0">
                <a:pos x="connsiteX3968" y="connsiteY3968"/>
              </a:cxn>
              <a:cxn ang="0">
                <a:pos x="connsiteX3969" y="connsiteY3969"/>
              </a:cxn>
              <a:cxn ang="0">
                <a:pos x="connsiteX3970" y="connsiteY3970"/>
              </a:cxn>
              <a:cxn ang="0">
                <a:pos x="connsiteX3971" y="connsiteY3971"/>
              </a:cxn>
              <a:cxn ang="0">
                <a:pos x="connsiteX3972" y="connsiteY3972"/>
              </a:cxn>
              <a:cxn ang="0">
                <a:pos x="connsiteX3973" y="connsiteY3973"/>
              </a:cxn>
              <a:cxn ang="0">
                <a:pos x="connsiteX3974" y="connsiteY3974"/>
              </a:cxn>
              <a:cxn ang="0">
                <a:pos x="connsiteX3975" y="connsiteY3975"/>
              </a:cxn>
              <a:cxn ang="0">
                <a:pos x="connsiteX3976" y="connsiteY3976"/>
              </a:cxn>
              <a:cxn ang="0">
                <a:pos x="connsiteX3977" y="connsiteY3977"/>
              </a:cxn>
              <a:cxn ang="0">
                <a:pos x="connsiteX3978" y="connsiteY3978"/>
              </a:cxn>
              <a:cxn ang="0">
                <a:pos x="connsiteX3979" y="connsiteY3979"/>
              </a:cxn>
              <a:cxn ang="0">
                <a:pos x="connsiteX3980" y="connsiteY3980"/>
              </a:cxn>
              <a:cxn ang="0">
                <a:pos x="connsiteX3981" y="connsiteY3981"/>
              </a:cxn>
              <a:cxn ang="0">
                <a:pos x="connsiteX3982" y="connsiteY3982"/>
              </a:cxn>
              <a:cxn ang="0">
                <a:pos x="connsiteX3983" y="connsiteY3983"/>
              </a:cxn>
              <a:cxn ang="0">
                <a:pos x="connsiteX3984" y="connsiteY3984"/>
              </a:cxn>
              <a:cxn ang="0">
                <a:pos x="connsiteX3985" y="connsiteY3985"/>
              </a:cxn>
              <a:cxn ang="0">
                <a:pos x="connsiteX3986" y="connsiteY3986"/>
              </a:cxn>
              <a:cxn ang="0">
                <a:pos x="connsiteX3987" y="connsiteY3987"/>
              </a:cxn>
              <a:cxn ang="0">
                <a:pos x="connsiteX3988" y="connsiteY3988"/>
              </a:cxn>
              <a:cxn ang="0">
                <a:pos x="connsiteX3989" y="connsiteY3989"/>
              </a:cxn>
              <a:cxn ang="0">
                <a:pos x="connsiteX3990" y="connsiteY3990"/>
              </a:cxn>
              <a:cxn ang="0">
                <a:pos x="connsiteX3991" y="connsiteY3991"/>
              </a:cxn>
              <a:cxn ang="0">
                <a:pos x="connsiteX3992" y="connsiteY3992"/>
              </a:cxn>
              <a:cxn ang="0">
                <a:pos x="connsiteX3993" y="connsiteY3993"/>
              </a:cxn>
              <a:cxn ang="0">
                <a:pos x="connsiteX3994" y="connsiteY3994"/>
              </a:cxn>
              <a:cxn ang="0">
                <a:pos x="connsiteX3995" y="connsiteY3995"/>
              </a:cxn>
              <a:cxn ang="0">
                <a:pos x="connsiteX3996" y="connsiteY3996"/>
              </a:cxn>
              <a:cxn ang="0">
                <a:pos x="connsiteX3997" y="connsiteY3997"/>
              </a:cxn>
              <a:cxn ang="0">
                <a:pos x="connsiteX3998" y="connsiteY3998"/>
              </a:cxn>
              <a:cxn ang="0">
                <a:pos x="connsiteX3999" y="connsiteY3999"/>
              </a:cxn>
              <a:cxn ang="0">
                <a:pos x="connsiteX4000" y="connsiteY4000"/>
              </a:cxn>
              <a:cxn ang="0">
                <a:pos x="connsiteX4001" y="connsiteY4001"/>
              </a:cxn>
              <a:cxn ang="0">
                <a:pos x="connsiteX4002" y="connsiteY4002"/>
              </a:cxn>
              <a:cxn ang="0">
                <a:pos x="connsiteX4003" y="connsiteY4003"/>
              </a:cxn>
              <a:cxn ang="0">
                <a:pos x="connsiteX4004" y="connsiteY4004"/>
              </a:cxn>
              <a:cxn ang="0">
                <a:pos x="connsiteX4005" y="connsiteY4005"/>
              </a:cxn>
              <a:cxn ang="0">
                <a:pos x="connsiteX4006" y="connsiteY4006"/>
              </a:cxn>
              <a:cxn ang="0">
                <a:pos x="connsiteX4007" y="connsiteY4007"/>
              </a:cxn>
              <a:cxn ang="0">
                <a:pos x="connsiteX4008" y="connsiteY4008"/>
              </a:cxn>
              <a:cxn ang="0">
                <a:pos x="connsiteX4009" y="connsiteY4009"/>
              </a:cxn>
              <a:cxn ang="0">
                <a:pos x="connsiteX4010" y="connsiteY4010"/>
              </a:cxn>
              <a:cxn ang="0">
                <a:pos x="connsiteX4011" y="connsiteY4011"/>
              </a:cxn>
              <a:cxn ang="0">
                <a:pos x="connsiteX4012" y="connsiteY4012"/>
              </a:cxn>
              <a:cxn ang="0">
                <a:pos x="connsiteX4013" y="connsiteY4013"/>
              </a:cxn>
              <a:cxn ang="0">
                <a:pos x="connsiteX4014" y="connsiteY4014"/>
              </a:cxn>
              <a:cxn ang="0">
                <a:pos x="connsiteX4015" y="connsiteY4015"/>
              </a:cxn>
              <a:cxn ang="0">
                <a:pos x="connsiteX4016" y="connsiteY4016"/>
              </a:cxn>
              <a:cxn ang="0">
                <a:pos x="connsiteX4017" y="connsiteY4017"/>
              </a:cxn>
              <a:cxn ang="0">
                <a:pos x="connsiteX4018" y="connsiteY4018"/>
              </a:cxn>
              <a:cxn ang="0">
                <a:pos x="connsiteX4019" y="connsiteY4019"/>
              </a:cxn>
              <a:cxn ang="0">
                <a:pos x="connsiteX4020" y="connsiteY4020"/>
              </a:cxn>
              <a:cxn ang="0">
                <a:pos x="connsiteX4021" y="connsiteY4021"/>
              </a:cxn>
              <a:cxn ang="0">
                <a:pos x="connsiteX4022" y="connsiteY4022"/>
              </a:cxn>
              <a:cxn ang="0">
                <a:pos x="connsiteX4023" y="connsiteY4023"/>
              </a:cxn>
              <a:cxn ang="0">
                <a:pos x="connsiteX4024" y="connsiteY4024"/>
              </a:cxn>
              <a:cxn ang="0">
                <a:pos x="connsiteX4025" y="connsiteY4025"/>
              </a:cxn>
              <a:cxn ang="0">
                <a:pos x="connsiteX4026" y="connsiteY4026"/>
              </a:cxn>
              <a:cxn ang="0">
                <a:pos x="connsiteX4027" y="connsiteY4027"/>
              </a:cxn>
              <a:cxn ang="0">
                <a:pos x="connsiteX4028" y="connsiteY4028"/>
              </a:cxn>
              <a:cxn ang="0">
                <a:pos x="connsiteX4029" y="connsiteY4029"/>
              </a:cxn>
              <a:cxn ang="0">
                <a:pos x="connsiteX4030" y="connsiteY4030"/>
              </a:cxn>
              <a:cxn ang="0">
                <a:pos x="connsiteX4031" y="connsiteY4031"/>
              </a:cxn>
              <a:cxn ang="0">
                <a:pos x="connsiteX4032" y="connsiteY4032"/>
              </a:cxn>
              <a:cxn ang="0">
                <a:pos x="connsiteX4033" y="connsiteY4033"/>
              </a:cxn>
              <a:cxn ang="0">
                <a:pos x="connsiteX4034" y="connsiteY4034"/>
              </a:cxn>
              <a:cxn ang="0">
                <a:pos x="connsiteX4035" y="connsiteY4035"/>
              </a:cxn>
              <a:cxn ang="0">
                <a:pos x="connsiteX4036" y="connsiteY4036"/>
              </a:cxn>
              <a:cxn ang="0">
                <a:pos x="connsiteX4037" y="connsiteY4037"/>
              </a:cxn>
              <a:cxn ang="0">
                <a:pos x="connsiteX4038" y="connsiteY4038"/>
              </a:cxn>
              <a:cxn ang="0">
                <a:pos x="connsiteX4039" y="connsiteY4039"/>
              </a:cxn>
              <a:cxn ang="0">
                <a:pos x="connsiteX4040" y="connsiteY4040"/>
              </a:cxn>
              <a:cxn ang="0">
                <a:pos x="connsiteX4041" y="connsiteY4041"/>
              </a:cxn>
              <a:cxn ang="0">
                <a:pos x="connsiteX4042" y="connsiteY4042"/>
              </a:cxn>
              <a:cxn ang="0">
                <a:pos x="connsiteX4043" y="connsiteY4043"/>
              </a:cxn>
              <a:cxn ang="0">
                <a:pos x="connsiteX4044" y="connsiteY4044"/>
              </a:cxn>
              <a:cxn ang="0">
                <a:pos x="connsiteX4045" y="connsiteY4045"/>
              </a:cxn>
              <a:cxn ang="0">
                <a:pos x="connsiteX4046" y="connsiteY4046"/>
              </a:cxn>
              <a:cxn ang="0">
                <a:pos x="connsiteX4047" y="connsiteY4047"/>
              </a:cxn>
              <a:cxn ang="0">
                <a:pos x="connsiteX4048" y="connsiteY4048"/>
              </a:cxn>
              <a:cxn ang="0">
                <a:pos x="connsiteX4049" y="connsiteY4049"/>
              </a:cxn>
              <a:cxn ang="0">
                <a:pos x="connsiteX4050" y="connsiteY4050"/>
              </a:cxn>
              <a:cxn ang="0">
                <a:pos x="connsiteX4051" y="connsiteY4051"/>
              </a:cxn>
              <a:cxn ang="0">
                <a:pos x="connsiteX4052" y="connsiteY4052"/>
              </a:cxn>
              <a:cxn ang="0">
                <a:pos x="connsiteX4053" y="connsiteY4053"/>
              </a:cxn>
              <a:cxn ang="0">
                <a:pos x="connsiteX4054" y="connsiteY4054"/>
              </a:cxn>
              <a:cxn ang="0">
                <a:pos x="connsiteX4055" y="connsiteY4055"/>
              </a:cxn>
              <a:cxn ang="0">
                <a:pos x="connsiteX4056" y="connsiteY4056"/>
              </a:cxn>
              <a:cxn ang="0">
                <a:pos x="connsiteX4057" y="connsiteY4057"/>
              </a:cxn>
              <a:cxn ang="0">
                <a:pos x="connsiteX4058" y="connsiteY4058"/>
              </a:cxn>
              <a:cxn ang="0">
                <a:pos x="connsiteX4059" y="connsiteY4059"/>
              </a:cxn>
              <a:cxn ang="0">
                <a:pos x="connsiteX4060" y="connsiteY4060"/>
              </a:cxn>
              <a:cxn ang="0">
                <a:pos x="connsiteX4061" y="connsiteY4061"/>
              </a:cxn>
              <a:cxn ang="0">
                <a:pos x="connsiteX4062" y="connsiteY4062"/>
              </a:cxn>
              <a:cxn ang="0">
                <a:pos x="connsiteX4063" y="connsiteY4063"/>
              </a:cxn>
              <a:cxn ang="0">
                <a:pos x="connsiteX4064" y="connsiteY4064"/>
              </a:cxn>
              <a:cxn ang="0">
                <a:pos x="connsiteX4065" y="connsiteY4065"/>
              </a:cxn>
              <a:cxn ang="0">
                <a:pos x="connsiteX4066" y="connsiteY4066"/>
              </a:cxn>
              <a:cxn ang="0">
                <a:pos x="connsiteX4067" y="connsiteY4067"/>
              </a:cxn>
              <a:cxn ang="0">
                <a:pos x="connsiteX4068" y="connsiteY4068"/>
              </a:cxn>
              <a:cxn ang="0">
                <a:pos x="connsiteX4069" y="connsiteY4069"/>
              </a:cxn>
              <a:cxn ang="0">
                <a:pos x="connsiteX4070" y="connsiteY4070"/>
              </a:cxn>
              <a:cxn ang="0">
                <a:pos x="connsiteX4071" y="connsiteY4071"/>
              </a:cxn>
              <a:cxn ang="0">
                <a:pos x="connsiteX4072" y="connsiteY4072"/>
              </a:cxn>
              <a:cxn ang="0">
                <a:pos x="connsiteX4073" y="connsiteY4073"/>
              </a:cxn>
              <a:cxn ang="0">
                <a:pos x="connsiteX4074" y="connsiteY4074"/>
              </a:cxn>
              <a:cxn ang="0">
                <a:pos x="connsiteX4075" y="connsiteY4075"/>
              </a:cxn>
              <a:cxn ang="0">
                <a:pos x="connsiteX4076" y="connsiteY4076"/>
              </a:cxn>
              <a:cxn ang="0">
                <a:pos x="connsiteX4077" y="connsiteY4077"/>
              </a:cxn>
              <a:cxn ang="0">
                <a:pos x="connsiteX4078" y="connsiteY4078"/>
              </a:cxn>
              <a:cxn ang="0">
                <a:pos x="connsiteX4079" y="connsiteY4079"/>
              </a:cxn>
              <a:cxn ang="0">
                <a:pos x="connsiteX4080" y="connsiteY4080"/>
              </a:cxn>
              <a:cxn ang="0">
                <a:pos x="connsiteX4081" y="connsiteY4081"/>
              </a:cxn>
              <a:cxn ang="0">
                <a:pos x="connsiteX4082" y="connsiteY4082"/>
              </a:cxn>
              <a:cxn ang="0">
                <a:pos x="connsiteX4083" y="connsiteY4083"/>
              </a:cxn>
              <a:cxn ang="0">
                <a:pos x="connsiteX4084" y="connsiteY4084"/>
              </a:cxn>
              <a:cxn ang="0">
                <a:pos x="connsiteX4085" y="connsiteY4085"/>
              </a:cxn>
              <a:cxn ang="0">
                <a:pos x="connsiteX4086" y="connsiteY4086"/>
              </a:cxn>
              <a:cxn ang="0">
                <a:pos x="connsiteX4087" y="connsiteY4087"/>
              </a:cxn>
              <a:cxn ang="0">
                <a:pos x="connsiteX4088" y="connsiteY4088"/>
              </a:cxn>
              <a:cxn ang="0">
                <a:pos x="connsiteX4089" y="connsiteY4089"/>
              </a:cxn>
              <a:cxn ang="0">
                <a:pos x="connsiteX4090" y="connsiteY4090"/>
              </a:cxn>
              <a:cxn ang="0">
                <a:pos x="connsiteX4091" y="connsiteY4091"/>
              </a:cxn>
              <a:cxn ang="0">
                <a:pos x="connsiteX4092" y="connsiteY4092"/>
              </a:cxn>
              <a:cxn ang="0">
                <a:pos x="connsiteX4093" y="connsiteY4093"/>
              </a:cxn>
              <a:cxn ang="0">
                <a:pos x="connsiteX4094" y="connsiteY4094"/>
              </a:cxn>
              <a:cxn ang="0">
                <a:pos x="connsiteX4095" y="connsiteY4095"/>
              </a:cxn>
              <a:cxn ang="0">
                <a:pos x="connsiteX4096" y="connsiteY4096"/>
              </a:cxn>
              <a:cxn ang="0">
                <a:pos x="connsiteX4097" y="connsiteY4097"/>
              </a:cxn>
              <a:cxn ang="0">
                <a:pos x="connsiteX4098" y="connsiteY4098"/>
              </a:cxn>
              <a:cxn ang="0">
                <a:pos x="connsiteX4099" y="connsiteY4099"/>
              </a:cxn>
              <a:cxn ang="0">
                <a:pos x="connsiteX4100" y="connsiteY4100"/>
              </a:cxn>
              <a:cxn ang="0">
                <a:pos x="connsiteX4101" y="connsiteY4101"/>
              </a:cxn>
              <a:cxn ang="0">
                <a:pos x="connsiteX4102" y="connsiteY4102"/>
              </a:cxn>
              <a:cxn ang="0">
                <a:pos x="connsiteX4103" y="connsiteY4103"/>
              </a:cxn>
              <a:cxn ang="0">
                <a:pos x="connsiteX4104" y="connsiteY4104"/>
              </a:cxn>
              <a:cxn ang="0">
                <a:pos x="connsiteX4105" y="connsiteY4105"/>
              </a:cxn>
              <a:cxn ang="0">
                <a:pos x="connsiteX4106" y="connsiteY4106"/>
              </a:cxn>
              <a:cxn ang="0">
                <a:pos x="connsiteX4107" y="connsiteY4107"/>
              </a:cxn>
              <a:cxn ang="0">
                <a:pos x="connsiteX4108" y="connsiteY4108"/>
              </a:cxn>
              <a:cxn ang="0">
                <a:pos x="connsiteX4109" y="connsiteY4109"/>
              </a:cxn>
              <a:cxn ang="0">
                <a:pos x="connsiteX4110" y="connsiteY4110"/>
              </a:cxn>
              <a:cxn ang="0">
                <a:pos x="connsiteX4111" y="connsiteY4111"/>
              </a:cxn>
              <a:cxn ang="0">
                <a:pos x="connsiteX4112" y="connsiteY4112"/>
              </a:cxn>
              <a:cxn ang="0">
                <a:pos x="connsiteX4113" y="connsiteY4113"/>
              </a:cxn>
              <a:cxn ang="0">
                <a:pos x="connsiteX4114" y="connsiteY4114"/>
              </a:cxn>
              <a:cxn ang="0">
                <a:pos x="connsiteX4115" y="connsiteY4115"/>
              </a:cxn>
              <a:cxn ang="0">
                <a:pos x="connsiteX4116" y="connsiteY4116"/>
              </a:cxn>
              <a:cxn ang="0">
                <a:pos x="connsiteX4117" y="connsiteY4117"/>
              </a:cxn>
              <a:cxn ang="0">
                <a:pos x="connsiteX4118" y="connsiteY4118"/>
              </a:cxn>
              <a:cxn ang="0">
                <a:pos x="connsiteX4119" y="connsiteY4119"/>
              </a:cxn>
              <a:cxn ang="0">
                <a:pos x="connsiteX4120" y="connsiteY4120"/>
              </a:cxn>
              <a:cxn ang="0">
                <a:pos x="connsiteX4121" y="connsiteY4121"/>
              </a:cxn>
              <a:cxn ang="0">
                <a:pos x="connsiteX4122" y="connsiteY4122"/>
              </a:cxn>
              <a:cxn ang="0">
                <a:pos x="connsiteX4123" y="connsiteY4123"/>
              </a:cxn>
              <a:cxn ang="0">
                <a:pos x="connsiteX4124" y="connsiteY4124"/>
              </a:cxn>
              <a:cxn ang="0">
                <a:pos x="connsiteX4125" y="connsiteY4125"/>
              </a:cxn>
              <a:cxn ang="0">
                <a:pos x="connsiteX4126" y="connsiteY4126"/>
              </a:cxn>
              <a:cxn ang="0">
                <a:pos x="connsiteX4127" y="connsiteY4127"/>
              </a:cxn>
              <a:cxn ang="0">
                <a:pos x="connsiteX4128" y="connsiteY4128"/>
              </a:cxn>
              <a:cxn ang="0">
                <a:pos x="connsiteX4129" y="connsiteY4129"/>
              </a:cxn>
              <a:cxn ang="0">
                <a:pos x="connsiteX4130" y="connsiteY4130"/>
              </a:cxn>
              <a:cxn ang="0">
                <a:pos x="connsiteX4131" y="connsiteY4131"/>
              </a:cxn>
              <a:cxn ang="0">
                <a:pos x="connsiteX4132" y="connsiteY4132"/>
              </a:cxn>
              <a:cxn ang="0">
                <a:pos x="connsiteX4133" y="connsiteY4133"/>
              </a:cxn>
              <a:cxn ang="0">
                <a:pos x="connsiteX4134" y="connsiteY4134"/>
              </a:cxn>
              <a:cxn ang="0">
                <a:pos x="connsiteX4135" y="connsiteY4135"/>
              </a:cxn>
              <a:cxn ang="0">
                <a:pos x="connsiteX4136" y="connsiteY4136"/>
              </a:cxn>
              <a:cxn ang="0">
                <a:pos x="connsiteX4137" y="connsiteY4137"/>
              </a:cxn>
              <a:cxn ang="0">
                <a:pos x="connsiteX4138" y="connsiteY4138"/>
              </a:cxn>
              <a:cxn ang="0">
                <a:pos x="connsiteX4139" y="connsiteY4139"/>
              </a:cxn>
              <a:cxn ang="0">
                <a:pos x="connsiteX4140" y="connsiteY4140"/>
              </a:cxn>
              <a:cxn ang="0">
                <a:pos x="connsiteX4141" y="connsiteY4141"/>
              </a:cxn>
              <a:cxn ang="0">
                <a:pos x="connsiteX4142" y="connsiteY4142"/>
              </a:cxn>
              <a:cxn ang="0">
                <a:pos x="connsiteX4143" y="connsiteY4143"/>
              </a:cxn>
              <a:cxn ang="0">
                <a:pos x="connsiteX4144" y="connsiteY4144"/>
              </a:cxn>
              <a:cxn ang="0">
                <a:pos x="connsiteX4145" y="connsiteY4145"/>
              </a:cxn>
              <a:cxn ang="0">
                <a:pos x="connsiteX4146" y="connsiteY4146"/>
              </a:cxn>
              <a:cxn ang="0">
                <a:pos x="connsiteX4147" y="connsiteY4147"/>
              </a:cxn>
              <a:cxn ang="0">
                <a:pos x="connsiteX4148" y="connsiteY4148"/>
              </a:cxn>
              <a:cxn ang="0">
                <a:pos x="connsiteX4149" y="connsiteY4149"/>
              </a:cxn>
              <a:cxn ang="0">
                <a:pos x="connsiteX4150" y="connsiteY4150"/>
              </a:cxn>
              <a:cxn ang="0">
                <a:pos x="connsiteX4151" y="connsiteY4151"/>
              </a:cxn>
              <a:cxn ang="0">
                <a:pos x="connsiteX4152" y="connsiteY4152"/>
              </a:cxn>
              <a:cxn ang="0">
                <a:pos x="connsiteX4153" y="connsiteY4153"/>
              </a:cxn>
              <a:cxn ang="0">
                <a:pos x="connsiteX4154" y="connsiteY4154"/>
              </a:cxn>
              <a:cxn ang="0">
                <a:pos x="connsiteX4155" y="connsiteY4155"/>
              </a:cxn>
              <a:cxn ang="0">
                <a:pos x="connsiteX4156" y="connsiteY4156"/>
              </a:cxn>
              <a:cxn ang="0">
                <a:pos x="connsiteX4157" y="connsiteY4157"/>
              </a:cxn>
              <a:cxn ang="0">
                <a:pos x="connsiteX4158" y="connsiteY4158"/>
              </a:cxn>
              <a:cxn ang="0">
                <a:pos x="connsiteX4159" y="connsiteY4159"/>
              </a:cxn>
              <a:cxn ang="0">
                <a:pos x="connsiteX4160" y="connsiteY4160"/>
              </a:cxn>
              <a:cxn ang="0">
                <a:pos x="connsiteX4161" y="connsiteY4161"/>
              </a:cxn>
              <a:cxn ang="0">
                <a:pos x="connsiteX4162" y="connsiteY4162"/>
              </a:cxn>
              <a:cxn ang="0">
                <a:pos x="connsiteX4163" y="connsiteY4163"/>
              </a:cxn>
              <a:cxn ang="0">
                <a:pos x="connsiteX4164" y="connsiteY4164"/>
              </a:cxn>
              <a:cxn ang="0">
                <a:pos x="connsiteX4165" y="connsiteY4165"/>
              </a:cxn>
              <a:cxn ang="0">
                <a:pos x="connsiteX4166" y="connsiteY4166"/>
              </a:cxn>
              <a:cxn ang="0">
                <a:pos x="connsiteX4167" y="connsiteY4167"/>
              </a:cxn>
              <a:cxn ang="0">
                <a:pos x="connsiteX4168" y="connsiteY4168"/>
              </a:cxn>
              <a:cxn ang="0">
                <a:pos x="connsiteX4169" y="connsiteY4169"/>
              </a:cxn>
              <a:cxn ang="0">
                <a:pos x="connsiteX4170" y="connsiteY4170"/>
              </a:cxn>
              <a:cxn ang="0">
                <a:pos x="connsiteX4171" y="connsiteY4171"/>
              </a:cxn>
              <a:cxn ang="0">
                <a:pos x="connsiteX4172" y="connsiteY4172"/>
              </a:cxn>
              <a:cxn ang="0">
                <a:pos x="connsiteX4173" y="connsiteY4173"/>
              </a:cxn>
              <a:cxn ang="0">
                <a:pos x="connsiteX4174" y="connsiteY4174"/>
              </a:cxn>
              <a:cxn ang="0">
                <a:pos x="connsiteX4175" y="connsiteY4175"/>
              </a:cxn>
              <a:cxn ang="0">
                <a:pos x="connsiteX4176" y="connsiteY4176"/>
              </a:cxn>
              <a:cxn ang="0">
                <a:pos x="connsiteX4177" y="connsiteY4177"/>
              </a:cxn>
              <a:cxn ang="0">
                <a:pos x="connsiteX4178" y="connsiteY4178"/>
              </a:cxn>
              <a:cxn ang="0">
                <a:pos x="connsiteX4179" y="connsiteY4179"/>
              </a:cxn>
              <a:cxn ang="0">
                <a:pos x="connsiteX4180" y="connsiteY4180"/>
              </a:cxn>
              <a:cxn ang="0">
                <a:pos x="connsiteX4181" y="connsiteY4181"/>
              </a:cxn>
              <a:cxn ang="0">
                <a:pos x="connsiteX4182" y="connsiteY4182"/>
              </a:cxn>
              <a:cxn ang="0">
                <a:pos x="connsiteX4183" y="connsiteY4183"/>
              </a:cxn>
              <a:cxn ang="0">
                <a:pos x="connsiteX4184" y="connsiteY4184"/>
              </a:cxn>
              <a:cxn ang="0">
                <a:pos x="connsiteX4185" y="connsiteY4185"/>
              </a:cxn>
              <a:cxn ang="0">
                <a:pos x="connsiteX4186" y="connsiteY4186"/>
              </a:cxn>
              <a:cxn ang="0">
                <a:pos x="connsiteX4187" y="connsiteY4187"/>
              </a:cxn>
              <a:cxn ang="0">
                <a:pos x="connsiteX4188" y="connsiteY4188"/>
              </a:cxn>
              <a:cxn ang="0">
                <a:pos x="connsiteX4189" y="connsiteY4189"/>
              </a:cxn>
              <a:cxn ang="0">
                <a:pos x="connsiteX4190" y="connsiteY4190"/>
              </a:cxn>
              <a:cxn ang="0">
                <a:pos x="connsiteX4191" y="connsiteY4191"/>
              </a:cxn>
              <a:cxn ang="0">
                <a:pos x="connsiteX4192" y="connsiteY4192"/>
              </a:cxn>
              <a:cxn ang="0">
                <a:pos x="connsiteX4193" y="connsiteY4193"/>
              </a:cxn>
              <a:cxn ang="0">
                <a:pos x="connsiteX4194" y="connsiteY4194"/>
              </a:cxn>
              <a:cxn ang="0">
                <a:pos x="connsiteX4195" y="connsiteY4195"/>
              </a:cxn>
              <a:cxn ang="0">
                <a:pos x="connsiteX4196" y="connsiteY4196"/>
              </a:cxn>
              <a:cxn ang="0">
                <a:pos x="connsiteX4197" y="connsiteY4197"/>
              </a:cxn>
              <a:cxn ang="0">
                <a:pos x="connsiteX4198" y="connsiteY4198"/>
              </a:cxn>
              <a:cxn ang="0">
                <a:pos x="connsiteX4199" y="connsiteY4199"/>
              </a:cxn>
              <a:cxn ang="0">
                <a:pos x="connsiteX4200" y="connsiteY4200"/>
              </a:cxn>
              <a:cxn ang="0">
                <a:pos x="connsiteX4201" y="connsiteY4201"/>
              </a:cxn>
              <a:cxn ang="0">
                <a:pos x="connsiteX4202" y="connsiteY4202"/>
              </a:cxn>
              <a:cxn ang="0">
                <a:pos x="connsiteX4203" y="connsiteY4203"/>
              </a:cxn>
              <a:cxn ang="0">
                <a:pos x="connsiteX4204" y="connsiteY4204"/>
              </a:cxn>
              <a:cxn ang="0">
                <a:pos x="connsiteX4205" y="connsiteY4205"/>
              </a:cxn>
              <a:cxn ang="0">
                <a:pos x="connsiteX4206" y="connsiteY4206"/>
              </a:cxn>
              <a:cxn ang="0">
                <a:pos x="connsiteX4207" y="connsiteY4207"/>
              </a:cxn>
              <a:cxn ang="0">
                <a:pos x="connsiteX4208" y="connsiteY4208"/>
              </a:cxn>
              <a:cxn ang="0">
                <a:pos x="connsiteX4209" y="connsiteY4209"/>
              </a:cxn>
              <a:cxn ang="0">
                <a:pos x="connsiteX4210" y="connsiteY4210"/>
              </a:cxn>
              <a:cxn ang="0">
                <a:pos x="connsiteX4211" y="connsiteY4211"/>
              </a:cxn>
              <a:cxn ang="0">
                <a:pos x="connsiteX4212" y="connsiteY4212"/>
              </a:cxn>
              <a:cxn ang="0">
                <a:pos x="connsiteX4213" y="connsiteY4213"/>
              </a:cxn>
              <a:cxn ang="0">
                <a:pos x="connsiteX4214" y="connsiteY4214"/>
              </a:cxn>
              <a:cxn ang="0">
                <a:pos x="connsiteX4215" y="connsiteY4215"/>
              </a:cxn>
              <a:cxn ang="0">
                <a:pos x="connsiteX4216" y="connsiteY4216"/>
              </a:cxn>
              <a:cxn ang="0">
                <a:pos x="connsiteX4217" y="connsiteY4217"/>
              </a:cxn>
              <a:cxn ang="0">
                <a:pos x="connsiteX4218" y="connsiteY4218"/>
              </a:cxn>
              <a:cxn ang="0">
                <a:pos x="connsiteX4219" y="connsiteY4219"/>
              </a:cxn>
              <a:cxn ang="0">
                <a:pos x="connsiteX4220" y="connsiteY4220"/>
              </a:cxn>
              <a:cxn ang="0">
                <a:pos x="connsiteX4221" y="connsiteY4221"/>
              </a:cxn>
              <a:cxn ang="0">
                <a:pos x="connsiteX4222" y="connsiteY4222"/>
              </a:cxn>
              <a:cxn ang="0">
                <a:pos x="connsiteX4223" y="connsiteY4223"/>
              </a:cxn>
              <a:cxn ang="0">
                <a:pos x="connsiteX4224" y="connsiteY4224"/>
              </a:cxn>
              <a:cxn ang="0">
                <a:pos x="connsiteX4225" y="connsiteY4225"/>
              </a:cxn>
              <a:cxn ang="0">
                <a:pos x="connsiteX4226" y="connsiteY4226"/>
              </a:cxn>
              <a:cxn ang="0">
                <a:pos x="connsiteX4227" y="connsiteY4227"/>
              </a:cxn>
              <a:cxn ang="0">
                <a:pos x="connsiteX4228" y="connsiteY4228"/>
              </a:cxn>
              <a:cxn ang="0">
                <a:pos x="connsiteX4229" y="connsiteY4229"/>
              </a:cxn>
              <a:cxn ang="0">
                <a:pos x="connsiteX4230" y="connsiteY4230"/>
              </a:cxn>
              <a:cxn ang="0">
                <a:pos x="connsiteX4231" y="connsiteY4231"/>
              </a:cxn>
              <a:cxn ang="0">
                <a:pos x="connsiteX4232" y="connsiteY4232"/>
              </a:cxn>
              <a:cxn ang="0">
                <a:pos x="connsiteX4233" y="connsiteY4233"/>
              </a:cxn>
              <a:cxn ang="0">
                <a:pos x="connsiteX4234" y="connsiteY4234"/>
              </a:cxn>
              <a:cxn ang="0">
                <a:pos x="connsiteX4235" y="connsiteY4235"/>
              </a:cxn>
              <a:cxn ang="0">
                <a:pos x="connsiteX4236" y="connsiteY4236"/>
              </a:cxn>
              <a:cxn ang="0">
                <a:pos x="connsiteX4237" y="connsiteY4237"/>
              </a:cxn>
              <a:cxn ang="0">
                <a:pos x="connsiteX4238" y="connsiteY4238"/>
              </a:cxn>
              <a:cxn ang="0">
                <a:pos x="connsiteX4239" y="connsiteY4239"/>
              </a:cxn>
              <a:cxn ang="0">
                <a:pos x="connsiteX4240" y="connsiteY4240"/>
              </a:cxn>
              <a:cxn ang="0">
                <a:pos x="connsiteX4241" y="connsiteY4241"/>
              </a:cxn>
              <a:cxn ang="0">
                <a:pos x="connsiteX4242" y="connsiteY4242"/>
              </a:cxn>
              <a:cxn ang="0">
                <a:pos x="connsiteX4243" y="connsiteY4243"/>
              </a:cxn>
              <a:cxn ang="0">
                <a:pos x="connsiteX4244" y="connsiteY4244"/>
              </a:cxn>
              <a:cxn ang="0">
                <a:pos x="connsiteX4245" y="connsiteY4245"/>
              </a:cxn>
              <a:cxn ang="0">
                <a:pos x="connsiteX4246" y="connsiteY4246"/>
              </a:cxn>
              <a:cxn ang="0">
                <a:pos x="connsiteX4247" y="connsiteY4247"/>
              </a:cxn>
              <a:cxn ang="0">
                <a:pos x="connsiteX4248" y="connsiteY4248"/>
              </a:cxn>
              <a:cxn ang="0">
                <a:pos x="connsiteX4249" y="connsiteY4249"/>
              </a:cxn>
              <a:cxn ang="0">
                <a:pos x="connsiteX4250" y="connsiteY4250"/>
              </a:cxn>
              <a:cxn ang="0">
                <a:pos x="connsiteX4251" y="connsiteY4251"/>
              </a:cxn>
              <a:cxn ang="0">
                <a:pos x="connsiteX4252" y="connsiteY4252"/>
              </a:cxn>
              <a:cxn ang="0">
                <a:pos x="connsiteX4253" y="connsiteY4253"/>
              </a:cxn>
              <a:cxn ang="0">
                <a:pos x="connsiteX4254" y="connsiteY4254"/>
              </a:cxn>
              <a:cxn ang="0">
                <a:pos x="connsiteX4255" y="connsiteY4255"/>
              </a:cxn>
              <a:cxn ang="0">
                <a:pos x="connsiteX4256" y="connsiteY4256"/>
              </a:cxn>
              <a:cxn ang="0">
                <a:pos x="connsiteX4257" y="connsiteY4257"/>
              </a:cxn>
              <a:cxn ang="0">
                <a:pos x="connsiteX4258" y="connsiteY4258"/>
              </a:cxn>
              <a:cxn ang="0">
                <a:pos x="connsiteX4259" y="connsiteY4259"/>
              </a:cxn>
              <a:cxn ang="0">
                <a:pos x="connsiteX4260" y="connsiteY4260"/>
              </a:cxn>
              <a:cxn ang="0">
                <a:pos x="connsiteX4261" y="connsiteY4261"/>
              </a:cxn>
              <a:cxn ang="0">
                <a:pos x="connsiteX4262" y="connsiteY4262"/>
              </a:cxn>
              <a:cxn ang="0">
                <a:pos x="connsiteX4263" y="connsiteY4263"/>
              </a:cxn>
              <a:cxn ang="0">
                <a:pos x="connsiteX4264" y="connsiteY4264"/>
              </a:cxn>
              <a:cxn ang="0">
                <a:pos x="connsiteX4265" y="connsiteY4265"/>
              </a:cxn>
              <a:cxn ang="0">
                <a:pos x="connsiteX4266" y="connsiteY4266"/>
              </a:cxn>
              <a:cxn ang="0">
                <a:pos x="connsiteX4267" y="connsiteY4267"/>
              </a:cxn>
              <a:cxn ang="0">
                <a:pos x="connsiteX4268" y="connsiteY4268"/>
              </a:cxn>
              <a:cxn ang="0">
                <a:pos x="connsiteX4269" y="connsiteY4269"/>
              </a:cxn>
              <a:cxn ang="0">
                <a:pos x="connsiteX4270" y="connsiteY4270"/>
              </a:cxn>
              <a:cxn ang="0">
                <a:pos x="connsiteX4271" y="connsiteY4271"/>
              </a:cxn>
              <a:cxn ang="0">
                <a:pos x="connsiteX4272" y="connsiteY4272"/>
              </a:cxn>
              <a:cxn ang="0">
                <a:pos x="connsiteX4273" y="connsiteY4273"/>
              </a:cxn>
              <a:cxn ang="0">
                <a:pos x="connsiteX4274" y="connsiteY4274"/>
              </a:cxn>
              <a:cxn ang="0">
                <a:pos x="connsiteX4275" y="connsiteY4275"/>
              </a:cxn>
              <a:cxn ang="0">
                <a:pos x="connsiteX4276" y="connsiteY4276"/>
              </a:cxn>
              <a:cxn ang="0">
                <a:pos x="connsiteX4277" y="connsiteY4277"/>
              </a:cxn>
              <a:cxn ang="0">
                <a:pos x="connsiteX4278" y="connsiteY4278"/>
              </a:cxn>
              <a:cxn ang="0">
                <a:pos x="connsiteX4279" y="connsiteY4279"/>
              </a:cxn>
              <a:cxn ang="0">
                <a:pos x="connsiteX4280" y="connsiteY4280"/>
              </a:cxn>
              <a:cxn ang="0">
                <a:pos x="connsiteX4281" y="connsiteY4281"/>
              </a:cxn>
              <a:cxn ang="0">
                <a:pos x="connsiteX4282" y="connsiteY4282"/>
              </a:cxn>
              <a:cxn ang="0">
                <a:pos x="connsiteX4283" y="connsiteY4283"/>
              </a:cxn>
              <a:cxn ang="0">
                <a:pos x="connsiteX4284" y="connsiteY4284"/>
              </a:cxn>
              <a:cxn ang="0">
                <a:pos x="connsiteX4285" y="connsiteY4285"/>
              </a:cxn>
              <a:cxn ang="0">
                <a:pos x="connsiteX4286" y="connsiteY4286"/>
              </a:cxn>
              <a:cxn ang="0">
                <a:pos x="connsiteX4287" y="connsiteY4287"/>
              </a:cxn>
              <a:cxn ang="0">
                <a:pos x="connsiteX4288" y="connsiteY4288"/>
              </a:cxn>
              <a:cxn ang="0">
                <a:pos x="connsiteX4289" y="connsiteY4289"/>
              </a:cxn>
              <a:cxn ang="0">
                <a:pos x="connsiteX4290" y="connsiteY4290"/>
              </a:cxn>
              <a:cxn ang="0">
                <a:pos x="connsiteX4291" y="connsiteY4291"/>
              </a:cxn>
              <a:cxn ang="0">
                <a:pos x="connsiteX4292" y="connsiteY4292"/>
              </a:cxn>
              <a:cxn ang="0">
                <a:pos x="connsiteX4293" y="connsiteY4293"/>
              </a:cxn>
              <a:cxn ang="0">
                <a:pos x="connsiteX4294" y="connsiteY4294"/>
              </a:cxn>
              <a:cxn ang="0">
                <a:pos x="connsiteX4295" y="connsiteY4295"/>
              </a:cxn>
              <a:cxn ang="0">
                <a:pos x="connsiteX4296" y="connsiteY4296"/>
              </a:cxn>
              <a:cxn ang="0">
                <a:pos x="connsiteX4297" y="connsiteY4297"/>
              </a:cxn>
              <a:cxn ang="0">
                <a:pos x="connsiteX4298" y="connsiteY4298"/>
              </a:cxn>
              <a:cxn ang="0">
                <a:pos x="connsiteX4299" y="connsiteY4299"/>
              </a:cxn>
              <a:cxn ang="0">
                <a:pos x="connsiteX4300" y="connsiteY4300"/>
              </a:cxn>
              <a:cxn ang="0">
                <a:pos x="connsiteX4301" y="connsiteY4301"/>
              </a:cxn>
              <a:cxn ang="0">
                <a:pos x="connsiteX4302" y="connsiteY4302"/>
              </a:cxn>
              <a:cxn ang="0">
                <a:pos x="connsiteX4303" y="connsiteY4303"/>
              </a:cxn>
              <a:cxn ang="0">
                <a:pos x="connsiteX4304" y="connsiteY4304"/>
              </a:cxn>
              <a:cxn ang="0">
                <a:pos x="connsiteX4305" y="connsiteY4305"/>
              </a:cxn>
              <a:cxn ang="0">
                <a:pos x="connsiteX4306" y="connsiteY4306"/>
              </a:cxn>
              <a:cxn ang="0">
                <a:pos x="connsiteX4307" y="connsiteY4307"/>
              </a:cxn>
              <a:cxn ang="0">
                <a:pos x="connsiteX4308" y="connsiteY4308"/>
              </a:cxn>
              <a:cxn ang="0">
                <a:pos x="connsiteX4309" y="connsiteY4309"/>
              </a:cxn>
              <a:cxn ang="0">
                <a:pos x="connsiteX4310" y="connsiteY4310"/>
              </a:cxn>
              <a:cxn ang="0">
                <a:pos x="connsiteX4311" y="connsiteY4311"/>
              </a:cxn>
              <a:cxn ang="0">
                <a:pos x="connsiteX4312" y="connsiteY4312"/>
              </a:cxn>
              <a:cxn ang="0">
                <a:pos x="connsiteX4313" y="connsiteY4313"/>
              </a:cxn>
              <a:cxn ang="0">
                <a:pos x="connsiteX4314" y="connsiteY4314"/>
              </a:cxn>
              <a:cxn ang="0">
                <a:pos x="connsiteX4315" y="connsiteY4315"/>
              </a:cxn>
              <a:cxn ang="0">
                <a:pos x="connsiteX4316" y="connsiteY4316"/>
              </a:cxn>
              <a:cxn ang="0">
                <a:pos x="connsiteX4317" y="connsiteY4317"/>
              </a:cxn>
              <a:cxn ang="0">
                <a:pos x="connsiteX4318" y="connsiteY4318"/>
              </a:cxn>
              <a:cxn ang="0">
                <a:pos x="connsiteX4319" y="connsiteY4319"/>
              </a:cxn>
              <a:cxn ang="0">
                <a:pos x="connsiteX4320" y="connsiteY4320"/>
              </a:cxn>
              <a:cxn ang="0">
                <a:pos x="connsiteX4321" y="connsiteY4321"/>
              </a:cxn>
              <a:cxn ang="0">
                <a:pos x="connsiteX4322" y="connsiteY4322"/>
              </a:cxn>
              <a:cxn ang="0">
                <a:pos x="connsiteX4323" y="connsiteY4323"/>
              </a:cxn>
              <a:cxn ang="0">
                <a:pos x="connsiteX4324" y="connsiteY4324"/>
              </a:cxn>
              <a:cxn ang="0">
                <a:pos x="connsiteX4325" y="connsiteY4325"/>
              </a:cxn>
              <a:cxn ang="0">
                <a:pos x="connsiteX4326" y="connsiteY4326"/>
              </a:cxn>
              <a:cxn ang="0">
                <a:pos x="connsiteX4327" y="connsiteY4327"/>
              </a:cxn>
              <a:cxn ang="0">
                <a:pos x="connsiteX4328" y="connsiteY4328"/>
              </a:cxn>
              <a:cxn ang="0">
                <a:pos x="connsiteX4329" y="connsiteY4329"/>
              </a:cxn>
              <a:cxn ang="0">
                <a:pos x="connsiteX4330" y="connsiteY4330"/>
              </a:cxn>
              <a:cxn ang="0">
                <a:pos x="connsiteX4331" y="connsiteY4331"/>
              </a:cxn>
              <a:cxn ang="0">
                <a:pos x="connsiteX4332" y="connsiteY4332"/>
              </a:cxn>
              <a:cxn ang="0">
                <a:pos x="connsiteX4333" y="connsiteY4333"/>
              </a:cxn>
              <a:cxn ang="0">
                <a:pos x="connsiteX4334" y="connsiteY4334"/>
              </a:cxn>
              <a:cxn ang="0">
                <a:pos x="connsiteX4335" y="connsiteY4335"/>
              </a:cxn>
              <a:cxn ang="0">
                <a:pos x="connsiteX4336" y="connsiteY4336"/>
              </a:cxn>
              <a:cxn ang="0">
                <a:pos x="connsiteX4337" y="connsiteY4337"/>
              </a:cxn>
              <a:cxn ang="0">
                <a:pos x="connsiteX4338" y="connsiteY4338"/>
              </a:cxn>
              <a:cxn ang="0">
                <a:pos x="connsiteX4339" y="connsiteY4339"/>
              </a:cxn>
              <a:cxn ang="0">
                <a:pos x="connsiteX4340" y="connsiteY4340"/>
              </a:cxn>
              <a:cxn ang="0">
                <a:pos x="connsiteX4341" y="connsiteY4341"/>
              </a:cxn>
              <a:cxn ang="0">
                <a:pos x="connsiteX4342" y="connsiteY4342"/>
              </a:cxn>
              <a:cxn ang="0">
                <a:pos x="connsiteX4343" y="connsiteY4343"/>
              </a:cxn>
              <a:cxn ang="0">
                <a:pos x="connsiteX4344" y="connsiteY4344"/>
              </a:cxn>
              <a:cxn ang="0">
                <a:pos x="connsiteX4345" y="connsiteY4345"/>
              </a:cxn>
              <a:cxn ang="0">
                <a:pos x="connsiteX4346" y="connsiteY4346"/>
              </a:cxn>
              <a:cxn ang="0">
                <a:pos x="connsiteX4347" y="connsiteY4347"/>
              </a:cxn>
              <a:cxn ang="0">
                <a:pos x="connsiteX4348" y="connsiteY4348"/>
              </a:cxn>
              <a:cxn ang="0">
                <a:pos x="connsiteX4349" y="connsiteY4349"/>
              </a:cxn>
              <a:cxn ang="0">
                <a:pos x="connsiteX4350" y="connsiteY4350"/>
              </a:cxn>
              <a:cxn ang="0">
                <a:pos x="connsiteX4351" y="connsiteY4351"/>
              </a:cxn>
              <a:cxn ang="0">
                <a:pos x="connsiteX4352" y="connsiteY4352"/>
              </a:cxn>
              <a:cxn ang="0">
                <a:pos x="connsiteX4353" y="connsiteY4353"/>
              </a:cxn>
              <a:cxn ang="0">
                <a:pos x="connsiteX4354" y="connsiteY4354"/>
              </a:cxn>
              <a:cxn ang="0">
                <a:pos x="connsiteX4355" y="connsiteY4355"/>
              </a:cxn>
              <a:cxn ang="0">
                <a:pos x="connsiteX4356" y="connsiteY4356"/>
              </a:cxn>
              <a:cxn ang="0">
                <a:pos x="connsiteX4357" y="connsiteY4357"/>
              </a:cxn>
              <a:cxn ang="0">
                <a:pos x="connsiteX4358" y="connsiteY4358"/>
              </a:cxn>
              <a:cxn ang="0">
                <a:pos x="connsiteX4359" y="connsiteY4359"/>
              </a:cxn>
              <a:cxn ang="0">
                <a:pos x="connsiteX4360" y="connsiteY4360"/>
              </a:cxn>
              <a:cxn ang="0">
                <a:pos x="connsiteX4361" y="connsiteY4361"/>
              </a:cxn>
              <a:cxn ang="0">
                <a:pos x="connsiteX4362" y="connsiteY4362"/>
              </a:cxn>
              <a:cxn ang="0">
                <a:pos x="connsiteX4363" y="connsiteY4363"/>
              </a:cxn>
              <a:cxn ang="0">
                <a:pos x="connsiteX4364" y="connsiteY4364"/>
              </a:cxn>
              <a:cxn ang="0">
                <a:pos x="connsiteX4365" y="connsiteY4365"/>
              </a:cxn>
              <a:cxn ang="0">
                <a:pos x="connsiteX4366" y="connsiteY4366"/>
              </a:cxn>
              <a:cxn ang="0">
                <a:pos x="connsiteX4367" y="connsiteY4367"/>
              </a:cxn>
              <a:cxn ang="0">
                <a:pos x="connsiteX4368" y="connsiteY4368"/>
              </a:cxn>
              <a:cxn ang="0">
                <a:pos x="connsiteX4369" y="connsiteY4369"/>
              </a:cxn>
              <a:cxn ang="0">
                <a:pos x="connsiteX4370" y="connsiteY4370"/>
              </a:cxn>
              <a:cxn ang="0">
                <a:pos x="connsiteX4371" y="connsiteY4371"/>
              </a:cxn>
              <a:cxn ang="0">
                <a:pos x="connsiteX4372" y="connsiteY4372"/>
              </a:cxn>
              <a:cxn ang="0">
                <a:pos x="connsiteX4373" y="connsiteY4373"/>
              </a:cxn>
              <a:cxn ang="0">
                <a:pos x="connsiteX4374" y="connsiteY4374"/>
              </a:cxn>
              <a:cxn ang="0">
                <a:pos x="connsiteX4375" y="connsiteY4375"/>
              </a:cxn>
              <a:cxn ang="0">
                <a:pos x="connsiteX4376" y="connsiteY4376"/>
              </a:cxn>
              <a:cxn ang="0">
                <a:pos x="connsiteX4377" y="connsiteY4377"/>
              </a:cxn>
              <a:cxn ang="0">
                <a:pos x="connsiteX4378" y="connsiteY4378"/>
              </a:cxn>
              <a:cxn ang="0">
                <a:pos x="connsiteX4379" y="connsiteY4379"/>
              </a:cxn>
              <a:cxn ang="0">
                <a:pos x="connsiteX4380" y="connsiteY4380"/>
              </a:cxn>
              <a:cxn ang="0">
                <a:pos x="connsiteX4381" y="connsiteY4381"/>
              </a:cxn>
              <a:cxn ang="0">
                <a:pos x="connsiteX4382" y="connsiteY4382"/>
              </a:cxn>
              <a:cxn ang="0">
                <a:pos x="connsiteX4383" y="connsiteY4383"/>
              </a:cxn>
              <a:cxn ang="0">
                <a:pos x="connsiteX4384" y="connsiteY4384"/>
              </a:cxn>
              <a:cxn ang="0">
                <a:pos x="connsiteX4385" y="connsiteY4385"/>
              </a:cxn>
              <a:cxn ang="0">
                <a:pos x="connsiteX4386" y="connsiteY4386"/>
              </a:cxn>
              <a:cxn ang="0">
                <a:pos x="connsiteX4387" y="connsiteY4387"/>
              </a:cxn>
              <a:cxn ang="0">
                <a:pos x="connsiteX4388" y="connsiteY4388"/>
              </a:cxn>
              <a:cxn ang="0">
                <a:pos x="connsiteX4389" y="connsiteY4389"/>
              </a:cxn>
              <a:cxn ang="0">
                <a:pos x="connsiteX4390" y="connsiteY4390"/>
              </a:cxn>
              <a:cxn ang="0">
                <a:pos x="connsiteX4391" y="connsiteY4391"/>
              </a:cxn>
              <a:cxn ang="0">
                <a:pos x="connsiteX4392" y="connsiteY4392"/>
              </a:cxn>
              <a:cxn ang="0">
                <a:pos x="connsiteX4393" y="connsiteY4393"/>
              </a:cxn>
              <a:cxn ang="0">
                <a:pos x="connsiteX4394" y="connsiteY4394"/>
              </a:cxn>
              <a:cxn ang="0">
                <a:pos x="connsiteX4395" y="connsiteY4395"/>
              </a:cxn>
              <a:cxn ang="0">
                <a:pos x="connsiteX4396" y="connsiteY4396"/>
              </a:cxn>
              <a:cxn ang="0">
                <a:pos x="connsiteX4397" y="connsiteY4397"/>
              </a:cxn>
              <a:cxn ang="0">
                <a:pos x="connsiteX4398" y="connsiteY4398"/>
              </a:cxn>
              <a:cxn ang="0">
                <a:pos x="connsiteX4399" y="connsiteY4399"/>
              </a:cxn>
              <a:cxn ang="0">
                <a:pos x="connsiteX4400" y="connsiteY4400"/>
              </a:cxn>
              <a:cxn ang="0">
                <a:pos x="connsiteX4401" y="connsiteY4401"/>
              </a:cxn>
              <a:cxn ang="0">
                <a:pos x="connsiteX4402" y="connsiteY4402"/>
              </a:cxn>
              <a:cxn ang="0">
                <a:pos x="connsiteX4403" y="connsiteY4403"/>
              </a:cxn>
              <a:cxn ang="0">
                <a:pos x="connsiteX4404" y="connsiteY4404"/>
              </a:cxn>
              <a:cxn ang="0">
                <a:pos x="connsiteX4405" y="connsiteY4405"/>
              </a:cxn>
              <a:cxn ang="0">
                <a:pos x="connsiteX4406" y="connsiteY4406"/>
              </a:cxn>
              <a:cxn ang="0">
                <a:pos x="connsiteX4407" y="connsiteY4407"/>
              </a:cxn>
              <a:cxn ang="0">
                <a:pos x="connsiteX4408" y="connsiteY4408"/>
              </a:cxn>
              <a:cxn ang="0">
                <a:pos x="connsiteX4409" y="connsiteY4409"/>
              </a:cxn>
              <a:cxn ang="0">
                <a:pos x="connsiteX4410" y="connsiteY4410"/>
              </a:cxn>
              <a:cxn ang="0">
                <a:pos x="connsiteX4411" y="connsiteY4411"/>
              </a:cxn>
              <a:cxn ang="0">
                <a:pos x="connsiteX4412" y="connsiteY4412"/>
              </a:cxn>
              <a:cxn ang="0">
                <a:pos x="connsiteX4413" y="connsiteY4413"/>
              </a:cxn>
              <a:cxn ang="0">
                <a:pos x="connsiteX4414" y="connsiteY4414"/>
              </a:cxn>
              <a:cxn ang="0">
                <a:pos x="connsiteX4415" y="connsiteY4415"/>
              </a:cxn>
              <a:cxn ang="0">
                <a:pos x="connsiteX4416" y="connsiteY4416"/>
              </a:cxn>
              <a:cxn ang="0">
                <a:pos x="connsiteX4417" y="connsiteY4417"/>
              </a:cxn>
              <a:cxn ang="0">
                <a:pos x="connsiteX4418" y="connsiteY4418"/>
              </a:cxn>
              <a:cxn ang="0">
                <a:pos x="connsiteX4419" y="connsiteY4419"/>
              </a:cxn>
              <a:cxn ang="0">
                <a:pos x="connsiteX4420" y="connsiteY4420"/>
              </a:cxn>
              <a:cxn ang="0">
                <a:pos x="connsiteX4421" y="connsiteY4421"/>
              </a:cxn>
              <a:cxn ang="0">
                <a:pos x="connsiteX4422" y="connsiteY4422"/>
              </a:cxn>
              <a:cxn ang="0">
                <a:pos x="connsiteX4423" y="connsiteY4423"/>
              </a:cxn>
              <a:cxn ang="0">
                <a:pos x="connsiteX4424" y="connsiteY4424"/>
              </a:cxn>
              <a:cxn ang="0">
                <a:pos x="connsiteX4425" y="connsiteY4425"/>
              </a:cxn>
              <a:cxn ang="0">
                <a:pos x="connsiteX4426" y="connsiteY4426"/>
              </a:cxn>
              <a:cxn ang="0">
                <a:pos x="connsiteX4427" y="connsiteY4427"/>
              </a:cxn>
              <a:cxn ang="0">
                <a:pos x="connsiteX4428" y="connsiteY4428"/>
              </a:cxn>
              <a:cxn ang="0">
                <a:pos x="connsiteX4429" y="connsiteY4429"/>
              </a:cxn>
              <a:cxn ang="0">
                <a:pos x="connsiteX4430" y="connsiteY4430"/>
              </a:cxn>
              <a:cxn ang="0">
                <a:pos x="connsiteX4431" y="connsiteY4431"/>
              </a:cxn>
              <a:cxn ang="0">
                <a:pos x="connsiteX4432" y="connsiteY4432"/>
              </a:cxn>
              <a:cxn ang="0">
                <a:pos x="connsiteX4433" y="connsiteY4433"/>
              </a:cxn>
              <a:cxn ang="0">
                <a:pos x="connsiteX4434" y="connsiteY4434"/>
              </a:cxn>
              <a:cxn ang="0">
                <a:pos x="connsiteX4435" y="connsiteY4435"/>
              </a:cxn>
              <a:cxn ang="0">
                <a:pos x="connsiteX4436" y="connsiteY4436"/>
              </a:cxn>
              <a:cxn ang="0">
                <a:pos x="connsiteX4437" y="connsiteY4437"/>
              </a:cxn>
              <a:cxn ang="0">
                <a:pos x="connsiteX4438" y="connsiteY4438"/>
              </a:cxn>
              <a:cxn ang="0">
                <a:pos x="connsiteX4439" y="connsiteY4439"/>
              </a:cxn>
              <a:cxn ang="0">
                <a:pos x="connsiteX4440" y="connsiteY4440"/>
              </a:cxn>
              <a:cxn ang="0">
                <a:pos x="connsiteX4441" y="connsiteY4441"/>
              </a:cxn>
              <a:cxn ang="0">
                <a:pos x="connsiteX4442" y="connsiteY4442"/>
              </a:cxn>
              <a:cxn ang="0">
                <a:pos x="connsiteX4443" y="connsiteY4443"/>
              </a:cxn>
              <a:cxn ang="0">
                <a:pos x="connsiteX4444" y="connsiteY4444"/>
              </a:cxn>
              <a:cxn ang="0">
                <a:pos x="connsiteX4445" y="connsiteY4445"/>
              </a:cxn>
              <a:cxn ang="0">
                <a:pos x="connsiteX4446" y="connsiteY4446"/>
              </a:cxn>
              <a:cxn ang="0">
                <a:pos x="connsiteX4447" y="connsiteY4447"/>
              </a:cxn>
              <a:cxn ang="0">
                <a:pos x="connsiteX4448" y="connsiteY4448"/>
              </a:cxn>
              <a:cxn ang="0">
                <a:pos x="connsiteX4449" y="connsiteY4449"/>
              </a:cxn>
              <a:cxn ang="0">
                <a:pos x="connsiteX4450" y="connsiteY4450"/>
              </a:cxn>
              <a:cxn ang="0">
                <a:pos x="connsiteX4451" y="connsiteY4451"/>
              </a:cxn>
              <a:cxn ang="0">
                <a:pos x="connsiteX4452" y="connsiteY4452"/>
              </a:cxn>
              <a:cxn ang="0">
                <a:pos x="connsiteX4453" y="connsiteY4453"/>
              </a:cxn>
              <a:cxn ang="0">
                <a:pos x="connsiteX4454" y="connsiteY4454"/>
              </a:cxn>
              <a:cxn ang="0">
                <a:pos x="connsiteX4455" y="connsiteY4455"/>
              </a:cxn>
              <a:cxn ang="0">
                <a:pos x="connsiteX4456" y="connsiteY4456"/>
              </a:cxn>
              <a:cxn ang="0">
                <a:pos x="connsiteX4457" y="connsiteY4457"/>
              </a:cxn>
              <a:cxn ang="0">
                <a:pos x="connsiteX4458" y="connsiteY4458"/>
              </a:cxn>
              <a:cxn ang="0">
                <a:pos x="connsiteX4459" y="connsiteY4459"/>
              </a:cxn>
              <a:cxn ang="0">
                <a:pos x="connsiteX4460" y="connsiteY4460"/>
              </a:cxn>
              <a:cxn ang="0">
                <a:pos x="connsiteX4461" y="connsiteY4461"/>
              </a:cxn>
              <a:cxn ang="0">
                <a:pos x="connsiteX4462" y="connsiteY4462"/>
              </a:cxn>
              <a:cxn ang="0">
                <a:pos x="connsiteX4463" y="connsiteY4463"/>
              </a:cxn>
              <a:cxn ang="0">
                <a:pos x="connsiteX4464" y="connsiteY4464"/>
              </a:cxn>
              <a:cxn ang="0">
                <a:pos x="connsiteX4465" y="connsiteY4465"/>
              </a:cxn>
              <a:cxn ang="0">
                <a:pos x="connsiteX4466" y="connsiteY4466"/>
              </a:cxn>
              <a:cxn ang="0">
                <a:pos x="connsiteX4467" y="connsiteY4467"/>
              </a:cxn>
              <a:cxn ang="0">
                <a:pos x="connsiteX4468" y="connsiteY4468"/>
              </a:cxn>
              <a:cxn ang="0">
                <a:pos x="connsiteX4469" y="connsiteY4469"/>
              </a:cxn>
              <a:cxn ang="0">
                <a:pos x="connsiteX4470" y="connsiteY4470"/>
              </a:cxn>
              <a:cxn ang="0">
                <a:pos x="connsiteX4471" y="connsiteY4471"/>
              </a:cxn>
              <a:cxn ang="0">
                <a:pos x="connsiteX4472" y="connsiteY4472"/>
              </a:cxn>
              <a:cxn ang="0">
                <a:pos x="connsiteX4473" y="connsiteY4473"/>
              </a:cxn>
              <a:cxn ang="0">
                <a:pos x="connsiteX4474" y="connsiteY4474"/>
              </a:cxn>
              <a:cxn ang="0">
                <a:pos x="connsiteX4475" y="connsiteY4475"/>
              </a:cxn>
              <a:cxn ang="0">
                <a:pos x="connsiteX4476" y="connsiteY4476"/>
              </a:cxn>
              <a:cxn ang="0">
                <a:pos x="connsiteX4477" y="connsiteY4477"/>
              </a:cxn>
              <a:cxn ang="0">
                <a:pos x="connsiteX4478" y="connsiteY4478"/>
              </a:cxn>
              <a:cxn ang="0">
                <a:pos x="connsiteX4479" y="connsiteY4479"/>
              </a:cxn>
              <a:cxn ang="0">
                <a:pos x="connsiteX4480" y="connsiteY4480"/>
              </a:cxn>
              <a:cxn ang="0">
                <a:pos x="connsiteX4481" y="connsiteY4481"/>
              </a:cxn>
              <a:cxn ang="0">
                <a:pos x="connsiteX4482" y="connsiteY4482"/>
              </a:cxn>
              <a:cxn ang="0">
                <a:pos x="connsiteX4483" y="connsiteY4483"/>
              </a:cxn>
              <a:cxn ang="0">
                <a:pos x="connsiteX4484" y="connsiteY4484"/>
              </a:cxn>
              <a:cxn ang="0">
                <a:pos x="connsiteX4485" y="connsiteY4485"/>
              </a:cxn>
              <a:cxn ang="0">
                <a:pos x="connsiteX4486" y="connsiteY4486"/>
              </a:cxn>
              <a:cxn ang="0">
                <a:pos x="connsiteX4487" y="connsiteY4487"/>
              </a:cxn>
              <a:cxn ang="0">
                <a:pos x="connsiteX4488" y="connsiteY4488"/>
              </a:cxn>
              <a:cxn ang="0">
                <a:pos x="connsiteX4489" y="connsiteY4489"/>
              </a:cxn>
              <a:cxn ang="0">
                <a:pos x="connsiteX4490" y="connsiteY4490"/>
              </a:cxn>
              <a:cxn ang="0">
                <a:pos x="connsiteX4491" y="connsiteY4491"/>
              </a:cxn>
              <a:cxn ang="0">
                <a:pos x="connsiteX4492" y="connsiteY4492"/>
              </a:cxn>
              <a:cxn ang="0">
                <a:pos x="connsiteX4493" y="connsiteY4493"/>
              </a:cxn>
              <a:cxn ang="0">
                <a:pos x="connsiteX4494" y="connsiteY4494"/>
              </a:cxn>
              <a:cxn ang="0">
                <a:pos x="connsiteX4495" y="connsiteY4495"/>
              </a:cxn>
              <a:cxn ang="0">
                <a:pos x="connsiteX4496" y="connsiteY4496"/>
              </a:cxn>
              <a:cxn ang="0">
                <a:pos x="connsiteX4497" y="connsiteY4497"/>
              </a:cxn>
              <a:cxn ang="0">
                <a:pos x="connsiteX4498" y="connsiteY4498"/>
              </a:cxn>
              <a:cxn ang="0">
                <a:pos x="connsiteX4499" y="connsiteY4499"/>
              </a:cxn>
              <a:cxn ang="0">
                <a:pos x="connsiteX4500" y="connsiteY4500"/>
              </a:cxn>
              <a:cxn ang="0">
                <a:pos x="connsiteX4501" y="connsiteY4501"/>
              </a:cxn>
              <a:cxn ang="0">
                <a:pos x="connsiteX4502" y="connsiteY4502"/>
              </a:cxn>
              <a:cxn ang="0">
                <a:pos x="connsiteX4503" y="connsiteY4503"/>
              </a:cxn>
              <a:cxn ang="0">
                <a:pos x="connsiteX4504" y="connsiteY4504"/>
              </a:cxn>
              <a:cxn ang="0">
                <a:pos x="connsiteX4505" y="connsiteY4505"/>
              </a:cxn>
              <a:cxn ang="0">
                <a:pos x="connsiteX4506" y="connsiteY4506"/>
              </a:cxn>
              <a:cxn ang="0">
                <a:pos x="connsiteX4507" y="connsiteY4507"/>
              </a:cxn>
              <a:cxn ang="0">
                <a:pos x="connsiteX4508" y="connsiteY4508"/>
              </a:cxn>
              <a:cxn ang="0">
                <a:pos x="connsiteX4509" y="connsiteY4509"/>
              </a:cxn>
              <a:cxn ang="0">
                <a:pos x="connsiteX4510" y="connsiteY4510"/>
              </a:cxn>
              <a:cxn ang="0">
                <a:pos x="connsiteX4511" y="connsiteY4511"/>
              </a:cxn>
              <a:cxn ang="0">
                <a:pos x="connsiteX4512" y="connsiteY4512"/>
              </a:cxn>
              <a:cxn ang="0">
                <a:pos x="connsiteX4513" y="connsiteY4513"/>
              </a:cxn>
              <a:cxn ang="0">
                <a:pos x="connsiteX4514" y="connsiteY4514"/>
              </a:cxn>
              <a:cxn ang="0">
                <a:pos x="connsiteX4515" y="connsiteY4515"/>
              </a:cxn>
              <a:cxn ang="0">
                <a:pos x="connsiteX4516" y="connsiteY4516"/>
              </a:cxn>
              <a:cxn ang="0">
                <a:pos x="connsiteX4517" y="connsiteY4517"/>
              </a:cxn>
              <a:cxn ang="0">
                <a:pos x="connsiteX4518" y="connsiteY4518"/>
              </a:cxn>
              <a:cxn ang="0">
                <a:pos x="connsiteX4519" y="connsiteY4519"/>
              </a:cxn>
              <a:cxn ang="0">
                <a:pos x="connsiteX4520" y="connsiteY4520"/>
              </a:cxn>
              <a:cxn ang="0">
                <a:pos x="connsiteX4521" y="connsiteY4521"/>
              </a:cxn>
              <a:cxn ang="0">
                <a:pos x="connsiteX4522" y="connsiteY4522"/>
              </a:cxn>
              <a:cxn ang="0">
                <a:pos x="connsiteX4523" y="connsiteY4523"/>
              </a:cxn>
              <a:cxn ang="0">
                <a:pos x="connsiteX4524" y="connsiteY4524"/>
              </a:cxn>
              <a:cxn ang="0">
                <a:pos x="connsiteX4525" y="connsiteY4525"/>
              </a:cxn>
              <a:cxn ang="0">
                <a:pos x="connsiteX4526" y="connsiteY4526"/>
              </a:cxn>
              <a:cxn ang="0">
                <a:pos x="connsiteX4527" y="connsiteY4527"/>
              </a:cxn>
              <a:cxn ang="0">
                <a:pos x="connsiteX4528" y="connsiteY4528"/>
              </a:cxn>
              <a:cxn ang="0">
                <a:pos x="connsiteX4529" y="connsiteY4529"/>
              </a:cxn>
              <a:cxn ang="0">
                <a:pos x="connsiteX4530" y="connsiteY4530"/>
              </a:cxn>
              <a:cxn ang="0">
                <a:pos x="connsiteX4531" y="connsiteY4531"/>
              </a:cxn>
              <a:cxn ang="0">
                <a:pos x="connsiteX4532" y="connsiteY4532"/>
              </a:cxn>
              <a:cxn ang="0">
                <a:pos x="connsiteX4533" y="connsiteY4533"/>
              </a:cxn>
              <a:cxn ang="0">
                <a:pos x="connsiteX4534" y="connsiteY4534"/>
              </a:cxn>
              <a:cxn ang="0">
                <a:pos x="connsiteX4535" y="connsiteY4535"/>
              </a:cxn>
              <a:cxn ang="0">
                <a:pos x="connsiteX4536" y="connsiteY4536"/>
              </a:cxn>
              <a:cxn ang="0">
                <a:pos x="connsiteX4537" y="connsiteY4537"/>
              </a:cxn>
              <a:cxn ang="0">
                <a:pos x="connsiteX4538" y="connsiteY4538"/>
              </a:cxn>
              <a:cxn ang="0">
                <a:pos x="connsiteX4539" y="connsiteY4539"/>
              </a:cxn>
              <a:cxn ang="0">
                <a:pos x="connsiteX4540" y="connsiteY4540"/>
              </a:cxn>
              <a:cxn ang="0">
                <a:pos x="connsiteX4541" y="connsiteY4541"/>
              </a:cxn>
              <a:cxn ang="0">
                <a:pos x="connsiteX4542" y="connsiteY4542"/>
              </a:cxn>
              <a:cxn ang="0">
                <a:pos x="connsiteX4543" y="connsiteY4543"/>
              </a:cxn>
              <a:cxn ang="0">
                <a:pos x="connsiteX4544" y="connsiteY4544"/>
              </a:cxn>
              <a:cxn ang="0">
                <a:pos x="connsiteX4545" y="connsiteY4545"/>
              </a:cxn>
              <a:cxn ang="0">
                <a:pos x="connsiteX4546" y="connsiteY4546"/>
              </a:cxn>
              <a:cxn ang="0">
                <a:pos x="connsiteX4547" y="connsiteY4547"/>
              </a:cxn>
              <a:cxn ang="0">
                <a:pos x="connsiteX4548" y="connsiteY4548"/>
              </a:cxn>
              <a:cxn ang="0">
                <a:pos x="connsiteX4549" y="connsiteY4549"/>
              </a:cxn>
              <a:cxn ang="0">
                <a:pos x="connsiteX4550" y="connsiteY4550"/>
              </a:cxn>
              <a:cxn ang="0">
                <a:pos x="connsiteX4551" y="connsiteY4551"/>
              </a:cxn>
              <a:cxn ang="0">
                <a:pos x="connsiteX4552" y="connsiteY4552"/>
              </a:cxn>
              <a:cxn ang="0">
                <a:pos x="connsiteX4553" y="connsiteY4553"/>
              </a:cxn>
              <a:cxn ang="0">
                <a:pos x="connsiteX4554" y="connsiteY4554"/>
              </a:cxn>
              <a:cxn ang="0">
                <a:pos x="connsiteX4555" y="connsiteY4555"/>
              </a:cxn>
              <a:cxn ang="0">
                <a:pos x="connsiteX4556" y="connsiteY4556"/>
              </a:cxn>
              <a:cxn ang="0">
                <a:pos x="connsiteX4557" y="connsiteY4557"/>
              </a:cxn>
              <a:cxn ang="0">
                <a:pos x="connsiteX4558" y="connsiteY4558"/>
              </a:cxn>
              <a:cxn ang="0">
                <a:pos x="connsiteX4559" y="connsiteY4559"/>
              </a:cxn>
              <a:cxn ang="0">
                <a:pos x="connsiteX4560" y="connsiteY4560"/>
              </a:cxn>
              <a:cxn ang="0">
                <a:pos x="connsiteX4561" y="connsiteY4561"/>
              </a:cxn>
              <a:cxn ang="0">
                <a:pos x="connsiteX4562" y="connsiteY4562"/>
              </a:cxn>
              <a:cxn ang="0">
                <a:pos x="connsiteX4563" y="connsiteY4563"/>
              </a:cxn>
              <a:cxn ang="0">
                <a:pos x="connsiteX4564" y="connsiteY4564"/>
              </a:cxn>
              <a:cxn ang="0">
                <a:pos x="connsiteX4565" y="connsiteY4565"/>
              </a:cxn>
              <a:cxn ang="0">
                <a:pos x="connsiteX4566" y="connsiteY4566"/>
              </a:cxn>
              <a:cxn ang="0">
                <a:pos x="connsiteX4567" y="connsiteY4567"/>
              </a:cxn>
              <a:cxn ang="0">
                <a:pos x="connsiteX4568" y="connsiteY4568"/>
              </a:cxn>
              <a:cxn ang="0">
                <a:pos x="connsiteX4569" y="connsiteY4569"/>
              </a:cxn>
              <a:cxn ang="0">
                <a:pos x="connsiteX4570" y="connsiteY4570"/>
              </a:cxn>
              <a:cxn ang="0">
                <a:pos x="connsiteX4571" y="connsiteY4571"/>
              </a:cxn>
              <a:cxn ang="0">
                <a:pos x="connsiteX4572" y="connsiteY4572"/>
              </a:cxn>
              <a:cxn ang="0">
                <a:pos x="connsiteX4573" y="connsiteY4573"/>
              </a:cxn>
              <a:cxn ang="0">
                <a:pos x="connsiteX4574" y="connsiteY4574"/>
              </a:cxn>
              <a:cxn ang="0">
                <a:pos x="connsiteX4575" y="connsiteY4575"/>
              </a:cxn>
              <a:cxn ang="0">
                <a:pos x="connsiteX4576" y="connsiteY4576"/>
              </a:cxn>
              <a:cxn ang="0">
                <a:pos x="connsiteX4577" y="connsiteY4577"/>
              </a:cxn>
              <a:cxn ang="0">
                <a:pos x="connsiteX4578" y="connsiteY4578"/>
              </a:cxn>
              <a:cxn ang="0">
                <a:pos x="connsiteX4579" y="connsiteY4579"/>
              </a:cxn>
              <a:cxn ang="0">
                <a:pos x="connsiteX4580" y="connsiteY4580"/>
              </a:cxn>
              <a:cxn ang="0">
                <a:pos x="connsiteX4581" y="connsiteY4581"/>
              </a:cxn>
              <a:cxn ang="0">
                <a:pos x="connsiteX4582" y="connsiteY4582"/>
              </a:cxn>
              <a:cxn ang="0">
                <a:pos x="connsiteX4583" y="connsiteY4583"/>
              </a:cxn>
              <a:cxn ang="0">
                <a:pos x="connsiteX4584" y="connsiteY4584"/>
              </a:cxn>
              <a:cxn ang="0">
                <a:pos x="connsiteX4585" y="connsiteY4585"/>
              </a:cxn>
              <a:cxn ang="0">
                <a:pos x="connsiteX4586" y="connsiteY4586"/>
              </a:cxn>
              <a:cxn ang="0">
                <a:pos x="connsiteX4587" y="connsiteY4587"/>
              </a:cxn>
              <a:cxn ang="0">
                <a:pos x="connsiteX4588" y="connsiteY4588"/>
              </a:cxn>
              <a:cxn ang="0">
                <a:pos x="connsiteX4589" y="connsiteY4589"/>
              </a:cxn>
              <a:cxn ang="0">
                <a:pos x="connsiteX4590" y="connsiteY4590"/>
              </a:cxn>
              <a:cxn ang="0">
                <a:pos x="connsiteX4591" y="connsiteY4591"/>
              </a:cxn>
              <a:cxn ang="0">
                <a:pos x="connsiteX4592" y="connsiteY4592"/>
              </a:cxn>
              <a:cxn ang="0">
                <a:pos x="connsiteX4593" y="connsiteY4593"/>
              </a:cxn>
              <a:cxn ang="0">
                <a:pos x="connsiteX4594" y="connsiteY4594"/>
              </a:cxn>
              <a:cxn ang="0">
                <a:pos x="connsiteX4595" y="connsiteY4595"/>
              </a:cxn>
              <a:cxn ang="0">
                <a:pos x="connsiteX4596" y="connsiteY4596"/>
              </a:cxn>
              <a:cxn ang="0">
                <a:pos x="connsiteX4597" y="connsiteY4597"/>
              </a:cxn>
              <a:cxn ang="0">
                <a:pos x="connsiteX4598" y="connsiteY4598"/>
              </a:cxn>
              <a:cxn ang="0">
                <a:pos x="connsiteX4599" y="connsiteY4599"/>
              </a:cxn>
              <a:cxn ang="0">
                <a:pos x="connsiteX4600" y="connsiteY4600"/>
              </a:cxn>
              <a:cxn ang="0">
                <a:pos x="connsiteX4601" y="connsiteY4601"/>
              </a:cxn>
              <a:cxn ang="0">
                <a:pos x="connsiteX4602" y="connsiteY4602"/>
              </a:cxn>
              <a:cxn ang="0">
                <a:pos x="connsiteX4603" y="connsiteY4603"/>
              </a:cxn>
              <a:cxn ang="0">
                <a:pos x="connsiteX4604" y="connsiteY4604"/>
              </a:cxn>
              <a:cxn ang="0">
                <a:pos x="connsiteX4605" y="connsiteY4605"/>
              </a:cxn>
              <a:cxn ang="0">
                <a:pos x="connsiteX4606" y="connsiteY4606"/>
              </a:cxn>
              <a:cxn ang="0">
                <a:pos x="connsiteX4607" y="connsiteY4607"/>
              </a:cxn>
              <a:cxn ang="0">
                <a:pos x="connsiteX4608" y="connsiteY4608"/>
              </a:cxn>
              <a:cxn ang="0">
                <a:pos x="connsiteX4609" y="connsiteY4609"/>
              </a:cxn>
              <a:cxn ang="0">
                <a:pos x="connsiteX4610" y="connsiteY4610"/>
              </a:cxn>
              <a:cxn ang="0">
                <a:pos x="connsiteX4611" y="connsiteY4611"/>
              </a:cxn>
              <a:cxn ang="0">
                <a:pos x="connsiteX4612" y="connsiteY4612"/>
              </a:cxn>
              <a:cxn ang="0">
                <a:pos x="connsiteX4613" y="connsiteY4613"/>
              </a:cxn>
              <a:cxn ang="0">
                <a:pos x="connsiteX4614" y="connsiteY4614"/>
              </a:cxn>
              <a:cxn ang="0">
                <a:pos x="connsiteX4615" y="connsiteY4615"/>
              </a:cxn>
              <a:cxn ang="0">
                <a:pos x="connsiteX4616" y="connsiteY4616"/>
              </a:cxn>
              <a:cxn ang="0">
                <a:pos x="connsiteX4617" y="connsiteY4617"/>
              </a:cxn>
              <a:cxn ang="0">
                <a:pos x="connsiteX4618" y="connsiteY4618"/>
              </a:cxn>
              <a:cxn ang="0">
                <a:pos x="connsiteX4619" y="connsiteY4619"/>
              </a:cxn>
              <a:cxn ang="0">
                <a:pos x="connsiteX4620" y="connsiteY4620"/>
              </a:cxn>
              <a:cxn ang="0">
                <a:pos x="connsiteX4621" y="connsiteY4621"/>
              </a:cxn>
              <a:cxn ang="0">
                <a:pos x="connsiteX4622" y="connsiteY4622"/>
              </a:cxn>
              <a:cxn ang="0">
                <a:pos x="connsiteX4623" y="connsiteY4623"/>
              </a:cxn>
              <a:cxn ang="0">
                <a:pos x="connsiteX4624" y="connsiteY4624"/>
              </a:cxn>
              <a:cxn ang="0">
                <a:pos x="connsiteX4625" y="connsiteY4625"/>
              </a:cxn>
              <a:cxn ang="0">
                <a:pos x="connsiteX4626" y="connsiteY4626"/>
              </a:cxn>
              <a:cxn ang="0">
                <a:pos x="connsiteX4627" y="connsiteY4627"/>
              </a:cxn>
              <a:cxn ang="0">
                <a:pos x="connsiteX4628" y="connsiteY4628"/>
              </a:cxn>
              <a:cxn ang="0">
                <a:pos x="connsiteX4629" y="connsiteY4629"/>
              </a:cxn>
              <a:cxn ang="0">
                <a:pos x="connsiteX4630" y="connsiteY4630"/>
              </a:cxn>
              <a:cxn ang="0">
                <a:pos x="connsiteX4631" y="connsiteY4631"/>
              </a:cxn>
              <a:cxn ang="0">
                <a:pos x="connsiteX4632" y="connsiteY4632"/>
              </a:cxn>
              <a:cxn ang="0">
                <a:pos x="connsiteX4633" y="connsiteY4633"/>
              </a:cxn>
              <a:cxn ang="0">
                <a:pos x="connsiteX4634" y="connsiteY4634"/>
              </a:cxn>
              <a:cxn ang="0">
                <a:pos x="connsiteX4635" y="connsiteY4635"/>
              </a:cxn>
              <a:cxn ang="0">
                <a:pos x="connsiteX4636" y="connsiteY4636"/>
              </a:cxn>
              <a:cxn ang="0">
                <a:pos x="connsiteX4637" y="connsiteY4637"/>
              </a:cxn>
              <a:cxn ang="0">
                <a:pos x="connsiteX4638" y="connsiteY4638"/>
              </a:cxn>
              <a:cxn ang="0">
                <a:pos x="connsiteX4639" y="connsiteY4639"/>
              </a:cxn>
              <a:cxn ang="0">
                <a:pos x="connsiteX4640" y="connsiteY4640"/>
              </a:cxn>
              <a:cxn ang="0">
                <a:pos x="connsiteX4641" y="connsiteY4641"/>
              </a:cxn>
              <a:cxn ang="0">
                <a:pos x="connsiteX4642" y="connsiteY4642"/>
              </a:cxn>
              <a:cxn ang="0">
                <a:pos x="connsiteX4643" y="connsiteY4643"/>
              </a:cxn>
              <a:cxn ang="0">
                <a:pos x="connsiteX4644" y="connsiteY4644"/>
              </a:cxn>
              <a:cxn ang="0">
                <a:pos x="connsiteX4645" y="connsiteY4645"/>
              </a:cxn>
              <a:cxn ang="0">
                <a:pos x="connsiteX4646" y="connsiteY4646"/>
              </a:cxn>
              <a:cxn ang="0">
                <a:pos x="connsiteX4647" y="connsiteY4647"/>
              </a:cxn>
              <a:cxn ang="0">
                <a:pos x="connsiteX4648" y="connsiteY4648"/>
              </a:cxn>
              <a:cxn ang="0">
                <a:pos x="connsiteX4649" y="connsiteY4649"/>
              </a:cxn>
              <a:cxn ang="0">
                <a:pos x="connsiteX4650" y="connsiteY4650"/>
              </a:cxn>
              <a:cxn ang="0">
                <a:pos x="connsiteX4651" y="connsiteY4651"/>
              </a:cxn>
              <a:cxn ang="0">
                <a:pos x="connsiteX4652" y="connsiteY4652"/>
              </a:cxn>
              <a:cxn ang="0">
                <a:pos x="connsiteX4653" y="connsiteY4653"/>
              </a:cxn>
              <a:cxn ang="0">
                <a:pos x="connsiteX4654" y="connsiteY4654"/>
              </a:cxn>
              <a:cxn ang="0">
                <a:pos x="connsiteX4655" y="connsiteY4655"/>
              </a:cxn>
              <a:cxn ang="0">
                <a:pos x="connsiteX4656" y="connsiteY4656"/>
              </a:cxn>
              <a:cxn ang="0">
                <a:pos x="connsiteX4657" y="connsiteY4657"/>
              </a:cxn>
              <a:cxn ang="0">
                <a:pos x="connsiteX4658" y="connsiteY4658"/>
              </a:cxn>
              <a:cxn ang="0">
                <a:pos x="connsiteX4659" y="connsiteY4659"/>
              </a:cxn>
              <a:cxn ang="0">
                <a:pos x="connsiteX4660" y="connsiteY4660"/>
              </a:cxn>
              <a:cxn ang="0">
                <a:pos x="connsiteX4661" y="connsiteY4661"/>
              </a:cxn>
              <a:cxn ang="0">
                <a:pos x="connsiteX4662" y="connsiteY4662"/>
              </a:cxn>
              <a:cxn ang="0">
                <a:pos x="connsiteX4663" y="connsiteY4663"/>
              </a:cxn>
              <a:cxn ang="0">
                <a:pos x="connsiteX4664" y="connsiteY4664"/>
              </a:cxn>
              <a:cxn ang="0">
                <a:pos x="connsiteX4665" y="connsiteY4665"/>
              </a:cxn>
              <a:cxn ang="0">
                <a:pos x="connsiteX4666" y="connsiteY4666"/>
              </a:cxn>
              <a:cxn ang="0">
                <a:pos x="connsiteX4667" y="connsiteY4667"/>
              </a:cxn>
              <a:cxn ang="0">
                <a:pos x="connsiteX4668" y="connsiteY4668"/>
              </a:cxn>
              <a:cxn ang="0">
                <a:pos x="connsiteX4669" y="connsiteY4669"/>
              </a:cxn>
              <a:cxn ang="0">
                <a:pos x="connsiteX4670" y="connsiteY4670"/>
              </a:cxn>
              <a:cxn ang="0">
                <a:pos x="connsiteX4671" y="connsiteY4671"/>
              </a:cxn>
              <a:cxn ang="0">
                <a:pos x="connsiteX4672" y="connsiteY4672"/>
              </a:cxn>
              <a:cxn ang="0">
                <a:pos x="connsiteX4673" y="connsiteY4673"/>
              </a:cxn>
              <a:cxn ang="0">
                <a:pos x="connsiteX4674" y="connsiteY4674"/>
              </a:cxn>
              <a:cxn ang="0">
                <a:pos x="connsiteX4675" y="connsiteY4675"/>
              </a:cxn>
              <a:cxn ang="0">
                <a:pos x="connsiteX4676" y="connsiteY4676"/>
              </a:cxn>
              <a:cxn ang="0">
                <a:pos x="connsiteX4677" y="connsiteY4677"/>
              </a:cxn>
              <a:cxn ang="0">
                <a:pos x="connsiteX4678" y="connsiteY4678"/>
              </a:cxn>
              <a:cxn ang="0">
                <a:pos x="connsiteX4679" y="connsiteY4679"/>
              </a:cxn>
              <a:cxn ang="0">
                <a:pos x="connsiteX4680" y="connsiteY4680"/>
              </a:cxn>
              <a:cxn ang="0">
                <a:pos x="connsiteX4681" y="connsiteY4681"/>
              </a:cxn>
              <a:cxn ang="0">
                <a:pos x="connsiteX4682" y="connsiteY4682"/>
              </a:cxn>
              <a:cxn ang="0">
                <a:pos x="connsiteX4683" y="connsiteY4683"/>
              </a:cxn>
              <a:cxn ang="0">
                <a:pos x="connsiteX4684" y="connsiteY4684"/>
              </a:cxn>
              <a:cxn ang="0">
                <a:pos x="connsiteX4685" y="connsiteY4685"/>
              </a:cxn>
              <a:cxn ang="0">
                <a:pos x="connsiteX4686" y="connsiteY4686"/>
              </a:cxn>
              <a:cxn ang="0">
                <a:pos x="connsiteX4687" y="connsiteY4687"/>
              </a:cxn>
              <a:cxn ang="0">
                <a:pos x="connsiteX4688" y="connsiteY4688"/>
              </a:cxn>
              <a:cxn ang="0">
                <a:pos x="connsiteX4689" y="connsiteY4689"/>
              </a:cxn>
              <a:cxn ang="0">
                <a:pos x="connsiteX4690" y="connsiteY4690"/>
              </a:cxn>
              <a:cxn ang="0">
                <a:pos x="connsiteX4691" y="connsiteY4691"/>
              </a:cxn>
              <a:cxn ang="0">
                <a:pos x="connsiteX4692" y="connsiteY4692"/>
              </a:cxn>
              <a:cxn ang="0">
                <a:pos x="connsiteX4693" y="connsiteY4693"/>
              </a:cxn>
              <a:cxn ang="0">
                <a:pos x="connsiteX4694" y="connsiteY4694"/>
              </a:cxn>
              <a:cxn ang="0">
                <a:pos x="connsiteX4695" y="connsiteY4695"/>
              </a:cxn>
              <a:cxn ang="0">
                <a:pos x="connsiteX4696" y="connsiteY4696"/>
              </a:cxn>
              <a:cxn ang="0">
                <a:pos x="connsiteX4697" y="connsiteY4697"/>
              </a:cxn>
              <a:cxn ang="0">
                <a:pos x="connsiteX4698" y="connsiteY4698"/>
              </a:cxn>
              <a:cxn ang="0">
                <a:pos x="connsiteX4699" y="connsiteY4699"/>
              </a:cxn>
              <a:cxn ang="0">
                <a:pos x="connsiteX4700" y="connsiteY4700"/>
              </a:cxn>
              <a:cxn ang="0">
                <a:pos x="connsiteX4701" y="connsiteY4701"/>
              </a:cxn>
              <a:cxn ang="0">
                <a:pos x="connsiteX4702" y="connsiteY4702"/>
              </a:cxn>
              <a:cxn ang="0">
                <a:pos x="connsiteX4703" y="connsiteY4703"/>
              </a:cxn>
              <a:cxn ang="0">
                <a:pos x="connsiteX4704" y="connsiteY4704"/>
              </a:cxn>
              <a:cxn ang="0">
                <a:pos x="connsiteX4705" y="connsiteY4705"/>
              </a:cxn>
              <a:cxn ang="0">
                <a:pos x="connsiteX4706" y="connsiteY4706"/>
              </a:cxn>
              <a:cxn ang="0">
                <a:pos x="connsiteX4707" y="connsiteY4707"/>
              </a:cxn>
              <a:cxn ang="0">
                <a:pos x="connsiteX4708" y="connsiteY4708"/>
              </a:cxn>
              <a:cxn ang="0">
                <a:pos x="connsiteX4709" y="connsiteY4709"/>
              </a:cxn>
              <a:cxn ang="0">
                <a:pos x="connsiteX4710" y="connsiteY4710"/>
              </a:cxn>
              <a:cxn ang="0">
                <a:pos x="connsiteX4711" y="connsiteY4711"/>
              </a:cxn>
              <a:cxn ang="0">
                <a:pos x="connsiteX4712" y="connsiteY4712"/>
              </a:cxn>
              <a:cxn ang="0">
                <a:pos x="connsiteX4713" y="connsiteY4713"/>
              </a:cxn>
              <a:cxn ang="0">
                <a:pos x="connsiteX4714" y="connsiteY4714"/>
              </a:cxn>
              <a:cxn ang="0">
                <a:pos x="connsiteX4715" y="connsiteY4715"/>
              </a:cxn>
              <a:cxn ang="0">
                <a:pos x="connsiteX4716" y="connsiteY4716"/>
              </a:cxn>
              <a:cxn ang="0">
                <a:pos x="connsiteX4717" y="connsiteY4717"/>
              </a:cxn>
              <a:cxn ang="0">
                <a:pos x="connsiteX4718" y="connsiteY4718"/>
              </a:cxn>
              <a:cxn ang="0">
                <a:pos x="connsiteX4719" y="connsiteY4719"/>
              </a:cxn>
              <a:cxn ang="0">
                <a:pos x="connsiteX4720" y="connsiteY4720"/>
              </a:cxn>
              <a:cxn ang="0">
                <a:pos x="connsiteX4721" y="connsiteY4721"/>
              </a:cxn>
              <a:cxn ang="0">
                <a:pos x="connsiteX4722" y="connsiteY4722"/>
              </a:cxn>
              <a:cxn ang="0">
                <a:pos x="connsiteX4723" y="connsiteY4723"/>
              </a:cxn>
              <a:cxn ang="0">
                <a:pos x="connsiteX4724" y="connsiteY4724"/>
              </a:cxn>
              <a:cxn ang="0">
                <a:pos x="connsiteX4725" y="connsiteY4725"/>
              </a:cxn>
              <a:cxn ang="0">
                <a:pos x="connsiteX4726" y="connsiteY4726"/>
              </a:cxn>
              <a:cxn ang="0">
                <a:pos x="connsiteX4727" y="connsiteY4727"/>
              </a:cxn>
              <a:cxn ang="0">
                <a:pos x="connsiteX4728" y="connsiteY4728"/>
              </a:cxn>
              <a:cxn ang="0">
                <a:pos x="connsiteX4729" y="connsiteY4729"/>
              </a:cxn>
              <a:cxn ang="0">
                <a:pos x="connsiteX4730" y="connsiteY4730"/>
              </a:cxn>
              <a:cxn ang="0">
                <a:pos x="connsiteX4731" y="connsiteY4731"/>
              </a:cxn>
              <a:cxn ang="0">
                <a:pos x="connsiteX4732" y="connsiteY4732"/>
              </a:cxn>
              <a:cxn ang="0">
                <a:pos x="connsiteX4733" y="connsiteY4733"/>
              </a:cxn>
              <a:cxn ang="0">
                <a:pos x="connsiteX4734" y="connsiteY4734"/>
              </a:cxn>
              <a:cxn ang="0">
                <a:pos x="connsiteX4735" y="connsiteY4735"/>
              </a:cxn>
              <a:cxn ang="0">
                <a:pos x="connsiteX4736" y="connsiteY4736"/>
              </a:cxn>
              <a:cxn ang="0">
                <a:pos x="connsiteX4737" y="connsiteY4737"/>
              </a:cxn>
              <a:cxn ang="0">
                <a:pos x="connsiteX4738" y="connsiteY4738"/>
              </a:cxn>
              <a:cxn ang="0">
                <a:pos x="connsiteX4739" y="connsiteY4739"/>
              </a:cxn>
              <a:cxn ang="0">
                <a:pos x="connsiteX4740" y="connsiteY4740"/>
              </a:cxn>
              <a:cxn ang="0">
                <a:pos x="connsiteX4741" y="connsiteY4741"/>
              </a:cxn>
              <a:cxn ang="0">
                <a:pos x="connsiteX4742" y="connsiteY4742"/>
              </a:cxn>
              <a:cxn ang="0">
                <a:pos x="connsiteX4743" y="connsiteY4743"/>
              </a:cxn>
              <a:cxn ang="0">
                <a:pos x="connsiteX4744" y="connsiteY4744"/>
              </a:cxn>
              <a:cxn ang="0">
                <a:pos x="connsiteX4745" y="connsiteY4745"/>
              </a:cxn>
              <a:cxn ang="0">
                <a:pos x="connsiteX4746" y="connsiteY4746"/>
              </a:cxn>
              <a:cxn ang="0">
                <a:pos x="connsiteX4747" y="connsiteY4747"/>
              </a:cxn>
              <a:cxn ang="0">
                <a:pos x="connsiteX4748" y="connsiteY4748"/>
              </a:cxn>
              <a:cxn ang="0">
                <a:pos x="connsiteX4749" y="connsiteY4749"/>
              </a:cxn>
              <a:cxn ang="0">
                <a:pos x="connsiteX4750" y="connsiteY4750"/>
              </a:cxn>
              <a:cxn ang="0">
                <a:pos x="connsiteX4751" y="connsiteY4751"/>
              </a:cxn>
              <a:cxn ang="0">
                <a:pos x="connsiteX4752" y="connsiteY4752"/>
              </a:cxn>
              <a:cxn ang="0">
                <a:pos x="connsiteX4753" y="connsiteY4753"/>
              </a:cxn>
              <a:cxn ang="0">
                <a:pos x="connsiteX4754" y="connsiteY4754"/>
              </a:cxn>
              <a:cxn ang="0">
                <a:pos x="connsiteX4755" y="connsiteY4755"/>
              </a:cxn>
              <a:cxn ang="0">
                <a:pos x="connsiteX4756" y="connsiteY4756"/>
              </a:cxn>
              <a:cxn ang="0">
                <a:pos x="connsiteX4757" y="connsiteY4757"/>
              </a:cxn>
              <a:cxn ang="0">
                <a:pos x="connsiteX4758" y="connsiteY4758"/>
              </a:cxn>
              <a:cxn ang="0">
                <a:pos x="connsiteX4759" y="connsiteY4759"/>
              </a:cxn>
              <a:cxn ang="0">
                <a:pos x="connsiteX4760" y="connsiteY4760"/>
              </a:cxn>
              <a:cxn ang="0">
                <a:pos x="connsiteX4761" y="connsiteY4761"/>
              </a:cxn>
              <a:cxn ang="0">
                <a:pos x="connsiteX4762" y="connsiteY4762"/>
              </a:cxn>
              <a:cxn ang="0">
                <a:pos x="connsiteX4763" y="connsiteY4763"/>
              </a:cxn>
              <a:cxn ang="0">
                <a:pos x="connsiteX4764" y="connsiteY4764"/>
              </a:cxn>
              <a:cxn ang="0">
                <a:pos x="connsiteX4765" y="connsiteY4765"/>
              </a:cxn>
              <a:cxn ang="0">
                <a:pos x="connsiteX4766" y="connsiteY4766"/>
              </a:cxn>
              <a:cxn ang="0">
                <a:pos x="connsiteX4767" y="connsiteY4767"/>
              </a:cxn>
              <a:cxn ang="0">
                <a:pos x="connsiteX4768" y="connsiteY4768"/>
              </a:cxn>
              <a:cxn ang="0">
                <a:pos x="connsiteX4769" y="connsiteY4769"/>
              </a:cxn>
              <a:cxn ang="0">
                <a:pos x="connsiteX4770" y="connsiteY4770"/>
              </a:cxn>
              <a:cxn ang="0">
                <a:pos x="connsiteX4771" y="connsiteY4771"/>
              </a:cxn>
              <a:cxn ang="0">
                <a:pos x="connsiteX4772" y="connsiteY4772"/>
              </a:cxn>
              <a:cxn ang="0">
                <a:pos x="connsiteX4773" y="connsiteY4773"/>
              </a:cxn>
              <a:cxn ang="0">
                <a:pos x="connsiteX4774" y="connsiteY4774"/>
              </a:cxn>
              <a:cxn ang="0">
                <a:pos x="connsiteX4775" y="connsiteY4775"/>
              </a:cxn>
              <a:cxn ang="0">
                <a:pos x="connsiteX4776" y="connsiteY4776"/>
              </a:cxn>
              <a:cxn ang="0">
                <a:pos x="connsiteX4777" y="connsiteY4777"/>
              </a:cxn>
              <a:cxn ang="0">
                <a:pos x="connsiteX4778" y="connsiteY4778"/>
              </a:cxn>
              <a:cxn ang="0">
                <a:pos x="connsiteX4779" y="connsiteY4779"/>
              </a:cxn>
              <a:cxn ang="0">
                <a:pos x="connsiteX4780" y="connsiteY4780"/>
              </a:cxn>
              <a:cxn ang="0">
                <a:pos x="connsiteX4781" y="connsiteY4781"/>
              </a:cxn>
              <a:cxn ang="0">
                <a:pos x="connsiteX4782" y="connsiteY4782"/>
              </a:cxn>
              <a:cxn ang="0">
                <a:pos x="connsiteX4783" y="connsiteY4783"/>
              </a:cxn>
              <a:cxn ang="0">
                <a:pos x="connsiteX4784" y="connsiteY4784"/>
              </a:cxn>
              <a:cxn ang="0">
                <a:pos x="connsiteX4785" y="connsiteY4785"/>
              </a:cxn>
              <a:cxn ang="0">
                <a:pos x="connsiteX4786" y="connsiteY4786"/>
              </a:cxn>
              <a:cxn ang="0">
                <a:pos x="connsiteX4787" y="connsiteY4787"/>
              </a:cxn>
              <a:cxn ang="0">
                <a:pos x="connsiteX4788" y="connsiteY4788"/>
              </a:cxn>
              <a:cxn ang="0">
                <a:pos x="connsiteX4789" y="connsiteY4789"/>
              </a:cxn>
              <a:cxn ang="0">
                <a:pos x="connsiteX4790" y="connsiteY4790"/>
              </a:cxn>
              <a:cxn ang="0">
                <a:pos x="connsiteX4791" y="connsiteY4791"/>
              </a:cxn>
              <a:cxn ang="0">
                <a:pos x="connsiteX4792" y="connsiteY4792"/>
              </a:cxn>
              <a:cxn ang="0">
                <a:pos x="connsiteX4793" y="connsiteY4793"/>
              </a:cxn>
              <a:cxn ang="0">
                <a:pos x="connsiteX4794" y="connsiteY4794"/>
              </a:cxn>
              <a:cxn ang="0">
                <a:pos x="connsiteX4795" y="connsiteY4795"/>
              </a:cxn>
              <a:cxn ang="0">
                <a:pos x="connsiteX4796" y="connsiteY4796"/>
              </a:cxn>
              <a:cxn ang="0">
                <a:pos x="connsiteX4797" y="connsiteY4797"/>
              </a:cxn>
              <a:cxn ang="0">
                <a:pos x="connsiteX4798" y="connsiteY4798"/>
              </a:cxn>
              <a:cxn ang="0">
                <a:pos x="connsiteX4799" y="connsiteY4799"/>
              </a:cxn>
              <a:cxn ang="0">
                <a:pos x="connsiteX4800" y="connsiteY4800"/>
              </a:cxn>
              <a:cxn ang="0">
                <a:pos x="connsiteX4801" y="connsiteY4801"/>
              </a:cxn>
              <a:cxn ang="0">
                <a:pos x="connsiteX4802" y="connsiteY4802"/>
              </a:cxn>
              <a:cxn ang="0">
                <a:pos x="connsiteX4803" y="connsiteY4803"/>
              </a:cxn>
              <a:cxn ang="0">
                <a:pos x="connsiteX4804" y="connsiteY4804"/>
              </a:cxn>
              <a:cxn ang="0">
                <a:pos x="connsiteX4805" y="connsiteY4805"/>
              </a:cxn>
              <a:cxn ang="0">
                <a:pos x="connsiteX4806" y="connsiteY4806"/>
              </a:cxn>
              <a:cxn ang="0">
                <a:pos x="connsiteX4807" y="connsiteY4807"/>
              </a:cxn>
              <a:cxn ang="0">
                <a:pos x="connsiteX4808" y="connsiteY4808"/>
              </a:cxn>
              <a:cxn ang="0">
                <a:pos x="connsiteX4809" y="connsiteY4809"/>
              </a:cxn>
              <a:cxn ang="0">
                <a:pos x="connsiteX4810" y="connsiteY4810"/>
              </a:cxn>
              <a:cxn ang="0">
                <a:pos x="connsiteX4811" y="connsiteY4811"/>
              </a:cxn>
              <a:cxn ang="0">
                <a:pos x="connsiteX4812" y="connsiteY4812"/>
              </a:cxn>
              <a:cxn ang="0">
                <a:pos x="connsiteX4813" y="connsiteY4813"/>
              </a:cxn>
              <a:cxn ang="0">
                <a:pos x="connsiteX4814" y="connsiteY4814"/>
              </a:cxn>
              <a:cxn ang="0">
                <a:pos x="connsiteX4815" y="connsiteY4815"/>
              </a:cxn>
              <a:cxn ang="0">
                <a:pos x="connsiteX4816" y="connsiteY4816"/>
              </a:cxn>
              <a:cxn ang="0">
                <a:pos x="connsiteX4817" y="connsiteY4817"/>
              </a:cxn>
              <a:cxn ang="0">
                <a:pos x="connsiteX4818" y="connsiteY4818"/>
              </a:cxn>
              <a:cxn ang="0">
                <a:pos x="connsiteX4819" y="connsiteY4819"/>
              </a:cxn>
              <a:cxn ang="0">
                <a:pos x="connsiteX4820" y="connsiteY4820"/>
              </a:cxn>
              <a:cxn ang="0">
                <a:pos x="connsiteX4821" y="connsiteY4821"/>
              </a:cxn>
              <a:cxn ang="0">
                <a:pos x="connsiteX4822" y="connsiteY4822"/>
              </a:cxn>
              <a:cxn ang="0">
                <a:pos x="connsiteX4823" y="connsiteY4823"/>
              </a:cxn>
              <a:cxn ang="0">
                <a:pos x="connsiteX4824" y="connsiteY4824"/>
              </a:cxn>
              <a:cxn ang="0">
                <a:pos x="connsiteX4825" y="connsiteY4825"/>
              </a:cxn>
              <a:cxn ang="0">
                <a:pos x="connsiteX4826" y="connsiteY4826"/>
              </a:cxn>
              <a:cxn ang="0">
                <a:pos x="connsiteX4827" y="connsiteY4827"/>
              </a:cxn>
              <a:cxn ang="0">
                <a:pos x="connsiteX4828" y="connsiteY4828"/>
              </a:cxn>
              <a:cxn ang="0">
                <a:pos x="connsiteX4829" y="connsiteY4829"/>
              </a:cxn>
              <a:cxn ang="0">
                <a:pos x="connsiteX4830" y="connsiteY4830"/>
              </a:cxn>
              <a:cxn ang="0">
                <a:pos x="connsiteX4831" y="connsiteY4831"/>
              </a:cxn>
              <a:cxn ang="0">
                <a:pos x="connsiteX4832" y="connsiteY4832"/>
              </a:cxn>
              <a:cxn ang="0">
                <a:pos x="connsiteX4833" y="connsiteY4833"/>
              </a:cxn>
              <a:cxn ang="0">
                <a:pos x="connsiteX4834" y="connsiteY4834"/>
              </a:cxn>
              <a:cxn ang="0">
                <a:pos x="connsiteX4835" y="connsiteY4835"/>
              </a:cxn>
              <a:cxn ang="0">
                <a:pos x="connsiteX4836" y="connsiteY4836"/>
              </a:cxn>
              <a:cxn ang="0">
                <a:pos x="connsiteX4837" y="connsiteY4837"/>
              </a:cxn>
              <a:cxn ang="0">
                <a:pos x="connsiteX4838" y="connsiteY4838"/>
              </a:cxn>
              <a:cxn ang="0">
                <a:pos x="connsiteX4839" y="connsiteY4839"/>
              </a:cxn>
              <a:cxn ang="0">
                <a:pos x="connsiteX4840" y="connsiteY4840"/>
              </a:cxn>
              <a:cxn ang="0">
                <a:pos x="connsiteX4841" y="connsiteY4841"/>
              </a:cxn>
              <a:cxn ang="0">
                <a:pos x="connsiteX4842" y="connsiteY4842"/>
              </a:cxn>
              <a:cxn ang="0">
                <a:pos x="connsiteX4843" y="connsiteY4843"/>
              </a:cxn>
              <a:cxn ang="0">
                <a:pos x="connsiteX4844" y="connsiteY4844"/>
              </a:cxn>
              <a:cxn ang="0">
                <a:pos x="connsiteX4845" y="connsiteY4845"/>
              </a:cxn>
              <a:cxn ang="0">
                <a:pos x="connsiteX4846" y="connsiteY4846"/>
              </a:cxn>
              <a:cxn ang="0">
                <a:pos x="connsiteX4847" y="connsiteY4847"/>
              </a:cxn>
              <a:cxn ang="0">
                <a:pos x="connsiteX4848" y="connsiteY4848"/>
              </a:cxn>
              <a:cxn ang="0">
                <a:pos x="connsiteX4849" y="connsiteY4849"/>
              </a:cxn>
              <a:cxn ang="0">
                <a:pos x="connsiteX4850" y="connsiteY4850"/>
              </a:cxn>
              <a:cxn ang="0">
                <a:pos x="connsiteX4851" y="connsiteY4851"/>
              </a:cxn>
              <a:cxn ang="0">
                <a:pos x="connsiteX4852" y="connsiteY4852"/>
              </a:cxn>
              <a:cxn ang="0">
                <a:pos x="connsiteX4853" y="connsiteY4853"/>
              </a:cxn>
              <a:cxn ang="0">
                <a:pos x="connsiteX4854" y="connsiteY4854"/>
              </a:cxn>
              <a:cxn ang="0">
                <a:pos x="connsiteX4855" y="connsiteY4855"/>
              </a:cxn>
              <a:cxn ang="0">
                <a:pos x="connsiteX4856" y="connsiteY4856"/>
              </a:cxn>
              <a:cxn ang="0">
                <a:pos x="connsiteX4857" y="connsiteY4857"/>
              </a:cxn>
              <a:cxn ang="0">
                <a:pos x="connsiteX4858" y="connsiteY4858"/>
              </a:cxn>
              <a:cxn ang="0">
                <a:pos x="connsiteX4859" y="connsiteY4859"/>
              </a:cxn>
              <a:cxn ang="0">
                <a:pos x="connsiteX4860" y="connsiteY4860"/>
              </a:cxn>
              <a:cxn ang="0">
                <a:pos x="connsiteX4861" y="connsiteY4861"/>
              </a:cxn>
              <a:cxn ang="0">
                <a:pos x="connsiteX4862" y="connsiteY4862"/>
              </a:cxn>
              <a:cxn ang="0">
                <a:pos x="connsiteX4863" y="connsiteY4863"/>
              </a:cxn>
              <a:cxn ang="0">
                <a:pos x="connsiteX4864" y="connsiteY4864"/>
              </a:cxn>
              <a:cxn ang="0">
                <a:pos x="connsiteX4865" y="connsiteY4865"/>
              </a:cxn>
              <a:cxn ang="0">
                <a:pos x="connsiteX4866" y="connsiteY4866"/>
              </a:cxn>
              <a:cxn ang="0">
                <a:pos x="connsiteX4867" y="connsiteY4867"/>
              </a:cxn>
              <a:cxn ang="0">
                <a:pos x="connsiteX4868" y="connsiteY4868"/>
              </a:cxn>
              <a:cxn ang="0">
                <a:pos x="connsiteX4869" y="connsiteY4869"/>
              </a:cxn>
              <a:cxn ang="0">
                <a:pos x="connsiteX4870" y="connsiteY4870"/>
              </a:cxn>
              <a:cxn ang="0">
                <a:pos x="connsiteX4871" y="connsiteY4871"/>
              </a:cxn>
              <a:cxn ang="0">
                <a:pos x="connsiteX4872" y="connsiteY4872"/>
              </a:cxn>
              <a:cxn ang="0">
                <a:pos x="connsiteX4873" y="connsiteY4873"/>
              </a:cxn>
              <a:cxn ang="0">
                <a:pos x="connsiteX4874" y="connsiteY4874"/>
              </a:cxn>
              <a:cxn ang="0">
                <a:pos x="connsiteX4875" y="connsiteY4875"/>
              </a:cxn>
              <a:cxn ang="0">
                <a:pos x="connsiteX4876" y="connsiteY4876"/>
              </a:cxn>
              <a:cxn ang="0">
                <a:pos x="connsiteX4877" y="connsiteY4877"/>
              </a:cxn>
              <a:cxn ang="0">
                <a:pos x="connsiteX4878" y="connsiteY4878"/>
              </a:cxn>
              <a:cxn ang="0">
                <a:pos x="connsiteX4879" y="connsiteY4879"/>
              </a:cxn>
              <a:cxn ang="0">
                <a:pos x="connsiteX4880" y="connsiteY4880"/>
              </a:cxn>
              <a:cxn ang="0">
                <a:pos x="connsiteX4881" y="connsiteY4881"/>
              </a:cxn>
              <a:cxn ang="0">
                <a:pos x="connsiteX4882" y="connsiteY4882"/>
              </a:cxn>
              <a:cxn ang="0">
                <a:pos x="connsiteX4883" y="connsiteY4883"/>
              </a:cxn>
              <a:cxn ang="0">
                <a:pos x="connsiteX4884" y="connsiteY4884"/>
              </a:cxn>
              <a:cxn ang="0">
                <a:pos x="connsiteX4885" y="connsiteY4885"/>
              </a:cxn>
              <a:cxn ang="0">
                <a:pos x="connsiteX4886" y="connsiteY4886"/>
              </a:cxn>
              <a:cxn ang="0">
                <a:pos x="connsiteX4887" y="connsiteY4887"/>
              </a:cxn>
              <a:cxn ang="0">
                <a:pos x="connsiteX4888" y="connsiteY4888"/>
              </a:cxn>
              <a:cxn ang="0">
                <a:pos x="connsiteX4889" y="connsiteY4889"/>
              </a:cxn>
              <a:cxn ang="0">
                <a:pos x="connsiteX4890" y="connsiteY4890"/>
              </a:cxn>
              <a:cxn ang="0">
                <a:pos x="connsiteX4891" y="connsiteY4891"/>
              </a:cxn>
              <a:cxn ang="0">
                <a:pos x="connsiteX4892" y="connsiteY4892"/>
              </a:cxn>
              <a:cxn ang="0">
                <a:pos x="connsiteX4893" y="connsiteY4893"/>
              </a:cxn>
              <a:cxn ang="0">
                <a:pos x="connsiteX4894" y="connsiteY4894"/>
              </a:cxn>
              <a:cxn ang="0">
                <a:pos x="connsiteX4895" y="connsiteY4895"/>
              </a:cxn>
              <a:cxn ang="0">
                <a:pos x="connsiteX4896" y="connsiteY4896"/>
              </a:cxn>
              <a:cxn ang="0">
                <a:pos x="connsiteX4897" y="connsiteY4897"/>
              </a:cxn>
              <a:cxn ang="0">
                <a:pos x="connsiteX4898" y="connsiteY4898"/>
              </a:cxn>
              <a:cxn ang="0">
                <a:pos x="connsiteX4899" y="connsiteY4899"/>
              </a:cxn>
              <a:cxn ang="0">
                <a:pos x="connsiteX4900" y="connsiteY4900"/>
              </a:cxn>
              <a:cxn ang="0">
                <a:pos x="connsiteX4901" y="connsiteY4901"/>
              </a:cxn>
              <a:cxn ang="0">
                <a:pos x="connsiteX4902" y="connsiteY4902"/>
              </a:cxn>
              <a:cxn ang="0">
                <a:pos x="connsiteX4903" y="connsiteY4903"/>
              </a:cxn>
              <a:cxn ang="0">
                <a:pos x="connsiteX4904" y="connsiteY4904"/>
              </a:cxn>
              <a:cxn ang="0">
                <a:pos x="connsiteX4905" y="connsiteY4905"/>
              </a:cxn>
              <a:cxn ang="0">
                <a:pos x="connsiteX4906" y="connsiteY4906"/>
              </a:cxn>
              <a:cxn ang="0">
                <a:pos x="connsiteX4907" y="connsiteY4907"/>
              </a:cxn>
              <a:cxn ang="0">
                <a:pos x="connsiteX4908" y="connsiteY4908"/>
              </a:cxn>
              <a:cxn ang="0">
                <a:pos x="connsiteX4909" y="connsiteY4909"/>
              </a:cxn>
              <a:cxn ang="0">
                <a:pos x="connsiteX4910" y="connsiteY4910"/>
              </a:cxn>
              <a:cxn ang="0">
                <a:pos x="connsiteX4911" y="connsiteY4911"/>
              </a:cxn>
              <a:cxn ang="0">
                <a:pos x="connsiteX4912" y="connsiteY4912"/>
              </a:cxn>
              <a:cxn ang="0">
                <a:pos x="connsiteX4913" y="connsiteY4913"/>
              </a:cxn>
              <a:cxn ang="0">
                <a:pos x="connsiteX4914" y="connsiteY4914"/>
              </a:cxn>
              <a:cxn ang="0">
                <a:pos x="connsiteX4915" y="connsiteY4915"/>
              </a:cxn>
              <a:cxn ang="0">
                <a:pos x="connsiteX4916" y="connsiteY4916"/>
              </a:cxn>
              <a:cxn ang="0">
                <a:pos x="connsiteX4917" y="connsiteY4917"/>
              </a:cxn>
              <a:cxn ang="0">
                <a:pos x="connsiteX4918" y="connsiteY4918"/>
              </a:cxn>
              <a:cxn ang="0">
                <a:pos x="connsiteX4919" y="connsiteY4919"/>
              </a:cxn>
              <a:cxn ang="0">
                <a:pos x="connsiteX4920" y="connsiteY4920"/>
              </a:cxn>
              <a:cxn ang="0">
                <a:pos x="connsiteX4921" y="connsiteY4921"/>
              </a:cxn>
              <a:cxn ang="0">
                <a:pos x="connsiteX4922" y="connsiteY4922"/>
              </a:cxn>
              <a:cxn ang="0">
                <a:pos x="connsiteX4923" y="connsiteY4923"/>
              </a:cxn>
              <a:cxn ang="0">
                <a:pos x="connsiteX4924" y="connsiteY4924"/>
              </a:cxn>
              <a:cxn ang="0">
                <a:pos x="connsiteX4925" y="connsiteY4925"/>
              </a:cxn>
              <a:cxn ang="0">
                <a:pos x="connsiteX4926" y="connsiteY4926"/>
              </a:cxn>
              <a:cxn ang="0">
                <a:pos x="connsiteX4927" y="connsiteY4927"/>
              </a:cxn>
              <a:cxn ang="0">
                <a:pos x="connsiteX4928" y="connsiteY4928"/>
              </a:cxn>
              <a:cxn ang="0">
                <a:pos x="connsiteX4929" y="connsiteY4929"/>
              </a:cxn>
              <a:cxn ang="0">
                <a:pos x="connsiteX4930" y="connsiteY4930"/>
              </a:cxn>
              <a:cxn ang="0">
                <a:pos x="connsiteX4931" y="connsiteY4931"/>
              </a:cxn>
              <a:cxn ang="0">
                <a:pos x="connsiteX4932" y="connsiteY4932"/>
              </a:cxn>
              <a:cxn ang="0">
                <a:pos x="connsiteX4933" y="connsiteY4933"/>
              </a:cxn>
              <a:cxn ang="0">
                <a:pos x="connsiteX4934" y="connsiteY4934"/>
              </a:cxn>
              <a:cxn ang="0">
                <a:pos x="connsiteX4935" y="connsiteY4935"/>
              </a:cxn>
              <a:cxn ang="0">
                <a:pos x="connsiteX4936" y="connsiteY4936"/>
              </a:cxn>
              <a:cxn ang="0">
                <a:pos x="connsiteX4937" y="connsiteY4937"/>
              </a:cxn>
              <a:cxn ang="0">
                <a:pos x="connsiteX4938" y="connsiteY4938"/>
              </a:cxn>
              <a:cxn ang="0">
                <a:pos x="connsiteX4939" y="connsiteY4939"/>
              </a:cxn>
              <a:cxn ang="0">
                <a:pos x="connsiteX4940" y="connsiteY4940"/>
              </a:cxn>
              <a:cxn ang="0">
                <a:pos x="connsiteX4941" y="connsiteY4941"/>
              </a:cxn>
              <a:cxn ang="0">
                <a:pos x="connsiteX4942" y="connsiteY4942"/>
              </a:cxn>
              <a:cxn ang="0">
                <a:pos x="connsiteX4943" y="connsiteY4943"/>
              </a:cxn>
              <a:cxn ang="0">
                <a:pos x="connsiteX4944" y="connsiteY4944"/>
              </a:cxn>
              <a:cxn ang="0">
                <a:pos x="connsiteX4945" y="connsiteY4945"/>
              </a:cxn>
              <a:cxn ang="0">
                <a:pos x="connsiteX4946" y="connsiteY4946"/>
              </a:cxn>
              <a:cxn ang="0">
                <a:pos x="connsiteX4947" y="connsiteY4947"/>
              </a:cxn>
              <a:cxn ang="0">
                <a:pos x="connsiteX4948" y="connsiteY4948"/>
              </a:cxn>
              <a:cxn ang="0">
                <a:pos x="connsiteX4949" y="connsiteY4949"/>
              </a:cxn>
              <a:cxn ang="0">
                <a:pos x="connsiteX4950" y="connsiteY4950"/>
              </a:cxn>
              <a:cxn ang="0">
                <a:pos x="connsiteX4951" y="connsiteY4951"/>
              </a:cxn>
              <a:cxn ang="0">
                <a:pos x="connsiteX4952" y="connsiteY4952"/>
              </a:cxn>
              <a:cxn ang="0">
                <a:pos x="connsiteX4953" y="connsiteY4953"/>
              </a:cxn>
              <a:cxn ang="0">
                <a:pos x="connsiteX4954" y="connsiteY4954"/>
              </a:cxn>
              <a:cxn ang="0">
                <a:pos x="connsiteX4955" y="connsiteY4955"/>
              </a:cxn>
              <a:cxn ang="0">
                <a:pos x="connsiteX4956" y="connsiteY4956"/>
              </a:cxn>
              <a:cxn ang="0">
                <a:pos x="connsiteX4957" y="connsiteY4957"/>
              </a:cxn>
              <a:cxn ang="0">
                <a:pos x="connsiteX4958" y="connsiteY4958"/>
              </a:cxn>
              <a:cxn ang="0">
                <a:pos x="connsiteX4959" y="connsiteY4959"/>
              </a:cxn>
              <a:cxn ang="0">
                <a:pos x="connsiteX4960" y="connsiteY4960"/>
              </a:cxn>
              <a:cxn ang="0">
                <a:pos x="connsiteX4961" y="connsiteY4961"/>
              </a:cxn>
              <a:cxn ang="0">
                <a:pos x="connsiteX4962" y="connsiteY4962"/>
              </a:cxn>
              <a:cxn ang="0">
                <a:pos x="connsiteX4963" y="connsiteY4963"/>
              </a:cxn>
              <a:cxn ang="0">
                <a:pos x="connsiteX4964" y="connsiteY4964"/>
              </a:cxn>
              <a:cxn ang="0">
                <a:pos x="connsiteX4965" y="connsiteY4965"/>
              </a:cxn>
              <a:cxn ang="0">
                <a:pos x="connsiteX4966" y="connsiteY4966"/>
              </a:cxn>
              <a:cxn ang="0">
                <a:pos x="connsiteX4967" y="connsiteY4967"/>
              </a:cxn>
              <a:cxn ang="0">
                <a:pos x="connsiteX4968" y="connsiteY4968"/>
              </a:cxn>
              <a:cxn ang="0">
                <a:pos x="connsiteX4969" y="connsiteY4969"/>
              </a:cxn>
              <a:cxn ang="0">
                <a:pos x="connsiteX4970" y="connsiteY4970"/>
              </a:cxn>
              <a:cxn ang="0">
                <a:pos x="connsiteX4971" y="connsiteY4971"/>
              </a:cxn>
              <a:cxn ang="0">
                <a:pos x="connsiteX4972" y="connsiteY4972"/>
              </a:cxn>
              <a:cxn ang="0">
                <a:pos x="connsiteX4973" y="connsiteY4973"/>
              </a:cxn>
              <a:cxn ang="0">
                <a:pos x="connsiteX4974" y="connsiteY4974"/>
              </a:cxn>
              <a:cxn ang="0">
                <a:pos x="connsiteX4975" y="connsiteY4975"/>
              </a:cxn>
              <a:cxn ang="0">
                <a:pos x="connsiteX4976" y="connsiteY4976"/>
              </a:cxn>
              <a:cxn ang="0">
                <a:pos x="connsiteX4977" y="connsiteY4977"/>
              </a:cxn>
              <a:cxn ang="0">
                <a:pos x="connsiteX4978" y="connsiteY4978"/>
              </a:cxn>
              <a:cxn ang="0">
                <a:pos x="connsiteX4979" y="connsiteY4979"/>
              </a:cxn>
              <a:cxn ang="0">
                <a:pos x="connsiteX4980" y="connsiteY4980"/>
              </a:cxn>
              <a:cxn ang="0">
                <a:pos x="connsiteX4981" y="connsiteY4981"/>
              </a:cxn>
              <a:cxn ang="0">
                <a:pos x="connsiteX4982" y="connsiteY4982"/>
              </a:cxn>
              <a:cxn ang="0">
                <a:pos x="connsiteX4983" y="connsiteY4983"/>
              </a:cxn>
              <a:cxn ang="0">
                <a:pos x="connsiteX4984" y="connsiteY4984"/>
              </a:cxn>
              <a:cxn ang="0">
                <a:pos x="connsiteX4985" y="connsiteY4985"/>
              </a:cxn>
              <a:cxn ang="0">
                <a:pos x="connsiteX4986" y="connsiteY4986"/>
              </a:cxn>
              <a:cxn ang="0">
                <a:pos x="connsiteX4987" y="connsiteY4987"/>
              </a:cxn>
              <a:cxn ang="0">
                <a:pos x="connsiteX4988" y="connsiteY4988"/>
              </a:cxn>
              <a:cxn ang="0">
                <a:pos x="connsiteX4989" y="connsiteY4989"/>
              </a:cxn>
              <a:cxn ang="0">
                <a:pos x="connsiteX4990" y="connsiteY4990"/>
              </a:cxn>
              <a:cxn ang="0">
                <a:pos x="connsiteX4991" y="connsiteY4991"/>
              </a:cxn>
              <a:cxn ang="0">
                <a:pos x="connsiteX4992" y="connsiteY4992"/>
              </a:cxn>
              <a:cxn ang="0">
                <a:pos x="connsiteX4993" y="connsiteY4993"/>
              </a:cxn>
              <a:cxn ang="0">
                <a:pos x="connsiteX4994" y="connsiteY4994"/>
              </a:cxn>
              <a:cxn ang="0">
                <a:pos x="connsiteX4995" y="connsiteY4995"/>
              </a:cxn>
              <a:cxn ang="0">
                <a:pos x="connsiteX4996" y="connsiteY4996"/>
              </a:cxn>
              <a:cxn ang="0">
                <a:pos x="connsiteX4997" y="connsiteY4997"/>
              </a:cxn>
              <a:cxn ang="0">
                <a:pos x="connsiteX4998" y="connsiteY4998"/>
              </a:cxn>
              <a:cxn ang="0">
                <a:pos x="connsiteX4999" y="connsiteY4999"/>
              </a:cxn>
              <a:cxn ang="0">
                <a:pos x="connsiteX5000" y="connsiteY5000"/>
              </a:cxn>
              <a:cxn ang="0">
                <a:pos x="connsiteX5001" y="connsiteY5001"/>
              </a:cxn>
              <a:cxn ang="0">
                <a:pos x="connsiteX5002" y="connsiteY5002"/>
              </a:cxn>
              <a:cxn ang="0">
                <a:pos x="connsiteX5003" y="connsiteY5003"/>
              </a:cxn>
              <a:cxn ang="0">
                <a:pos x="connsiteX5004" y="connsiteY5004"/>
              </a:cxn>
              <a:cxn ang="0">
                <a:pos x="connsiteX5005" y="connsiteY5005"/>
              </a:cxn>
              <a:cxn ang="0">
                <a:pos x="connsiteX5006" y="connsiteY5006"/>
              </a:cxn>
              <a:cxn ang="0">
                <a:pos x="connsiteX5007" y="connsiteY5007"/>
              </a:cxn>
              <a:cxn ang="0">
                <a:pos x="connsiteX5008" y="connsiteY5008"/>
              </a:cxn>
              <a:cxn ang="0">
                <a:pos x="connsiteX5009" y="connsiteY5009"/>
              </a:cxn>
              <a:cxn ang="0">
                <a:pos x="connsiteX5010" y="connsiteY5010"/>
              </a:cxn>
              <a:cxn ang="0">
                <a:pos x="connsiteX5011" y="connsiteY5011"/>
              </a:cxn>
              <a:cxn ang="0">
                <a:pos x="connsiteX5012" y="connsiteY5012"/>
              </a:cxn>
              <a:cxn ang="0">
                <a:pos x="connsiteX5013" y="connsiteY5013"/>
              </a:cxn>
              <a:cxn ang="0">
                <a:pos x="connsiteX5014" y="connsiteY5014"/>
              </a:cxn>
              <a:cxn ang="0">
                <a:pos x="connsiteX5015" y="connsiteY5015"/>
              </a:cxn>
              <a:cxn ang="0">
                <a:pos x="connsiteX5016" y="connsiteY5016"/>
              </a:cxn>
              <a:cxn ang="0">
                <a:pos x="connsiteX5017" y="connsiteY5017"/>
              </a:cxn>
              <a:cxn ang="0">
                <a:pos x="connsiteX5018" y="connsiteY5018"/>
              </a:cxn>
              <a:cxn ang="0">
                <a:pos x="connsiteX5019" y="connsiteY5019"/>
              </a:cxn>
              <a:cxn ang="0">
                <a:pos x="connsiteX5020" y="connsiteY5020"/>
              </a:cxn>
              <a:cxn ang="0">
                <a:pos x="connsiteX5021" y="connsiteY5021"/>
              </a:cxn>
              <a:cxn ang="0">
                <a:pos x="connsiteX5022" y="connsiteY5022"/>
              </a:cxn>
              <a:cxn ang="0">
                <a:pos x="connsiteX5023" y="connsiteY5023"/>
              </a:cxn>
              <a:cxn ang="0">
                <a:pos x="connsiteX5024" y="connsiteY5024"/>
              </a:cxn>
              <a:cxn ang="0">
                <a:pos x="connsiteX5025" y="connsiteY5025"/>
              </a:cxn>
              <a:cxn ang="0">
                <a:pos x="connsiteX5026" y="connsiteY5026"/>
              </a:cxn>
              <a:cxn ang="0">
                <a:pos x="connsiteX5027" y="connsiteY5027"/>
              </a:cxn>
              <a:cxn ang="0">
                <a:pos x="connsiteX5028" y="connsiteY5028"/>
              </a:cxn>
              <a:cxn ang="0">
                <a:pos x="connsiteX5029" y="connsiteY5029"/>
              </a:cxn>
              <a:cxn ang="0">
                <a:pos x="connsiteX5030" y="connsiteY5030"/>
              </a:cxn>
              <a:cxn ang="0">
                <a:pos x="connsiteX5031" y="connsiteY5031"/>
              </a:cxn>
              <a:cxn ang="0">
                <a:pos x="connsiteX5032" y="connsiteY5032"/>
              </a:cxn>
              <a:cxn ang="0">
                <a:pos x="connsiteX5033" y="connsiteY5033"/>
              </a:cxn>
              <a:cxn ang="0">
                <a:pos x="connsiteX5034" y="connsiteY5034"/>
              </a:cxn>
              <a:cxn ang="0">
                <a:pos x="connsiteX5035" y="connsiteY5035"/>
              </a:cxn>
              <a:cxn ang="0">
                <a:pos x="connsiteX5036" y="connsiteY5036"/>
              </a:cxn>
              <a:cxn ang="0">
                <a:pos x="connsiteX5037" y="connsiteY5037"/>
              </a:cxn>
              <a:cxn ang="0">
                <a:pos x="connsiteX5038" y="connsiteY5038"/>
              </a:cxn>
              <a:cxn ang="0">
                <a:pos x="connsiteX5039" y="connsiteY5039"/>
              </a:cxn>
              <a:cxn ang="0">
                <a:pos x="connsiteX5040" y="connsiteY5040"/>
              </a:cxn>
              <a:cxn ang="0">
                <a:pos x="connsiteX5041" y="connsiteY5041"/>
              </a:cxn>
              <a:cxn ang="0">
                <a:pos x="connsiteX5042" y="connsiteY5042"/>
              </a:cxn>
              <a:cxn ang="0">
                <a:pos x="connsiteX5043" y="connsiteY5043"/>
              </a:cxn>
              <a:cxn ang="0">
                <a:pos x="connsiteX5044" y="connsiteY5044"/>
              </a:cxn>
              <a:cxn ang="0">
                <a:pos x="connsiteX5045" y="connsiteY5045"/>
              </a:cxn>
              <a:cxn ang="0">
                <a:pos x="connsiteX5046" y="connsiteY5046"/>
              </a:cxn>
              <a:cxn ang="0">
                <a:pos x="connsiteX5047" y="connsiteY5047"/>
              </a:cxn>
              <a:cxn ang="0">
                <a:pos x="connsiteX5048" y="connsiteY5048"/>
              </a:cxn>
              <a:cxn ang="0">
                <a:pos x="connsiteX5049" y="connsiteY5049"/>
              </a:cxn>
              <a:cxn ang="0">
                <a:pos x="connsiteX5050" y="connsiteY5050"/>
              </a:cxn>
              <a:cxn ang="0">
                <a:pos x="connsiteX5051" y="connsiteY5051"/>
              </a:cxn>
              <a:cxn ang="0">
                <a:pos x="connsiteX5052" y="connsiteY5052"/>
              </a:cxn>
              <a:cxn ang="0">
                <a:pos x="connsiteX5053" y="connsiteY5053"/>
              </a:cxn>
              <a:cxn ang="0">
                <a:pos x="connsiteX5054" y="connsiteY5054"/>
              </a:cxn>
              <a:cxn ang="0">
                <a:pos x="connsiteX5055" y="connsiteY5055"/>
              </a:cxn>
              <a:cxn ang="0">
                <a:pos x="connsiteX5056" y="connsiteY5056"/>
              </a:cxn>
              <a:cxn ang="0">
                <a:pos x="connsiteX5057" y="connsiteY5057"/>
              </a:cxn>
              <a:cxn ang="0">
                <a:pos x="connsiteX5058" y="connsiteY5058"/>
              </a:cxn>
              <a:cxn ang="0">
                <a:pos x="connsiteX5059" y="connsiteY5059"/>
              </a:cxn>
              <a:cxn ang="0">
                <a:pos x="connsiteX5060" y="connsiteY5060"/>
              </a:cxn>
              <a:cxn ang="0">
                <a:pos x="connsiteX5061" y="connsiteY5061"/>
              </a:cxn>
              <a:cxn ang="0">
                <a:pos x="connsiteX5062" y="connsiteY5062"/>
              </a:cxn>
              <a:cxn ang="0">
                <a:pos x="connsiteX5063" y="connsiteY5063"/>
              </a:cxn>
              <a:cxn ang="0">
                <a:pos x="connsiteX5064" y="connsiteY5064"/>
              </a:cxn>
              <a:cxn ang="0">
                <a:pos x="connsiteX5065" y="connsiteY5065"/>
              </a:cxn>
              <a:cxn ang="0">
                <a:pos x="connsiteX5066" y="connsiteY5066"/>
              </a:cxn>
              <a:cxn ang="0">
                <a:pos x="connsiteX5067" y="connsiteY5067"/>
              </a:cxn>
              <a:cxn ang="0">
                <a:pos x="connsiteX5068" y="connsiteY5068"/>
              </a:cxn>
              <a:cxn ang="0">
                <a:pos x="connsiteX5069" y="connsiteY5069"/>
              </a:cxn>
              <a:cxn ang="0">
                <a:pos x="connsiteX5070" y="connsiteY5070"/>
              </a:cxn>
              <a:cxn ang="0">
                <a:pos x="connsiteX5071" y="connsiteY5071"/>
              </a:cxn>
              <a:cxn ang="0">
                <a:pos x="connsiteX5072" y="connsiteY5072"/>
              </a:cxn>
              <a:cxn ang="0">
                <a:pos x="connsiteX5073" y="connsiteY5073"/>
              </a:cxn>
              <a:cxn ang="0">
                <a:pos x="connsiteX5074" y="connsiteY5074"/>
              </a:cxn>
              <a:cxn ang="0">
                <a:pos x="connsiteX5075" y="connsiteY5075"/>
              </a:cxn>
              <a:cxn ang="0">
                <a:pos x="connsiteX5076" y="connsiteY5076"/>
              </a:cxn>
              <a:cxn ang="0">
                <a:pos x="connsiteX5077" y="connsiteY5077"/>
              </a:cxn>
              <a:cxn ang="0">
                <a:pos x="connsiteX5078" y="connsiteY5078"/>
              </a:cxn>
              <a:cxn ang="0">
                <a:pos x="connsiteX5079" y="connsiteY5079"/>
              </a:cxn>
              <a:cxn ang="0">
                <a:pos x="connsiteX5080" y="connsiteY5080"/>
              </a:cxn>
              <a:cxn ang="0">
                <a:pos x="connsiteX5081" y="connsiteY5081"/>
              </a:cxn>
              <a:cxn ang="0">
                <a:pos x="connsiteX5082" y="connsiteY5082"/>
              </a:cxn>
              <a:cxn ang="0">
                <a:pos x="connsiteX5083" y="connsiteY5083"/>
              </a:cxn>
              <a:cxn ang="0">
                <a:pos x="connsiteX5084" y="connsiteY5084"/>
              </a:cxn>
              <a:cxn ang="0">
                <a:pos x="connsiteX5085" y="connsiteY5085"/>
              </a:cxn>
              <a:cxn ang="0">
                <a:pos x="connsiteX5086" y="connsiteY5086"/>
              </a:cxn>
              <a:cxn ang="0">
                <a:pos x="connsiteX5087" y="connsiteY5087"/>
              </a:cxn>
              <a:cxn ang="0">
                <a:pos x="connsiteX5088" y="connsiteY5088"/>
              </a:cxn>
              <a:cxn ang="0">
                <a:pos x="connsiteX5089" y="connsiteY5089"/>
              </a:cxn>
              <a:cxn ang="0">
                <a:pos x="connsiteX5090" y="connsiteY5090"/>
              </a:cxn>
              <a:cxn ang="0">
                <a:pos x="connsiteX5091" y="connsiteY5091"/>
              </a:cxn>
              <a:cxn ang="0">
                <a:pos x="connsiteX5092" y="connsiteY5092"/>
              </a:cxn>
              <a:cxn ang="0">
                <a:pos x="connsiteX5093" y="connsiteY5093"/>
              </a:cxn>
              <a:cxn ang="0">
                <a:pos x="connsiteX5094" y="connsiteY5094"/>
              </a:cxn>
              <a:cxn ang="0">
                <a:pos x="connsiteX5095" y="connsiteY5095"/>
              </a:cxn>
              <a:cxn ang="0">
                <a:pos x="connsiteX5096" y="connsiteY5096"/>
              </a:cxn>
              <a:cxn ang="0">
                <a:pos x="connsiteX5097" y="connsiteY5097"/>
              </a:cxn>
              <a:cxn ang="0">
                <a:pos x="connsiteX5098" y="connsiteY5098"/>
              </a:cxn>
              <a:cxn ang="0">
                <a:pos x="connsiteX5099" y="connsiteY5099"/>
              </a:cxn>
              <a:cxn ang="0">
                <a:pos x="connsiteX5100" y="connsiteY5100"/>
              </a:cxn>
              <a:cxn ang="0">
                <a:pos x="connsiteX5101" y="connsiteY5101"/>
              </a:cxn>
              <a:cxn ang="0">
                <a:pos x="connsiteX5102" y="connsiteY5102"/>
              </a:cxn>
              <a:cxn ang="0">
                <a:pos x="connsiteX5103" y="connsiteY5103"/>
              </a:cxn>
              <a:cxn ang="0">
                <a:pos x="connsiteX5104" y="connsiteY5104"/>
              </a:cxn>
              <a:cxn ang="0">
                <a:pos x="connsiteX5105" y="connsiteY5105"/>
              </a:cxn>
              <a:cxn ang="0">
                <a:pos x="connsiteX5106" y="connsiteY5106"/>
              </a:cxn>
              <a:cxn ang="0">
                <a:pos x="connsiteX5107" y="connsiteY5107"/>
              </a:cxn>
              <a:cxn ang="0">
                <a:pos x="connsiteX5108" y="connsiteY5108"/>
              </a:cxn>
              <a:cxn ang="0">
                <a:pos x="connsiteX5109" y="connsiteY5109"/>
              </a:cxn>
              <a:cxn ang="0">
                <a:pos x="connsiteX5110" y="connsiteY5110"/>
              </a:cxn>
              <a:cxn ang="0">
                <a:pos x="connsiteX5111" y="connsiteY5111"/>
              </a:cxn>
              <a:cxn ang="0">
                <a:pos x="connsiteX5112" y="connsiteY5112"/>
              </a:cxn>
              <a:cxn ang="0">
                <a:pos x="connsiteX5113" y="connsiteY5113"/>
              </a:cxn>
              <a:cxn ang="0">
                <a:pos x="connsiteX5114" y="connsiteY5114"/>
              </a:cxn>
              <a:cxn ang="0">
                <a:pos x="connsiteX5115" y="connsiteY5115"/>
              </a:cxn>
              <a:cxn ang="0">
                <a:pos x="connsiteX5116" y="connsiteY5116"/>
              </a:cxn>
              <a:cxn ang="0">
                <a:pos x="connsiteX5117" y="connsiteY5117"/>
              </a:cxn>
              <a:cxn ang="0">
                <a:pos x="connsiteX5118" y="connsiteY5118"/>
              </a:cxn>
              <a:cxn ang="0">
                <a:pos x="connsiteX5119" y="connsiteY5119"/>
              </a:cxn>
              <a:cxn ang="0">
                <a:pos x="connsiteX5120" y="connsiteY5120"/>
              </a:cxn>
              <a:cxn ang="0">
                <a:pos x="connsiteX5121" y="connsiteY5121"/>
              </a:cxn>
              <a:cxn ang="0">
                <a:pos x="connsiteX5122" y="connsiteY5122"/>
              </a:cxn>
              <a:cxn ang="0">
                <a:pos x="connsiteX5123" y="connsiteY5123"/>
              </a:cxn>
              <a:cxn ang="0">
                <a:pos x="connsiteX5124" y="connsiteY5124"/>
              </a:cxn>
              <a:cxn ang="0">
                <a:pos x="connsiteX5125" y="connsiteY5125"/>
              </a:cxn>
              <a:cxn ang="0">
                <a:pos x="connsiteX5126" y="connsiteY5126"/>
              </a:cxn>
              <a:cxn ang="0">
                <a:pos x="connsiteX5127" y="connsiteY5127"/>
              </a:cxn>
              <a:cxn ang="0">
                <a:pos x="connsiteX5128" y="connsiteY5128"/>
              </a:cxn>
              <a:cxn ang="0">
                <a:pos x="connsiteX5129" y="connsiteY5129"/>
              </a:cxn>
              <a:cxn ang="0">
                <a:pos x="connsiteX5130" y="connsiteY5130"/>
              </a:cxn>
              <a:cxn ang="0">
                <a:pos x="connsiteX5131" y="connsiteY5131"/>
              </a:cxn>
              <a:cxn ang="0">
                <a:pos x="connsiteX5132" y="connsiteY5132"/>
              </a:cxn>
              <a:cxn ang="0">
                <a:pos x="connsiteX5133" y="connsiteY5133"/>
              </a:cxn>
              <a:cxn ang="0">
                <a:pos x="connsiteX5134" y="connsiteY5134"/>
              </a:cxn>
              <a:cxn ang="0">
                <a:pos x="connsiteX5135" y="connsiteY5135"/>
              </a:cxn>
              <a:cxn ang="0">
                <a:pos x="connsiteX5136" y="connsiteY5136"/>
              </a:cxn>
              <a:cxn ang="0">
                <a:pos x="connsiteX5137" y="connsiteY5137"/>
              </a:cxn>
              <a:cxn ang="0">
                <a:pos x="connsiteX5138" y="connsiteY5138"/>
              </a:cxn>
              <a:cxn ang="0">
                <a:pos x="connsiteX5139" y="connsiteY5139"/>
              </a:cxn>
              <a:cxn ang="0">
                <a:pos x="connsiteX5140" y="connsiteY5140"/>
              </a:cxn>
              <a:cxn ang="0">
                <a:pos x="connsiteX5141" y="connsiteY5141"/>
              </a:cxn>
              <a:cxn ang="0">
                <a:pos x="connsiteX5142" y="connsiteY5142"/>
              </a:cxn>
              <a:cxn ang="0">
                <a:pos x="connsiteX5143" y="connsiteY5143"/>
              </a:cxn>
              <a:cxn ang="0">
                <a:pos x="connsiteX5144" y="connsiteY5144"/>
              </a:cxn>
              <a:cxn ang="0">
                <a:pos x="connsiteX5145" y="connsiteY5145"/>
              </a:cxn>
              <a:cxn ang="0">
                <a:pos x="connsiteX5146" y="connsiteY5146"/>
              </a:cxn>
              <a:cxn ang="0">
                <a:pos x="connsiteX5147" y="connsiteY5147"/>
              </a:cxn>
              <a:cxn ang="0">
                <a:pos x="connsiteX5148" y="connsiteY5148"/>
              </a:cxn>
              <a:cxn ang="0">
                <a:pos x="connsiteX5149" y="connsiteY5149"/>
              </a:cxn>
              <a:cxn ang="0">
                <a:pos x="connsiteX5150" y="connsiteY5150"/>
              </a:cxn>
              <a:cxn ang="0">
                <a:pos x="connsiteX5151" y="connsiteY5151"/>
              </a:cxn>
              <a:cxn ang="0">
                <a:pos x="connsiteX5152" y="connsiteY5152"/>
              </a:cxn>
              <a:cxn ang="0">
                <a:pos x="connsiteX5153" y="connsiteY5153"/>
              </a:cxn>
              <a:cxn ang="0">
                <a:pos x="connsiteX5154" y="connsiteY5154"/>
              </a:cxn>
              <a:cxn ang="0">
                <a:pos x="connsiteX5155" y="connsiteY5155"/>
              </a:cxn>
              <a:cxn ang="0">
                <a:pos x="connsiteX5156" y="connsiteY5156"/>
              </a:cxn>
              <a:cxn ang="0">
                <a:pos x="connsiteX5157" y="connsiteY5157"/>
              </a:cxn>
              <a:cxn ang="0">
                <a:pos x="connsiteX5158" y="connsiteY5158"/>
              </a:cxn>
              <a:cxn ang="0">
                <a:pos x="connsiteX5159" y="connsiteY5159"/>
              </a:cxn>
              <a:cxn ang="0">
                <a:pos x="connsiteX5160" y="connsiteY5160"/>
              </a:cxn>
              <a:cxn ang="0">
                <a:pos x="connsiteX5161" y="connsiteY5161"/>
              </a:cxn>
              <a:cxn ang="0">
                <a:pos x="connsiteX5162" y="connsiteY5162"/>
              </a:cxn>
              <a:cxn ang="0">
                <a:pos x="connsiteX5163" y="connsiteY5163"/>
              </a:cxn>
              <a:cxn ang="0">
                <a:pos x="connsiteX5164" y="connsiteY5164"/>
              </a:cxn>
              <a:cxn ang="0">
                <a:pos x="connsiteX5165" y="connsiteY5165"/>
              </a:cxn>
              <a:cxn ang="0">
                <a:pos x="connsiteX5166" y="connsiteY5166"/>
              </a:cxn>
              <a:cxn ang="0">
                <a:pos x="connsiteX5167" y="connsiteY5167"/>
              </a:cxn>
              <a:cxn ang="0">
                <a:pos x="connsiteX5168" y="connsiteY5168"/>
              </a:cxn>
              <a:cxn ang="0">
                <a:pos x="connsiteX5169" y="connsiteY5169"/>
              </a:cxn>
              <a:cxn ang="0">
                <a:pos x="connsiteX5170" y="connsiteY5170"/>
              </a:cxn>
              <a:cxn ang="0">
                <a:pos x="connsiteX5171" y="connsiteY5171"/>
              </a:cxn>
              <a:cxn ang="0">
                <a:pos x="connsiteX5172" y="connsiteY5172"/>
              </a:cxn>
              <a:cxn ang="0">
                <a:pos x="connsiteX5173" y="connsiteY5173"/>
              </a:cxn>
              <a:cxn ang="0">
                <a:pos x="connsiteX5174" y="connsiteY5174"/>
              </a:cxn>
              <a:cxn ang="0">
                <a:pos x="connsiteX5175" y="connsiteY5175"/>
              </a:cxn>
              <a:cxn ang="0">
                <a:pos x="connsiteX5176" y="connsiteY5176"/>
              </a:cxn>
              <a:cxn ang="0">
                <a:pos x="connsiteX5177" y="connsiteY5177"/>
              </a:cxn>
              <a:cxn ang="0">
                <a:pos x="connsiteX5178" y="connsiteY5178"/>
              </a:cxn>
              <a:cxn ang="0">
                <a:pos x="connsiteX5179" y="connsiteY5179"/>
              </a:cxn>
              <a:cxn ang="0">
                <a:pos x="connsiteX5180" y="connsiteY5180"/>
              </a:cxn>
              <a:cxn ang="0">
                <a:pos x="connsiteX5181" y="connsiteY5181"/>
              </a:cxn>
              <a:cxn ang="0">
                <a:pos x="connsiteX5182" y="connsiteY5182"/>
              </a:cxn>
              <a:cxn ang="0">
                <a:pos x="connsiteX5183" y="connsiteY5183"/>
              </a:cxn>
              <a:cxn ang="0">
                <a:pos x="connsiteX5184" y="connsiteY5184"/>
              </a:cxn>
              <a:cxn ang="0">
                <a:pos x="connsiteX5185" y="connsiteY5185"/>
              </a:cxn>
              <a:cxn ang="0">
                <a:pos x="connsiteX5186" y="connsiteY5186"/>
              </a:cxn>
              <a:cxn ang="0">
                <a:pos x="connsiteX5187" y="connsiteY5187"/>
              </a:cxn>
              <a:cxn ang="0">
                <a:pos x="connsiteX5188" y="connsiteY5188"/>
              </a:cxn>
              <a:cxn ang="0">
                <a:pos x="connsiteX5189" y="connsiteY5189"/>
              </a:cxn>
              <a:cxn ang="0">
                <a:pos x="connsiteX5190" y="connsiteY5190"/>
              </a:cxn>
              <a:cxn ang="0">
                <a:pos x="connsiteX5191" y="connsiteY5191"/>
              </a:cxn>
              <a:cxn ang="0">
                <a:pos x="connsiteX5192" y="connsiteY5192"/>
              </a:cxn>
              <a:cxn ang="0">
                <a:pos x="connsiteX5193" y="connsiteY5193"/>
              </a:cxn>
              <a:cxn ang="0">
                <a:pos x="connsiteX5194" y="connsiteY5194"/>
              </a:cxn>
              <a:cxn ang="0">
                <a:pos x="connsiteX5195" y="connsiteY5195"/>
              </a:cxn>
              <a:cxn ang="0">
                <a:pos x="connsiteX5196" y="connsiteY5196"/>
              </a:cxn>
              <a:cxn ang="0">
                <a:pos x="connsiteX5197" y="connsiteY5197"/>
              </a:cxn>
              <a:cxn ang="0">
                <a:pos x="connsiteX5198" y="connsiteY5198"/>
              </a:cxn>
              <a:cxn ang="0">
                <a:pos x="connsiteX5199" y="connsiteY5199"/>
              </a:cxn>
              <a:cxn ang="0">
                <a:pos x="connsiteX5200" y="connsiteY5200"/>
              </a:cxn>
              <a:cxn ang="0">
                <a:pos x="connsiteX5201" y="connsiteY5201"/>
              </a:cxn>
              <a:cxn ang="0">
                <a:pos x="connsiteX5202" y="connsiteY5202"/>
              </a:cxn>
              <a:cxn ang="0">
                <a:pos x="connsiteX5203" y="connsiteY5203"/>
              </a:cxn>
              <a:cxn ang="0">
                <a:pos x="connsiteX5204" y="connsiteY5204"/>
              </a:cxn>
              <a:cxn ang="0">
                <a:pos x="connsiteX5205" y="connsiteY5205"/>
              </a:cxn>
              <a:cxn ang="0">
                <a:pos x="connsiteX5206" y="connsiteY5206"/>
              </a:cxn>
              <a:cxn ang="0">
                <a:pos x="connsiteX5207" y="connsiteY5207"/>
              </a:cxn>
              <a:cxn ang="0">
                <a:pos x="connsiteX5208" y="connsiteY5208"/>
              </a:cxn>
              <a:cxn ang="0">
                <a:pos x="connsiteX5209" y="connsiteY5209"/>
              </a:cxn>
              <a:cxn ang="0">
                <a:pos x="connsiteX5210" y="connsiteY5210"/>
              </a:cxn>
              <a:cxn ang="0">
                <a:pos x="connsiteX5211" y="connsiteY5211"/>
              </a:cxn>
              <a:cxn ang="0">
                <a:pos x="connsiteX5212" y="connsiteY5212"/>
              </a:cxn>
              <a:cxn ang="0">
                <a:pos x="connsiteX5213" y="connsiteY5213"/>
              </a:cxn>
              <a:cxn ang="0">
                <a:pos x="connsiteX5214" y="connsiteY5214"/>
              </a:cxn>
              <a:cxn ang="0">
                <a:pos x="connsiteX5215" y="connsiteY5215"/>
              </a:cxn>
              <a:cxn ang="0">
                <a:pos x="connsiteX5216" y="connsiteY5216"/>
              </a:cxn>
              <a:cxn ang="0">
                <a:pos x="connsiteX5217" y="connsiteY5217"/>
              </a:cxn>
              <a:cxn ang="0">
                <a:pos x="connsiteX5218" y="connsiteY5218"/>
              </a:cxn>
              <a:cxn ang="0">
                <a:pos x="connsiteX5219" y="connsiteY5219"/>
              </a:cxn>
              <a:cxn ang="0">
                <a:pos x="connsiteX5220" y="connsiteY5220"/>
              </a:cxn>
              <a:cxn ang="0">
                <a:pos x="connsiteX5221" y="connsiteY5221"/>
              </a:cxn>
              <a:cxn ang="0">
                <a:pos x="connsiteX5222" y="connsiteY5222"/>
              </a:cxn>
              <a:cxn ang="0">
                <a:pos x="connsiteX5223" y="connsiteY5223"/>
              </a:cxn>
              <a:cxn ang="0">
                <a:pos x="connsiteX5224" y="connsiteY5224"/>
              </a:cxn>
              <a:cxn ang="0">
                <a:pos x="connsiteX5225" y="connsiteY5225"/>
              </a:cxn>
              <a:cxn ang="0">
                <a:pos x="connsiteX5226" y="connsiteY5226"/>
              </a:cxn>
              <a:cxn ang="0">
                <a:pos x="connsiteX5227" y="connsiteY5227"/>
              </a:cxn>
              <a:cxn ang="0">
                <a:pos x="connsiteX5228" y="connsiteY5228"/>
              </a:cxn>
              <a:cxn ang="0">
                <a:pos x="connsiteX5229" y="connsiteY5229"/>
              </a:cxn>
              <a:cxn ang="0">
                <a:pos x="connsiteX5230" y="connsiteY5230"/>
              </a:cxn>
              <a:cxn ang="0">
                <a:pos x="connsiteX5231" y="connsiteY5231"/>
              </a:cxn>
              <a:cxn ang="0">
                <a:pos x="connsiteX5232" y="connsiteY5232"/>
              </a:cxn>
              <a:cxn ang="0">
                <a:pos x="connsiteX5233" y="connsiteY5233"/>
              </a:cxn>
              <a:cxn ang="0">
                <a:pos x="connsiteX5234" y="connsiteY5234"/>
              </a:cxn>
              <a:cxn ang="0">
                <a:pos x="connsiteX5235" y="connsiteY5235"/>
              </a:cxn>
              <a:cxn ang="0">
                <a:pos x="connsiteX5236" y="connsiteY5236"/>
              </a:cxn>
              <a:cxn ang="0">
                <a:pos x="connsiteX5237" y="connsiteY5237"/>
              </a:cxn>
              <a:cxn ang="0">
                <a:pos x="connsiteX5238" y="connsiteY5238"/>
              </a:cxn>
              <a:cxn ang="0">
                <a:pos x="connsiteX5239" y="connsiteY5239"/>
              </a:cxn>
              <a:cxn ang="0">
                <a:pos x="connsiteX5240" y="connsiteY5240"/>
              </a:cxn>
              <a:cxn ang="0">
                <a:pos x="connsiteX5241" y="connsiteY5241"/>
              </a:cxn>
              <a:cxn ang="0">
                <a:pos x="connsiteX5242" y="connsiteY5242"/>
              </a:cxn>
              <a:cxn ang="0">
                <a:pos x="connsiteX5243" y="connsiteY5243"/>
              </a:cxn>
              <a:cxn ang="0">
                <a:pos x="connsiteX5244" y="connsiteY5244"/>
              </a:cxn>
              <a:cxn ang="0">
                <a:pos x="connsiteX5245" y="connsiteY5245"/>
              </a:cxn>
              <a:cxn ang="0">
                <a:pos x="connsiteX5246" y="connsiteY5246"/>
              </a:cxn>
              <a:cxn ang="0">
                <a:pos x="connsiteX5247" y="connsiteY5247"/>
              </a:cxn>
              <a:cxn ang="0">
                <a:pos x="connsiteX5248" y="connsiteY5248"/>
              </a:cxn>
              <a:cxn ang="0">
                <a:pos x="connsiteX5249" y="connsiteY5249"/>
              </a:cxn>
              <a:cxn ang="0">
                <a:pos x="connsiteX5250" y="connsiteY5250"/>
              </a:cxn>
              <a:cxn ang="0">
                <a:pos x="connsiteX5251" y="connsiteY5251"/>
              </a:cxn>
              <a:cxn ang="0">
                <a:pos x="connsiteX5252" y="connsiteY5252"/>
              </a:cxn>
              <a:cxn ang="0">
                <a:pos x="connsiteX5253" y="connsiteY5253"/>
              </a:cxn>
              <a:cxn ang="0">
                <a:pos x="connsiteX5254" y="connsiteY5254"/>
              </a:cxn>
              <a:cxn ang="0">
                <a:pos x="connsiteX5255" y="connsiteY5255"/>
              </a:cxn>
              <a:cxn ang="0">
                <a:pos x="connsiteX5256" y="connsiteY5256"/>
              </a:cxn>
              <a:cxn ang="0">
                <a:pos x="connsiteX5257" y="connsiteY5257"/>
              </a:cxn>
              <a:cxn ang="0">
                <a:pos x="connsiteX5258" y="connsiteY5258"/>
              </a:cxn>
              <a:cxn ang="0">
                <a:pos x="connsiteX5259" y="connsiteY5259"/>
              </a:cxn>
              <a:cxn ang="0">
                <a:pos x="connsiteX5260" y="connsiteY5260"/>
              </a:cxn>
              <a:cxn ang="0">
                <a:pos x="connsiteX5261" y="connsiteY5261"/>
              </a:cxn>
              <a:cxn ang="0">
                <a:pos x="connsiteX5262" y="connsiteY5262"/>
              </a:cxn>
              <a:cxn ang="0">
                <a:pos x="connsiteX5263" y="connsiteY5263"/>
              </a:cxn>
              <a:cxn ang="0">
                <a:pos x="connsiteX5264" y="connsiteY5264"/>
              </a:cxn>
              <a:cxn ang="0">
                <a:pos x="connsiteX5265" y="connsiteY5265"/>
              </a:cxn>
              <a:cxn ang="0">
                <a:pos x="connsiteX5266" y="connsiteY5266"/>
              </a:cxn>
              <a:cxn ang="0">
                <a:pos x="connsiteX5267" y="connsiteY5267"/>
              </a:cxn>
              <a:cxn ang="0">
                <a:pos x="connsiteX5268" y="connsiteY5268"/>
              </a:cxn>
              <a:cxn ang="0">
                <a:pos x="connsiteX5269" y="connsiteY5269"/>
              </a:cxn>
              <a:cxn ang="0">
                <a:pos x="connsiteX5270" y="connsiteY5270"/>
              </a:cxn>
              <a:cxn ang="0">
                <a:pos x="connsiteX5271" y="connsiteY5271"/>
              </a:cxn>
              <a:cxn ang="0">
                <a:pos x="connsiteX5272" y="connsiteY5272"/>
              </a:cxn>
              <a:cxn ang="0">
                <a:pos x="connsiteX5273" y="connsiteY5273"/>
              </a:cxn>
              <a:cxn ang="0">
                <a:pos x="connsiteX5274" y="connsiteY5274"/>
              </a:cxn>
              <a:cxn ang="0">
                <a:pos x="connsiteX5275" y="connsiteY5275"/>
              </a:cxn>
              <a:cxn ang="0">
                <a:pos x="connsiteX5276" y="connsiteY5276"/>
              </a:cxn>
              <a:cxn ang="0">
                <a:pos x="connsiteX5277" y="connsiteY5277"/>
              </a:cxn>
              <a:cxn ang="0">
                <a:pos x="connsiteX5278" y="connsiteY5278"/>
              </a:cxn>
              <a:cxn ang="0">
                <a:pos x="connsiteX5279" y="connsiteY5279"/>
              </a:cxn>
              <a:cxn ang="0">
                <a:pos x="connsiteX5280" y="connsiteY5280"/>
              </a:cxn>
              <a:cxn ang="0">
                <a:pos x="connsiteX5281" y="connsiteY5281"/>
              </a:cxn>
              <a:cxn ang="0">
                <a:pos x="connsiteX5282" y="connsiteY5282"/>
              </a:cxn>
              <a:cxn ang="0">
                <a:pos x="connsiteX5283" y="connsiteY5283"/>
              </a:cxn>
              <a:cxn ang="0">
                <a:pos x="connsiteX5284" y="connsiteY5284"/>
              </a:cxn>
              <a:cxn ang="0">
                <a:pos x="connsiteX5285" y="connsiteY5285"/>
              </a:cxn>
              <a:cxn ang="0">
                <a:pos x="connsiteX5286" y="connsiteY5286"/>
              </a:cxn>
              <a:cxn ang="0">
                <a:pos x="connsiteX5287" y="connsiteY5287"/>
              </a:cxn>
              <a:cxn ang="0">
                <a:pos x="connsiteX5288" y="connsiteY5288"/>
              </a:cxn>
              <a:cxn ang="0">
                <a:pos x="connsiteX5289" y="connsiteY5289"/>
              </a:cxn>
              <a:cxn ang="0">
                <a:pos x="connsiteX5290" y="connsiteY5290"/>
              </a:cxn>
              <a:cxn ang="0">
                <a:pos x="connsiteX5291" y="connsiteY5291"/>
              </a:cxn>
              <a:cxn ang="0">
                <a:pos x="connsiteX5292" y="connsiteY5292"/>
              </a:cxn>
              <a:cxn ang="0">
                <a:pos x="connsiteX5293" y="connsiteY5293"/>
              </a:cxn>
              <a:cxn ang="0">
                <a:pos x="connsiteX5294" y="connsiteY5294"/>
              </a:cxn>
              <a:cxn ang="0">
                <a:pos x="connsiteX5295" y="connsiteY5295"/>
              </a:cxn>
              <a:cxn ang="0">
                <a:pos x="connsiteX5296" y="connsiteY5296"/>
              </a:cxn>
              <a:cxn ang="0">
                <a:pos x="connsiteX5297" y="connsiteY5297"/>
              </a:cxn>
              <a:cxn ang="0">
                <a:pos x="connsiteX5298" y="connsiteY5298"/>
              </a:cxn>
              <a:cxn ang="0">
                <a:pos x="connsiteX5299" y="connsiteY5299"/>
              </a:cxn>
              <a:cxn ang="0">
                <a:pos x="connsiteX5300" y="connsiteY5300"/>
              </a:cxn>
              <a:cxn ang="0">
                <a:pos x="connsiteX5301" y="connsiteY5301"/>
              </a:cxn>
              <a:cxn ang="0">
                <a:pos x="connsiteX5302" y="connsiteY5302"/>
              </a:cxn>
              <a:cxn ang="0">
                <a:pos x="connsiteX5303" y="connsiteY5303"/>
              </a:cxn>
              <a:cxn ang="0">
                <a:pos x="connsiteX5304" y="connsiteY5304"/>
              </a:cxn>
              <a:cxn ang="0">
                <a:pos x="connsiteX5305" y="connsiteY5305"/>
              </a:cxn>
              <a:cxn ang="0">
                <a:pos x="connsiteX5306" y="connsiteY5306"/>
              </a:cxn>
              <a:cxn ang="0">
                <a:pos x="connsiteX5307" y="connsiteY5307"/>
              </a:cxn>
              <a:cxn ang="0">
                <a:pos x="connsiteX5308" y="connsiteY5308"/>
              </a:cxn>
              <a:cxn ang="0">
                <a:pos x="connsiteX5309" y="connsiteY5309"/>
              </a:cxn>
              <a:cxn ang="0">
                <a:pos x="connsiteX5310" y="connsiteY5310"/>
              </a:cxn>
              <a:cxn ang="0">
                <a:pos x="connsiteX5311" y="connsiteY5311"/>
              </a:cxn>
              <a:cxn ang="0">
                <a:pos x="connsiteX5312" y="connsiteY5312"/>
              </a:cxn>
              <a:cxn ang="0">
                <a:pos x="connsiteX5313" y="connsiteY5313"/>
              </a:cxn>
              <a:cxn ang="0">
                <a:pos x="connsiteX5314" y="connsiteY5314"/>
              </a:cxn>
              <a:cxn ang="0">
                <a:pos x="connsiteX5315" y="connsiteY5315"/>
              </a:cxn>
              <a:cxn ang="0">
                <a:pos x="connsiteX5316" y="connsiteY5316"/>
              </a:cxn>
              <a:cxn ang="0">
                <a:pos x="connsiteX5317" y="connsiteY5317"/>
              </a:cxn>
              <a:cxn ang="0">
                <a:pos x="connsiteX5318" y="connsiteY5318"/>
              </a:cxn>
              <a:cxn ang="0">
                <a:pos x="connsiteX5319" y="connsiteY5319"/>
              </a:cxn>
              <a:cxn ang="0">
                <a:pos x="connsiteX5320" y="connsiteY5320"/>
              </a:cxn>
              <a:cxn ang="0">
                <a:pos x="connsiteX5321" y="connsiteY5321"/>
              </a:cxn>
              <a:cxn ang="0">
                <a:pos x="connsiteX5322" y="connsiteY5322"/>
              </a:cxn>
              <a:cxn ang="0">
                <a:pos x="connsiteX5323" y="connsiteY5323"/>
              </a:cxn>
              <a:cxn ang="0">
                <a:pos x="connsiteX5324" y="connsiteY5324"/>
              </a:cxn>
              <a:cxn ang="0">
                <a:pos x="connsiteX5325" y="connsiteY5325"/>
              </a:cxn>
              <a:cxn ang="0">
                <a:pos x="connsiteX5326" y="connsiteY5326"/>
              </a:cxn>
              <a:cxn ang="0">
                <a:pos x="connsiteX5327" y="connsiteY5327"/>
              </a:cxn>
              <a:cxn ang="0">
                <a:pos x="connsiteX5328" y="connsiteY5328"/>
              </a:cxn>
              <a:cxn ang="0">
                <a:pos x="connsiteX5329" y="connsiteY5329"/>
              </a:cxn>
              <a:cxn ang="0">
                <a:pos x="connsiteX5330" y="connsiteY5330"/>
              </a:cxn>
              <a:cxn ang="0">
                <a:pos x="connsiteX5331" y="connsiteY5331"/>
              </a:cxn>
              <a:cxn ang="0">
                <a:pos x="connsiteX5332" y="connsiteY5332"/>
              </a:cxn>
              <a:cxn ang="0">
                <a:pos x="connsiteX5333" y="connsiteY5333"/>
              </a:cxn>
              <a:cxn ang="0">
                <a:pos x="connsiteX5334" y="connsiteY5334"/>
              </a:cxn>
              <a:cxn ang="0">
                <a:pos x="connsiteX5335" y="connsiteY5335"/>
              </a:cxn>
              <a:cxn ang="0">
                <a:pos x="connsiteX5336" y="connsiteY5336"/>
              </a:cxn>
              <a:cxn ang="0">
                <a:pos x="connsiteX5337" y="connsiteY5337"/>
              </a:cxn>
              <a:cxn ang="0">
                <a:pos x="connsiteX5338" y="connsiteY5338"/>
              </a:cxn>
              <a:cxn ang="0">
                <a:pos x="connsiteX5339" y="connsiteY5339"/>
              </a:cxn>
              <a:cxn ang="0">
                <a:pos x="connsiteX5340" y="connsiteY5340"/>
              </a:cxn>
              <a:cxn ang="0">
                <a:pos x="connsiteX5341" y="connsiteY5341"/>
              </a:cxn>
              <a:cxn ang="0">
                <a:pos x="connsiteX5342" y="connsiteY5342"/>
              </a:cxn>
              <a:cxn ang="0">
                <a:pos x="connsiteX5343" y="connsiteY5343"/>
              </a:cxn>
              <a:cxn ang="0">
                <a:pos x="connsiteX5344" y="connsiteY5344"/>
              </a:cxn>
              <a:cxn ang="0">
                <a:pos x="connsiteX5345" y="connsiteY5345"/>
              </a:cxn>
              <a:cxn ang="0">
                <a:pos x="connsiteX5346" y="connsiteY5346"/>
              </a:cxn>
              <a:cxn ang="0">
                <a:pos x="connsiteX5347" y="connsiteY5347"/>
              </a:cxn>
              <a:cxn ang="0">
                <a:pos x="connsiteX5348" y="connsiteY5348"/>
              </a:cxn>
              <a:cxn ang="0">
                <a:pos x="connsiteX5349" y="connsiteY5349"/>
              </a:cxn>
              <a:cxn ang="0">
                <a:pos x="connsiteX5350" y="connsiteY5350"/>
              </a:cxn>
              <a:cxn ang="0">
                <a:pos x="connsiteX5351" y="connsiteY5351"/>
              </a:cxn>
              <a:cxn ang="0">
                <a:pos x="connsiteX5352" y="connsiteY5352"/>
              </a:cxn>
              <a:cxn ang="0">
                <a:pos x="connsiteX5353" y="connsiteY5353"/>
              </a:cxn>
              <a:cxn ang="0">
                <a:pos x="connsiteX5354" y="connsiteY5354"/>
              </a:cxn>
              <a:cxn ang="0">
                <a:pos x="connsiteX5355" y="connsiteY5355"/>
              </a:cxn>
              <a:cxn ang="0">
                <a:pos x="connsiteX5356" y="connsiteY5356"/>
              </a:cxn>
              <a:cxn ang="0">
                <a:pos x="connsiteX5357" y="connsiteY5357"/>
              </a:cxn>
              <a:cxn ang="0">
                <a:pos x="connsiteX5358" y="connsiteY5358"/>
              </a:cxn>
              <a:cxn ang="0">
                <a:pos x="connsiteX5359" y="connsiteY5359"/>
              </a:cxn>
              <a:cxn ang="0">
                <a:pos x="connsiteX5360" y="connsiteY5360"/>
              </a:cxn>
              <a:cxn ang="0">
                <a:pos x="connsiteX5361" y="connsiteY5361"/>
              </a:cxn>
              <a:cxn ang="0">
                <a:pos x="connsiteX5362" y="connsiteY5362"/>
              </a:cxn>
              <a:cxn ang="0">
                <a:pos x="connsiteX5363" y="connsiteY5363"/>
              </a:cxn>
              <a:cxn ang="0">
                <a:pos x="connsiteX5364" y="connsiteY5364"/>
              </a:cxn>
              <a:cxn ang="0">
                <a:pos x="connsiteX5365" y="connsiteY5365"/>
              </a:cxn>
              <a:cxn ang="0">
                <a:pos x="connsiteX5366" y="connsiteY5366"/>
              </a:cxn>
              <a:cxn ang="0">
                <a:pos x="connsiteX5367" y="connsiteY5367"/>
              </a:cxn>
              <a:cxn ang="0">
                <a:pos x="connsiteX5368" y="connsiteY5368"/>
              </a:cxn>
              <a:cxn ang="0">
                <a:pos x="connsiteX5369" y="connsiteY5369"/>
              </a:cxn>
              <a:cxn ang="0">
                <a:pos x="connsiteX5370" y="connsiteY5370"/>
              </a:cxn>
              <a:cxn ang="0">
                <a:pos x="connsiteX5371" y="connsiteY5371"/>
              </a:cxn>
              <a:cxn ang="0">
                <a:pos x="connsiteX5372" y="connsiteY5372"/>
              </a:cxn>
              <a:cxn ang="0">
                <a:pos x="connsiteX5373" y="connsiteY5373"/>
              </a:cxn>
              <a:cxn ang="0">
                <a:pos x="connsiteX5374" y="connsiteY5374"/>
              </a:cxn>
              <a:cxn ang="0">
                <a:pos x="connsiteX5375" y="connsiteY5375"/>
              </a:cxn>
              <a:cxn ang="0">
                <a:pos x="connsiteX5376" y="connsiteY5376"/>
              </a:cxn>
              <a:cxn ang="0">
                <a:pos x="connsiteX5377" y="connsiteY5377"/>
              </a:cxn>
              <a:cxn ang="0">
                <a:pos x="connsiteX5378" y="connsiteY5378"/>
              </a:cxn>
              <a:cxn ang="0">
                <a:pos x="connsiteX5379" y="connsiteY5379"/>
              </a:cxn>
              <a:cxn ang="0">
                <a:pos x="connsiteX5380" y="connsiteY5380"/>
              </a:cxn>
              <a:cxn ang="0">
                <a:pos x="connsiteX5381" y="connsiteY5381"/>
              </a:cxn>
              <a:cxn ang="0">
                <a:pos x="connsiteX5382" y="connsiteY5382"/>
              </a:cxn>
              <a:cxn ang="0">
                <a:pos x="connsiteX5383" y="connsiteY5383"/>
              </a:cxn>
              <a:cxn ang="0">
                <a:pos x="connsiteX5384" y="connsiteY5384"/>
              </a:cxn>
              <a:cxn ang="0">
                <a:pos x="connsiteX5385" y="connsiteY5385"/>
              </a:cxn>
              <a:cxn ang="0">
                <a:pos x="connsiteX5386" y="connsiteY5386"/>
              </a:cxn>
              <a:cxn ang="0">
                <a:pos x="connsiteX5387" y="connsiteY5387"/>
              </a:cxn>
              <a:cxn ang="0">
                <a:pos x="connsiteX5388" y="connsiteY5388"/>
              </a:cxn>
              <a:cxn ang="0">
                <a:pos x="connsiteX5389" y="connsiteY5389"/>
              </a:cxn>
              <a:cxn ang="0">
                <a:pos x="connsiteX5390" y="connsiteY5390"/>
              </a:cxn>
              <a:cxn ang="0">
                <a:pos x="connsiteX5391" y="connsiteY5391"/>
              </a:cxn>
              <a:cxn ang="0">
                <a:pos x="connsiteX5392" y="connsiteY5392"/>
              </a:cxn>
              <a:cxn ang="0">
                <a:pos x="connsiteX5393" y="connsiteY5393"/>
              </a:cxn>
              <a:cxn ang="0">
                <a:pos x="connsiteX5394" y="connsiteY5394"/>
              </a:cxn>
              <a:cxn ang="0">
                <a:pos x="connsiteX5395" y="connsiteY5395"/>
              </a:cxn>
              <a:cxn ang="0">
                <a:pos x="connsiteX5396" y="connsiteY5396"/>
              </a:cxn>
              <a:cxn ang="0">
                <a:pos x="connsiteX5397" y="connsiteY5397"/>
              </a:cxn>
              <a:cxn ang="0">
                <a:pos x="connsiteX5398" y="connsiteY5398"/>
              </a:cxn>
              <a:cxn ang="0">
                <a:pos x="connsiteX5399" y="connsiteY5399"/>
              </a:cxn>
              <a:cxn ang="0">
                <a:pos x="connsiteX5400" y="connsiteY5400"/>
              </a:cxn>
              <a:cxn ang="0">
                <a:pos x="connsiteX5401" y="connsiteY5401"/>
              </a:cxn>
              <a:cxn ang="0">
                <a:pos x="connsiteX5402" y="connsiteY5402"/>
              </a:cxn>
              <a:cxn ang="0">
                <a:pos x="connsiteX5403" y="connsiteY5403"/>
              </a:cxn>
              <a:cxn ang="0">
                <a:pos x="connsiteX5404" y="connsiteY5404"/>
              </a:cxn>
              <a:cxn ang="0">
                <a:pos x="connsiteX5405" y="connsiteY5405"/>
              </a:cxn>
              <a:cxn ang="0">
                <a:pos x="connsiteX5406" y="connsiteY5406"/>
              </a:cxn>
              <a:cxn ang="0">
                <a:pos x="connsiteX5407" y="connsiteY5407"/>
              </a:cxn>
              <a:cxn ang="0">
                <a:pos x="connsiteX5408" y="connsiteY5408"/>
              </a:cxn>
              <a:cxn ang="0">
                <a:pos x="connsiteX5409" y="connsiteY5409"/>
              </a:cxn>
              <a:cxn ang="0">
                <a:pos x="connsiteX5410" y="connsiteY5410"/>
              </a:cxn>
              <a:cxn ang="0">
                <a:pos x="connsiteX5411" y="connsiteY5411"/>
              </a:cxn>
              <a:cxn ang="0">
                <a:pos x="connsiteX5412" y="connsiteY5412"/>
              </a:cxn>
              <a:cxn ang="0">
                <a:pos x="connsiteX5413" y="connsiteY5413"/>
              </a:cxn>
              <a:cxn ang="0">
                <a:pos x="connsiteX5414" y="connsiteY5414"/>
              </a:cxn>
              <a:cxn ang="0">
                <a:pos x="connsiteX5415" y="connsiteY5415"/>
              </a:cxn>
              <a:cxn ang="0">
                <a:pos x="connsiteX5416" y="connsiteY5416"/>
              </a:cxn>
              <a:cxn ang="0">
                <a:pos x="connsiteX5417" y="connsiteY5417"/>
              </a:cxn>
              <a:cxn ang="0">
                <a:pos x="connsiteX5418" y="connsiteY5418"/>
              </a:cxn>
              <a:cxn ang="0">
                <a:pos x="connsiteX5419" y="connsiteY5419"/>
              </a:cxn>
              <a:cxn ang="0">
                <a:pos x="connsiteX5420" y="connsiteY5420"/>
              </a:cxn>
              <a:cxn ang="0">
                <a:pos x="connsiteX5421" y="connsiteY5421"/>
              </a:cxn>
              <a:cxn ang="0">
                <a:pos x="connsiteX5422" y="connsiteY5422"/>
              </a:cxn>
              <a:cxn ang="0">
                <a:pos x="connsiteX5423" y="connsiteY5423"/>
              </a:cxn>
              <a:cxn ang="0">
                <a:pos x="connsiteX5424" y="connsiteY5424"/>
              </a:cxn>
              <a:cxn ang="0">
                <a:pos x="connsiteX5425" y="connsiteY5425"/>
              </a:cxn>
              <a:cxn ang="0">
                <a:pos x="connsiteX5426" y="connsiteY5426"/>
              </a:cxn>
              <a:cxn ang="0">
                <a:pos x="connsiteX5427" y="connsiteY5427"/>
              </a:cxn>
              <a:cxn ang="0">
                <a:pos x="connsiteX5428" y="connsiteY5428"/>
              </a:cxn>
              <a:cxn ang="0">
                <a:pos x="connsiteX5429" y="connsiteY5429"/>
              </a:cxn>
              <a:cxn ang="0">
                <a:pos x="connsiteX5430" y="connsiteY5430"/>
              </a:cxn>
              <a:cxn ang="0">
                <a:pos x="connsiteX5431" y="connsiteY5431"/>
              </a:cxn>
              <a:cxn ang="0">
                <a:pos x="connsiteX5432" y="connsiteY5432"/>
              </a:cxn>
              <a:cxn ang="0">
                <a:pos x="connsiteX5433" y="connsiteY5433"/>
              </a:cxn>
              <a:cxn ang="0">
                <a:pos x="connsiteX5434" y="connsiteY5434"/>
              </a:cxn>
              <a:cxn ang="0">
                <a:pos x="connsiteX5435" y="connsiteY5435"/>
              </a:cxn>
              <a:cxn ang="0">
                <a:pos x="connsiteX5436" y="connsiteY5436"/>
              </a:cxn>
              <a:cxn ang="0">
                <a:pos x="connsiteX5437" y="connsiteY5437"/>
              </a:cxn>
              <a:cxn ang="0">
                <a:pos x="connsiteX5438" y="connsiteY5438"/>
              </a:cxn>
              <a:cxn ang="0">
                <a:pos x="connsiteX5439" y="connsiteY5439"/>
              </a:cxn>
              <a:cxn ang="0">
                <a:pos x="connsiteX5440" y="connsiteY5440"/>
              </a:cxn>
              <a:cxn ang="0">
                <a:pos x="connsiteX5441" y="connsiteY5441"/>
              </a:cxn>
              <a:cxn ang="0">
                <a:pos x="connsiteX5442" y="connsiteY5442"/>
              </a:cxn>
              <a:cxn ang="0">
                <a:pos x="connsiteX5443" y="connsiteY5443"/>
              </a:cxn>
              <a:cxn ang="0">
                <a:pos x="connsiteX5444" y="connsiteY5444"/>
              </a:cxn>
              <a:cxn ang="0">
                <a:pos x="connsiteX5445" y="connsiteY5445"/>
              </a:cxn>
              <a:cxn ang="0">
                <a:pos x="connsiteX5446" y="connsiteY5446"/>
              </a:cxn>
              <a:cxn ang="0">
                <a:pos x="connsiteX5447" y="connsiteY5447"/>
              </a:cxn>
              <a:cxn ang="0">
                <a:pos x="connsiteX5448" y="connsiteY5448"/>
              </a:cxn>
              <a:cxn ang="0">
                <a:pos x="connsiteX5449" y="connsiteY5449"/>
              </a:cxn>
              <a:cxn ang="0">
                <a:pos x="connsiteX5450" y="connsiteY5450"/>
              </a:cxn>
              <a:cxn ang="0">
                <a:pos x="connsiteX5451" y="connsiteY5451"/>
              </a:cxn>
              <a:cxn ang="0">
                <a:pos x="connsiteX5452" y="connsiteY5452"/>
              </a:cxn>
              <a:cxn ang="0">
                <a:pos x="connsiteX5453" y="connsiteY5453"/>
              </a:cxn>
              <a:cxn ang="0">
                <a:pos x="connsiteX5454" y="connsiteY5454"/>
              </a:cxn>
              <a:cxn ang="0">
                <a:pos x="connsiteX5455" y="connsiteY5455"/>
              </a:cxn>
              <a:cxn ang="0">
                <a:pos x="connsiteX5456" y="connsiteY5456"/>
              </a:cxn>
              <a:cxn ang="0">
                <a:pos x="connsiteX5457" y="connsiteY5457"/>
              </a:cxn>
              <a:cxn ang="0">
                <a:pos x="connsiteX5458" y="connsiteY5458"/>
              </a:cxn>
              <a:cxn ang="0">
                <a:pos x="connsiteX5459" y="connsiteY5459"/>
              </a:cxn>
              <a:cxn ang="0">
                <a:pos x="connsiteX5460" y="connsiteY5460"/>
              </a:cxn>
              <a:cxn ang="0">
                <a:pos x="connsiteX5461" y="connsiteY5461"/>
              </a:cxn>
              <a:cxn ang="0">
                <a:pos x="connsiteX5462" y="connsiteY5462"/>
              </a:cxn>
              <a:cxn ang="0">
                <a:pos x="connsiteX5463" y="connsiteY5463"/>
              </a:cxn>
              <a:cxn ang="0">
                <a:pos x="connsiteX5464" y="connsiteY5464"/>
              </a:cxn>
              <a:cxn ang="0">
                <a:pos x="connsiteX5465" y="connsiteY5465"/>
              </a:cxn>
              <a:cxn ang="0">
                <a:pos x="connsiteX5466" y="connsiteY5466"/>
              </a:cxn>
              <a:cxn ang="0">
                <a:pos x="connsiteX5467" y="connsiteY5467"/>
              </a:cxn>
              <a:cxn ang="0">
                <a:pos x="connsiteX5468" y="connsiteY5468"/>
              </a:cxn>
              <a:cxn ang="0">
                <a:pos x="connsiteX5469" y="connsiteY5469"/>
              </a:cxn>
              <a:cxn ang="0">
                <a:pos x="connsiteX5470" y="connsiteY5470"/>
              </a:cxn>
              <a:cxn ang="0">
                <a:pos x="connsiteX5471" y="connsiteY5471"/>
              </a:cxn>
              <a:cxn ang="0">
                <a:pos x="connsiteX5472" y="connsiteY5472"/>
              </a:cxn>
              <a:cxn ang="0">
                <a:pos x="connsiteX5473" y="connsiteY5473"/>
              </a:cxn>
              <a:cxn ang="0">
                <a:pos x="connsiteX5474" y="connsiteY5474"/>
              </a:cxn>
              <a:cxn ang="0">
                <a:pos x="connsiteX5475" y="connsiteY5475"/>
              </a:cxn>
              <a:cxn ang="0">
                <a:pos x="connsiteX5476" y="connsiteY5476"/>
              </a:cxn>
              <a:cxn ang="0">
                <a:pos x="connsiteX5477" y="connsiteY5477"/>
              </a:cxn>
              <a:cxn ang="0">
                <a:pos x="connsiteX5478" y="connsiteY5478"/>
              </a:cxn>
              <a:cxn ang="0">
                <a:pos x="connsiteX5479" y="connsiteY5479"/>
              </a:cxn>
              <a:cxn ang="0">
                <a:pos x="connsiteX5480" y="connsiteY5480"/>
              </a:cxn>
              <a:cxn ang="0">
                <a:pos x="connsiteX5481" y="connsiteY5481"/>
              </a:cxn>
              <a:cxn ang="0">
                <a:pos x="connsiteX5482" y="connsiteY5482"/>
              </a:cxn>
              <a:cxn ang="0">
                <a:pos x="connsiteX5483" y="connsiteY5483"/>
              </a:cxn>
              <a:cxn ang="0">
                <a:pos x="connsiteX5484" y="connsiteY5484"/>
              </a:cxn>
              <a:cxn ang="0">
                <a:pos x="connsiteX5485" y="connsiteY5485"/>
              </a:cxn>
              <a:cxn ang="0">
                <a:pos x="connsiteX5486" y="connsiteY5486"/>
              </a:cxn>
              <a:cxn ang="0">
                <a:pos x="connsiteX5487" y="connsiteY5487"/>
              </a:cxn>
              <a:cxn ang="0">
                <a:pos x="connsiteX5488" y="connsiteY5488"/>
              </a:cxn>
              <a:cxn ang="0">
                <a:pos x="connsiteX5489" y="connsiteY5489"/>
              </a:cxn>
              <a:cxn ang="0">
                <a:pos x="connsiteX5490" y="connsiteY5490"/>
              </a:cxn>
              <a:cxn ang="0">
                <a:pos x="connsiteX5491" y="connsiteY5491"/>
              </a:cxn>
              <a:cxn ang="0">
                <a:pos x="connsiteX5492" y="connsiteY5492"/>
              </a:cxn>
              <a:cxn ang="0">
                <a:pos x="connsiteX5493" y="connsiteY5493"/>
              </a:cxn>
              <a:cxn ang="0">
                <a:pos x="connsiteX5494" y="connsiteY5494"/>
              </a:cxn>
              <a:cxn ang="0">
                <a:pos x="connsiteX5495" y="connsiteY5495"/>
              </a:cxn>
              <a:cxn ang="0">
                <a:pos x="connsiteX5496" y="connsiteY5496"/>
              </a:cxn>
              <a:cxn ang="0">
                <a:pos x="connsiteX5497" y="connsiteY5497"/>
              </a:cxn>
              <a:cxn ang="0">
                <a:pos x="connsiteX5498" y="connsiteY5498"/>
              </a:cxn>
              <a:cxn ang="0">
                <a:pos x="connsiteX5499" y="connsiteY5499"/>
              </a:cxn>
              <a:cxn ang="0">
                <a:pos x="connsiteX5500" y="connsiteY5500"/>
              </a:cxn>
              <a:cxn ang="0">
                <a:pos x="connsiteX5501" y="connsiteY5501"/>
              </a:cxn>
              <a:cxn ang="0">
                <a:pos x="connsiteX5502" y="connsiteY5502"/>
              </a:cxn>
              <a:cxn ang="0">
                <a:pos x="connsiteX5503" y="connsiteY5503"/>
              </a:cxn>
              <a:cxn ang="0">
                <a:pos x="connsiteX5504" y="connsiteY5504"/>
              </a:cxn>
              <a:cxn ang="0">
                <a:pos x="connsiteX5505" y="connsiteY5505"/>
              </a:cxn>
              <a:cxn ang="0">
                <a:pos x="connsiteX5506" y="connsiteY5506"/>
              </a:cxn>
              <a:cxn ang="0">
                <a:pos x="connsiteX5507" y="connsiteY5507"/>
              </a:cxn>
              <a:cxn ang="0">
                <a:pos x="connsiteX5508" y="connsiteY5508"/>
              </a:cxn>
              <a:cxn ang="0">
                <a:pos x="connsiteX5509" y="connsiteY5509"/>
              </a:cxn>
              <a:cxn ang="0">
                <a:pos x="connsiteX5510" y="connsiteY5510"/>
              </a:cxn>
              <a:cxn ang="0">
                <a:pos x="connsiteX5511" y="connsiteY5511"/>
              </a:cxn>
              <a:cxn ang="0">
                <a:pos x="connsiteX5512" y="connsiteY5512"/>
              </a:cxn>
              <a:cxn ang="0">
                <a:pos x="connsiteX5513" y="connsiteY5513"/>
              </a:cxn>
              <a:cxn ang="0">
                <a:pos x="connsiteX5514" y="connsiteY5514"/>
              </a:cxn>
              <a:cxn ang="0">
                <a:pos x="connsiteX5515" y="connsiteY5515"/>
              </a:cxn>
              <a:cxn ang="0">
                <a:pos x="connsiteX5516" y="connsiteY5516"/>
              </a:cxn>
              <a:cxn ang="0">
                <a:pos x="connsiteX5517" y="connsiteY5517"/>
              </a:cxn>
              <a:cxn ang="0">
                <a:pos x="connsiteX5518" y="connsiteY5518"/>
              </a:cxn>
              <a:cxn ang="0">
                <a:pos x="connsiteX5519" y="connsiteY5519"/>
              </a:cxn>
              <a:cxn ang="0">
                <a:pos x="connsiteX5520" y="connsiteY5520"/>
              </a:cxn>
              <a:cxn ang="0">
                <a:pos x="connsiteX5521" y="connsiteY5521"/>
              </a:cxn>
              <a:cxn ang="0">
                <a:pos x="connsiteX5522" y="connsiteY5522"/>
              </a:cxn>
              <a:cxn ang="0">
                <a:pos x="connsiteX5523" y="connsiteY5523"/>
              </a:cxn>
              <a:cxn ang="0">
                <a:pos x="connsiteX5524" y="connsiteY5524"/>
              </a:cxn>
              <a:cxn ang="0">
                <a:pos x="connsiteX5525" y="connsiteY5525"/>
              </a:cxn>
              <a:cxn ang="0">
                <a:pos x="connsiteX5526" y="connsiteY5526"/>
              </a:cxn>
              <a:cxn ang="0">
                <a:pos x="connsiteX5527" y="connsiteY5527"/>
              </a:cxn>
              <a:cxn ang="0">
                <a:pos x="connsiteX5528" y="connsiteY5528"/>
              </a:cxn>
              <a:cxn ang="0">
                <a:pos x="connsiteX5529" y="connsiteY5529"/>
              </a:cxn>
              <a:cxn ang="0">
                <a:pos x="connsiteX5530" y="connsiteY5530"/>
              </a:cxn>
              <a:cxn ang="0">
                <a:pos x="connsiteX5531" y="connsiteY5531"/>
              </a:cxn>
              <a:cxn ang="0">
                <a:pos x="connsiteX5532" y="connsiteY5532"/>
              </a:cxn>
              <a:cxn ang="0">
                <a:pos x="connsiteX5533" y="connsiteY5533"/>
              </a:cxn>
              <a:cxn ang="0">
                <a:pos x="connsiteX5534" y="connsiteY5534"/>
              </a:cxn>
              <a:cxn ang="0">
                <a:pos x="connsiteX5535" y="connsiteY5535"/>
              </a:cxn>
              <a:cxn ang="0">
                <a:pos x="connsiteX5536" y="connsiteY5536"/>
              </a:cxn>
              <a:cxn ang="0">
                <a:pos x="connsiteX5537" y="connsiteY5537"/>
              </a:cxn>
              <a:cxn ang="0">
                <a:pos x="connsiteX5538" y="connsiteY5538"/>
              </a:cxn>
              <a:cxn ang="0">
                <a:pos x="connsiteX5539" y="connsiteY5539"/>
              </a:cxn>
              <a:cxn ang="0">
                <a:pos x="connsiteX5540" y="connsiteY5540"/>
              </a:cxn>
              <a:cxn ang="0">
                <a:pos x="connsiteX5541" y="connsiteY5541"/>
              </a:cxn>
              <a:cxn ang="0">
                <a:pos x="connsiteX5542" y="connsiteY5542"/>
              </a:cxn>
              <a:cxn ang="0">
                <a:pos x="connsiteX5543" y="connsiteY5543"/>
              </a:cxn>
              <a:cxn ang="0">
                <a:pos x="connsiteX5544" y="connsiteY5544"/>
              </a:cxn>
              <a:cxn ang="0">
                <a:pos x="connsiteX5545" y="connsiteY5545"/>
              </a:cxn>
              <a:cxn ang="0">
                <a:pos x="connsiteX5546" y="connsiteY5546"/>
              </a:cxn>
              <a:cxn ang="0">
                <a:pos x="connsiteX5547" y="connsiteY5547"/>
              </a:cxn>
              <a:cxn ang="0">
                <a:pos x="connsiteX5548" y="connsiteY5548"/>
              </a:cxn>
              <a:cxn ang="0">
                <a:pos x="connsiteX5549" y="connsiteY5549"/>
              </a:cxn>
              <a:cxn ang="0">
                <a:pos x="connsiteX5550" y="connsiteY5550"/>
              </a:cxn>
              <a:cxn ang="0">
                <a:pos x="connsiteX5551" y="connsiteY5551"/>
              </a:cxn>
              <a:cxn ang="0">
                <a:pos x="connsiteX5552" y="connsiteY5552"/>
              </a:cxn>
              <a:cxn ang="0">
                <a:pos x="connsiteX5553" y="connsiteY5553"/>
              </a:cxn>
              <a:cxn ang="0">
                <a:pos x="connsiteX5554" y="connsiteY5554"/>
              </a:cxn>
              <a:cxn ang="0">
                <a:pos x="connsiteX5555" y="connsiteY5555"/>
              </a:cxn>
              <a:cxn ang="0">
                <a:pos x="connsiteX5556" y="connsiteY5556"/>
              </a:cxn>
              <a:cxn ang="0">
                <a:pos x="connsiteX5557" y="connsiteY5557"/>
              </a:cxn>
              <a:cxn ang="0">
                <a:pos x="connsiteX5558" y="connsiteY5558"/>
              </a:cxn>
              <a:cxn ang="0">
                <a:pos x="connsiteX5559" y="connsiteY5559"/>
              </a:cxn>
              <a:cxn ang="0">
                <a:pos x="connsiteX5560" y="connsiteY5560"/>
              </a:cxn>
              <a:cxn ang="0">
                <a:pos x="connsiteX5561" y="connsiteY5561"/>
              </a:cxn>
              <a:cxn ang="0">
                <a:pos x="connsiteX5562" y="connsiteY5562"/>
              </a:cxn>
              <a:cxn ang="0">
                <a:pos x="connsiteX5563" y="connsiteY5563"/>
              </a:cxn>
              <a:cxn ang="0">
                <a:pos x="connsiteX5564" y="connsiteY5564"/>
              </a:cxn>
              <a:cxn ang="0">
                <a:pos x="connsiteX5565" y="connsiteY5565"/>
              </a:cxn>
              <a:cxn ang="0">
                <a:pos x="connsiteX5566" y="connsiteY5566"/>
              </a:cxn>
              <a:cxn ang="0">
                <a:pos x="connsiteX5567" y="connsiteY5567"/>
              </a:cxn>
              <a:cxn ang="0">
                <a:pos x="connsiteX5568" y="connsiteY5568"/>
              </a:cxn>
              <a:cxn ang="0">
                <a:pos x="connsiteX5569" y="connsiteY5569"/>
              </a:cxn>
              <a:cxn ang="0">
                <a:pos x="connsiteX5570" y="connsiteY5570"/>
              </a:cxn>
              <a:cxn ang="0">
                <a:pos x="connsiteX5571" y="connsiteY5571"/>
              </a:cxn>
              <a:cxn ang="0">
                <a:pos x="connsiteX5572" y="connsiteY5572"/>
              </a:cxn>
              <a:cxn ang="0">
                <a:pos x="connsiteX5573" y="connsiteY5573"/>
              </a:cxn>
              <a:cxn ang="0">
                <a:pos x="connsiteX5574" y="connsiteY5574"/>
              </a:cxn>
              <a:cxn ang="0">
                <a:pos x="connsiteX5575" y="connsiteY5575"/>
              </a:cxn>
              <a:cxn ang="0">
                <a:pos x="connsiteX5576" y="connsiteY5576"/>
              </a:cxn>
              <a:cxn ang="0">
                <a:pos x="connsiteX5577" y="connsiteY5577"/>
              </a:cxn>
              <a:cxn ang="0">
                <a:pos x="connsiteX5578" y="connsiteY5578"/>
              </a:cxn>
              <a:cxn ang="0">
                <a:pos x="connsiteX5579" y="connsiteY5579"/>
              </a:cxn>
              <a:cxn ang="0">
                <a:pos x="connsiteX5580" y="connsiteY5580"/>
              </a:cxn>
              <a:cxn ang="0">
                <a:pos x="connsiteX5581" y="connsiteY5581"/>
              </a:cxn>
              <a:cxn ang="0">
                <a:pos x="connsiteX5582" y="connsiteY5582"/>
              </a:cxn>
              <a:cxn ang="0">
                <a:pos x="connsiteX5583" y="connsiteY5583"/>
              </a:cxn>
              <a:cxn ang="0">
                <a:pos x="connsiteX5584" y="connsiteY5584"/>
              </a:cxn>
              <a:cxn ang="0">
                <a:pos x="connsiteX5585" y="connsiteY5585"/>
              </a:cxn>
              <a:cxn ang="0">
                <a:pos x="connsiteX5586" y="connsiteY5586"/>
              </a:cxn>
              <a:cxn ang="0">
                <a:pos x="connsiteX5587" y="connsiteY5587"/>
              </a:cxn>
              <a:cxn ang="0">
                <a:pos x="connsiteX5588" y="connsiteY5588"/>
              </a:cxn>
              <a:cxn ang="0">
                <a:pos x="connsiteX5589" y="connsiteY5589"/>
              </a:cxn>
              <a:cxn ang="0">
                <a:pos x="connsiteX5590" y="connsiteY5590"/>
              </a:cxn>
              <a:cxn ang="0">
                <a:pos x="connsiteX5591" y="connsiteY5591"/>
              </a:cxn>
              <a:cxn ang="0">
                <a:pos x="connsiteX5592" y="connsiteY5592"/>
              </a:cxn>
              <a:cxn ang="0">
                <a:pos x="connsiteX5593" y="connsiteY5593"/>
              </a:cxn>
              <a:cxn ang="0">
                <a:pos x="connsiteX5594" y="connsiteY5594"/>
              </a:cxn>
              <a:cxn ang="0">
                <a:pos x="connsiteX5595" y="connsiteY5595"/>
              </a:cxn>
              <a:cxn ang="0">
                <a:pos x="connsiteX5596" y="connsiteY5596"/>
              </a:cxn>
              <a:cxn ang="0">
                <a:pos x="connsiteX5597" y="connsiteY5597"/>
              </a:cxn>
              <a:cxn ang="0">
                <a:pos x="connsiteX5598" y="connsiteY5598"/>
              </a:cxn>
              <a:cxn ang="0">
                <a:pos x="connsiteX5599" y="connsiteY5599"/>
              </a:cxn>
              <a:cxn ang="0">
                <a:pos x="connsiteX5600" y="connsiteY5600"/>
              </a:cxn>
              <a:cxn ang="0">
                <a:pos x="connsiteX5601" y="connsiteY5601"/>
              </a:cxn>
              <a:cxn ang="0">
                <a:pos x="connsiteX5602" y="connsiteY5602"/>
              </a:cxn>
              <a:cxn ang="0">
                <a:pos x="connsiteX5603" y="connsiteY5603"/>
              </a:cxn>
              <a:cxn ang="0">
                <a:pos x="connsiteX5604" y="connsiteY5604"/>
              </a:cxn>
              <a:cxn ang="0">
                <a:pos x="connsiteX5605" y="connsiteY5605"/>
              </a:cxn>
              <a:cxn ang="0">
                <a:pos x="connsiteX5606" y="connsiteY5606"/>
              </a:cxn>
              <a:cxn ang="0">
                <a:pos x="connsiteX5607" y="connsiteY5607"/>
              </a:cxn>
              <a:cxn ang="0">
                <a:pos x="connsiteX5608" y="connsiteY5608"/>
              </a:cxn>
              <a:cxn ang="0">
                <a:pos x="connsiteX5609" y="connsiteY5609"/>
              </a:cxn>
              <a:cxn ang="0">
                <a:pos x="connsiteX5610" y="connsiteY5610"/>
              </a:cxn>
              <a:cxn ang="0">
                <a:pos x="connsiteX5611" y="connsiteY5611"/>
              </a:cxn>
              <a:cxn ang="0">
                <a:pos x="connsiteX5612" y="connsiteY5612"/>
              </a:cxn>
              <a:cxn ang="0">
                <a:pos x="connsiteX5613" y="connsiteY5613"/>
              </a:cxn>
              <a:cxn ang="0">
                <a:pos x="connsiteX5614" y="connsiteY5614"/>
              </a:cxn>
              <a:cxn ang="0">
                <a:pos x="connsiteX5615" y="connsiteY5615"/>
              </a:cxn>
              <a:cxn ang="0">
                <a:pos x="connsiteX5616" y="connsiteY5616"/>
              </a:cxn>
              <a:cxn ang="0">
                <a:pos x="connsiteX5617" y="connsiteY5617"/>
              </a:cxn>
              <a:cxn ang="0">
                <a:pos x="connsiteX5618" y="connsiteY5618"/>
              </a:cxn>
              <a:cxn ang="0">
                <a:pos x="connsiteX5619" y="connsiteY5619"/>
              </a:cxn>
              <a:cxn ang="0">
                <a:pos x="connsiteX5620" y="connsiteY5620"/>
              </a:cxn>
              <a:cxn ang="0">
                <a:pos x="connsiteX5621" y="connsiteY5621"/>
              </a:cxn>
              <a:cxn ang="0">
                <a:pos x="connsiteX5622" y="connsiteY5622"/>
              </a:cxn>
              <a:cxn ang="0">
                <a:pos x="connsiteX5623" y="connsiteY5623"/>
              </a:cxn>
              <a:cxn ang="0">
                <a:pos x="connsiteX5624" y="connsiteY5624"/>
              </a:cxn>
              <a:cxn ang="0">
                <a:pos x="connsiteX5625" y="connsiteY5625"/>
              </a:cxn>
              <a:cxn ang="0">
                <a:pos x="connsiteX5626" y="connsiteY5626"/>
              </a:cxn>
              <a:cxn ang="0">
                <a:pos x="connsiteX5627" y="connsiteY5627"/>
              </a:cxn>
              <a:cxn ang="0">
                <a:pos x="connsiteX5628" y="connsiteY5628"/>
              </a:cxn>
              <a:cxn ang="0">
                <a:pos x="connsiteX5629" y="connsiteY5629"/>
              </a:cxn>
              <a:cxn ang="0">
                <a:pos x="connsiteX5630" y="connsiteY5630"/>
              </a:cxn>
              <a:cxn ang="0">
                <a:pos x="connsiteX5631" y="connsiteY5631"/>
              </a:cxn>
              <a:cxn ang="0">
                <a:pos x="connsiteX5632" y="connsiteY5632"/>
              </a:cxn>
              <a:cxn ang="0">
                <a:pos x="connsiteX5633" y="connsiteY5633"/>
              </a:cxn>
              <a:cxn ang="0">
                <a:pos x="connsiteX5634" y="connsiteY5634"/>
              </a:cxn>
              <a:cxn ang="0">
                <a:pos x="connsiteX5635" y="connsiteY5635"/>
              </a:cxn>
              <a:cxn ang="0">
                <a:pos x="connsiteX5636" y="connsiteY5636"/>
              </a:cxn>
              <a:cxn ang="0">
                <a:pos x="connsiteX5637" y="connsiteY5637"/>
              </a:cxn>
              <a:cxn ang="0">
                <a:pos x="connsiteX5638" y="connsiteY5638"/>
              </a:cxn>
              <a:cxn ang="0">
                <a:pos x="connsiteX5639" y="connsiteY5639"/>
              </a:cxn>
              <a:cxn ang="0">
                <a:pos x="connsiteX5640" y="connsiteY5640"/>
              </a:cxn>
              <a:cxn ang="0">
                <a:pos x="connsiteX5641" y="connsiteY5641"/>
              </a:cxn>
              <a:cxn ang="0">
                <a:pos x="connsiteX5642" y="connsiteY5642"/>
              </a:cxn>
              <a:cxn ang="0">
                <a:pos x="connsiteX5643" y="connsiteY5643"/>
              </a:cxn>
              <a:cxn ang="0">
                <a:pos x="connsiteX5644" y="connsiteY5644"/>
              </a:cxn>
              <a:cxn ang="0">
                <a:pos x="connsiteX5645" y="connsiteY5645"/>
              </a:cxn>
              <a:cxn ang="0">
                <a:pos x="connsiteX5646" y="connsiteY5646"/>
              </a:cxn>
              <a:cxn ang="0">
                <a:pos x="connsiteX5647" y="connsiteY5647"/>
              </a:cxn>
              <a:cxn ang="0">
                <a:pos x="connsiteX5648" y="connsiteY5648"/>
              </a:cxn>
              <a:cxn ang="0">
                <a:pos x="connsiteX5649" y="connsiteY5649"/>
              </a:cxn>
              <a:cxn ang="0">
                <a:pos x="connsiteX5650" y="connsiteY5650"/>
              </a:cxn>
              <a:cxn ang="0">
                <a:pos x="connsiteX5651" y="connsiteY5651"/>
              </a:cxn>
              <a:cxn ang="0">
                <a:pos x="connsiteX5652" y="connsiteY5652"/>
              </a:cxn>
              <a:cxn ang="0">
                <a:pos x="connsiteX5653" y="connsiteY5653"/>
              </a:cxn>
              <a:cxn ang="0">
                <a:pos x="connsiteX5654" y="connsiteY5654"/>
              </a:cxn>
              <a:cxn ang="0">
                <a:pos x="connsiteX5655" y="connsiteY5655"/>
              </a:cxn>
              <a:cxn ang="0">
                <a:pos x="connsiteX5656" y="connsiteY5656"/>
              </a:cxn>
              <a:cxn ang="0">
                <a:pos x="connsiteX5657" y="connsiteY5657"/>
              </a:cxn>
              <a:cxn ang="0">
                <a:pos x="connsiteX5658" y="connsiteY5658"/>
              </a:cxn>
              <a:cxn ang="0">
                <a:pos x="connsiteX5659" y="connsiteY5659"/>
              </a:cxn>
              <a:cxn ang="0">
                <a:pos x="connsiteX5660" y="connsiteY5660"/>
              </a:cxn>
              <a:cxn ang="0">
                <a:pos x="connsiteX5661" y="connsiteY5661"/>
              </a:cxn>
              <a:cxn ang="0">
                <a:pos x="connsiteX5662" y="connsiteY5662"/>
              </a:cxn>
              <a:cxn ang="0">
                <a:pos x="connsiteX5663" y="connsiteY5663"/>
              </a:cxn>
              <a:cxn ang="0">
                <a:pos x="connsiteX5664" y="connsiteY5664"/>
              </a:cxn>
              <a:cxn ang="0">
                <a:pos x="connsiteX5665" y="connsiteY5665"/>
              </a:cxn>
              <a:cxn ang="0">
                <a:pos x="connsiteX5666" y="connsiteY5666"/>
              </a:cxn>
              <a:cxn ang="0">
                <a:pos x="connsiteX5667" y="connsiteY5667"/>
              </a:cxn>
              <a:cxn ang="0">
                <a:pos x="connsiteX5668" y="connsiteY5668"/>
              </a:cxn>
              <a:cxn ang="0">
                <a:pos x="connsiteX5669" y="connsiteY5669"/>
              </a:cxn>
              <a:cxn ang="0">
                <a:pos x="connsiteX5670" y="connsiteY5670"/>
              </a:cxn>
              <a:cxn ang="0">
                <a:pos x="connsiteX5671" y="connsiteY5671"/>
              </a:cxn>
              <a:cxn ang="0">
                <a:pos x="connsiteX5672" y="connsiteY5672"/>
              </a:cxn>
              <a:cxn ang="0">
                <a:pos x="connsiteX5673" y="connsiteY5673"/>
              </a:cxn>
              <a:cxn ang="0">
                <a:pos x="connsiteX5674" y="connsiteY5674"/>
              </a:cxn>
              <a:cxn ang="0">
                <a:pos x="connsiteX5675" y="connsiteY5675"/>
              </a:cxn>
              <a:cxn ang="0">
                <a:pos x="connsiteX5676" y="connsiteY5676"/>
              </a:cxn>
              <a:cxn ang="0">
                <a:pos x="connsiteX5677" y="connsiteY5677"/>
              </a:cxn>
              <a:cxn ang="0">
                <a:pos x="connsiteX5678" y="connsiteY5678"/>
              </a:cxn>
              <a:cxn ang="0">
                <a:pos x="connsiteX5679" y="connsiteY5679"/>
              </a:cxn>
              <a:cxn ang="0">
                <a:pos x="connsiteX5680" y="connsiteY5680"/>
              </a:cxn>
              <a:cxn ang="0">
                <a:pos x="connsiteX5681" y="connsiteY5681"/>
              </a:cxn>
              <a:cxn ang="0">
                <a:pos x="connsiteX5682" y="connsiteY5682"/>
              </a:cxn>
              <a:cxn ang="0">
                <a:pos x="connsiteX5683" y="connsiteY5683"/>
              </a:cxn>
              <a:cxn ang="0">
                <a:pos x="connsiteX5684" y="connsiteY5684"/>
              </a:cxn>
              <a:cxn ang="0">
                <a:pos x="connsiteX5685" y="connsiteY5685"/>
              </a:cxn>
              <a:cxn ang="0">
                <a:pos x="connsiteX5686" y="connsiteY5686"/>
              </a:cxn>
              <a:cxn ang="0">
                <a:pos x="connsiteX5687" y="connsiteY5687"/>
              </a:cxn>
              <a:cxn ang="0">
                <a:pos x="connsiteX5688" y="connsiteY5688"/>
              </a:cxn>
              <a:cxn ang="0">
                <a:pos x="connsiteX5689" y="connsiteY5689"/>
              </a:cxn>
              <a:cxn ang="0">
                <a:pos x="connsiteX5690" y="connsiteY5690"/>
              </a:cxn>
              <a:cxn ang="0">
                <a:pos x="connsiteX5691" y="connsiteY5691"/>
              </a:cxn>
              <a:cxn ang="0">
                <a:pos x="connsiteX5692" y="connsiteY5692"/>
              </a:cxn>
              <a:cxn ang="0">
                <a:pos x="connsiteX5693" y="connsiteY5693"/>
              </a:cxn>
              <a:cxn ang="0">
                <a:pos x="connsiteX5694" y="connsiteY5694"/>
              </a:cxn>
              <a:cxn ang="0">
                <a:pos x="connsiteX5695" y="connsiteY5695"/>
              </a:cxn>
              <a:cxn ang="0">
                <a:pos x="connsiteX5696" y="connsiteY5696"/>
              </a:cxn>
              <a:cxn ang="0">
                <a:pos x="connsiteX5697" y="connsiteY5697"/>
              </a:cxn>
              <a:cxn ang="0">
                <a:pos x="connsiteX5698" y="connsiteY5698"/>
              </a:cxn>
              <a:cxn ang="0">
                <a:pos x="connsiteX5699" y="connsiteY5699"/>
              </a:cxn>
              <a:cxn ang="0">
                <a:pos x="connsiteX5700" y="connsiteY5700"/>
              </a:cxn>
              <a:cxn ang="0">
                <a:pos x="connsiteX5701" y="connsiteY5701"/>
              </a:cxn>
              <a:cxn ang="0">
                <a:pos x="connsiteX5702" y="connsiteY5702"/>
              </a:cxn>
              <a:cxn ang="0">
                <a:pos x="connsiteX5703" y="connsiteY5703"/>
              </a:cxn>
              <a:cxn ang="0">
                <a:pos x="connsiteX5704" y="connsiteY5704"/>
              </a:cxn>
              <a:cxn ang="0">
                <a:pos x="connsiteX5705" y="connsiteY5705"/>
              </a:cxn>
              <a:cxn ang="0">
                <a:pos x="connsiteX5706" y="connsiteY5706"/>
              </a:cxn>
              <a:cxn ang="0">
                <a:pos x="connsiteX5707" y="connsiteY5707"/>
              </a:cxn>
              <a:cxn ang="0">
                <a:pos x="connsiteX5708" y="connsiteY5708"/>
              </a:cxn>
              <a:cxn ang="0">
                <a:pos x="connsiteX5709" y="connsiteY5709"/>
              </a:cxn>
              <a:cxn ang="0">
                <a:pos x="connsiteX5710" y="connsiteY5710"/>
              </a:cxn>
              <a:cxn ang="0">
                <a:pos x="connsiteX5711" y="connsiteY5711"/>
              </a:cxn>
              <a:cxn ang="0">
                <a:pos x="connsiteX5712" y="connsiteY5712"/>
              </a:cxn>
              <a:cxn ang="0">
                <a:pos x="connsiteX5713" y="connsiteY5713"/>
              </a:cxn>
              <a:cxn ang="0">
                <a:pos x="connsiteX5714" y="connsiteY5714"/>
              </a:cxn>
              <a:cxn ang="0">
                <a:pos x="connsiteX5715" y="connsiteY5715"/>
              </a:cxn>
              <a:cxn ang="0">
                <a:pos x="connsiteX5716" y="connsiteY5716"/>
              </a:cxn>
              <a:cxn ang="0">
                <a:pos x="connsiteX5717" y="connsiteY5717"/>
              </a:cxn>
              <a:cxn ang="0">
                <a:pos x="connsiteX5718" y="connsiteY5718"/>
              </a:cxn>
              <a:cxn ang="0">
                <a:pos x="connsiteX5719" y="connsiteY5719"/>
              </a:cxn>
              <a:cxn ang="0">
                <a:pos x="connsiteX5720" y="connsiteY5720"/>
              </a:cxn>
              <a:cxn ang="0">
                <a:pos x="connsiteX5721" y="connsiteY5721"/>
              </a:cxn>
              <a:cxn ang="0">
                <a:pos x="connsiteX5722" y="connsiteY5722"/>
              </a:cxn>
              <a:cxn ang="0">
                <a:pos x="connsiteX5723" y="connsiteY5723"/>
              </a:cxn>
              <a:cxn ang="0">
                <a:pos x="connsiteX5724" y="connsiteY5724"/>
              </a:cxn>
              <a:cxn ang="0">
                <a:pos x="connsiteX5725" y="connsiteY5725"/>
              </a:cxn>
              <a:cxn ang="0">
                <a:pos x="connsiteX5726" y="connsiteY5726"/>
              </a:cxn>
              <a:cxn ang="0">
                <a:pos x="connsiteX5727" y="connsiteY5727"/>
              </a:cxn>
              <a:cxn ang="0">
                <a:pos x="connsiteX5728" y="connsiteY5728"/>
              </a:cxn>
              <a:cxn ang="0">
                <a:pos x="connsiteX5729" y="connsiteY5729"/>
              </a:cxn>
              <a:cxn ang="0">
                <a:pos x="connsiteX5730" y="connsiteY5730"/>
              </a:cxn>
              <a:cxn ang="0">
                <a:pos x="connsiteX5731" y="connsiteY5731"/>
              </a:cxn>
              <a:cxn ang="0">
                <a:pos x="connsiteX5732" y="connsiteY5732"/>
              </a:cxn>
              <a:cxn ang="0">
                <a:pos x="connsiteX5733" y="connsiteY5733"/>
              </a:cxn>
              <a:cxn ang="0">
                <a:pos x="connsiteX5734" y="connsiteY5734"/>
              </a:cxn>
              <a:cxn ang="0">
                <a:pos x="connsiteX5735" y="connsiteY5735"/>
              </a:cxn>
              <a:cxn ang="0">
                <a:pos x="connsiteX5736" y="connsiteY5736"/>
              </a:cxn>
              <a:cxn ang="0">
                <a:pos x="connsiteX5737" y="connsiteY5737"/>
              </a:cxn>
              <a:cxn ang="0">
                <a:pos x="connsiteX5738" y="connsiteY5738"/>
              </a:cxn>
              <a:cxn ang="0">
                <a:pos x="connsiteX5739" y="connsiteY5739"/>
              </a:cxn>
              <a:cxn ang="0">
                <a:pos x="connsiteX5740" y="connsiteY5740"/>
              </a:cxn>
              <a:cxn ang="0">
                <a:pos x="connsiteX5741" y="connsiteY5741"/>
              </a:cxn>
              <a:cxn ang="0">
                <a:pos x="connsiteX5742" y="connsiteY5742"/>
              </a:cxn>
              <a:cxn ang="0">
                <a:pos x="connsiteX5743" y="connsiteY5743"/>
              </a:cxn>
              <a:cxn ang="0">
                <a:pos x="connsiteX5744" y="connsiteY5744"/>
              </a:cxn>
              <a:cxn ang="0">
                <a:pos x="connsiteX5745" y="connsiteY5745"/>
              </a:cxn>
              <a:cxn ang="0">
                <a:pos x="connsiteX5746" y="connsiteY5746"/>
              </a:cxn>
              <a:cxn ang="0">
                <a:pos x="connsiteX5747" y="connsiteY5747"/>
              </a:cxn>
              <a:cxn ang="0">
                <a:pos x="connsiteX5748" y="connsiteY5748"/>
              </a:cxn>
              <a:cxn ang="0">
                <a:pos x="connsiteX5749" y="connsiteY5749"/>
              </a:cxn>
              <a:cxn ang="0">
                <a:pos x="connsiteX5750" y="connsiteY5750"/>
              </a:cxn>
              <a:cxn ang="0">
                <a:pos x="connsiteX5751" y="connsiteY5751"/>
              </a:cxn>
              <a:cxn ang="0">
                <a:pos x="connsiteX5752" y="connsiteY5752"/>
              </a:cxn>
              <a:cxn ang="0">
                <a:pos x="connsiteX5753" y="connsiteY5753"/>
              </a:cxn>
              <a:cxn ang="0">
                <a:pos x="connsiteX5754" y="connsiteY5754"/>
              </a:cxn>
              <a:cxn ang="0">
                <a:pos x="connsiteX5755" y="connsiteY5755"/>
              </a:cxn>
              <a:cxn ang="0">
                <a:pos x="connsiteX5756" y="connsiteY5756"/>
              </a:cxn>
              <a:cxn ang="0">
                <a:pos x="connsiteX5757" y="connsiteY5757"/>
              </a:cxn>
              <a:cxn ang="0">
                <a:pos x="connsiteX5758" y="connsiteY5758"/>
              </a:cxn>
              <a:cxn ang="0">
                <a:pos x="connsiteX5759" y="connsiteY5759"/>
              </a:cxn>
              <a:cxn ang="0">
                <a:pos x="connsiteX5760" y="connsiteY5760"/>
              </a:cxn>
              <a:cxn ang="0">
                <a:pos x="connsiteX5761" y="connsiteY5761"/>
              </a:cxn>
              <a:cxn ang="0">
                <a:pos x="connsiteX5762" y="connsiteY5762"/>
              </a:cxn>
              <a:cxn ang="0">
                <a:pos x="connsiteX5763" y="connsiteY5763"/>
              </a:cxn>
              <a:cxn ang="0">
                <a:pos x="connsiteX5764" y="connsiteY5764"/>
              </a:cxn>
              <a:cxn ang="0">
                <a:pos x="connsiteX5765" y="connsiteY5765"/>
              </a:cxn>
              <a:cxn ang="0">
                <a:pos x="connsiteX5766" y="connsiteY5766"/>
              </a:cxn>
              <a:cxn ang="0">
                <a:pos x="connsiteX5767" y="connsiteY5767"/>
              </a:cxn>
              <a:cxn ang="0">
                <a:pos x="connsiteX5768" y="connsiteY5768"/>
              </a:cxn>
              <a:cxn ang="0">
                <a:pos x="connsiteX5769" y="connsiteY5769"/>
              </a:cxn>
              <a:cxn ang="0">
                <a:pos x="connsiteX5770" y="connsiteY5770"/>
              </a:cxn>
              <a:cxn ang="0">
                <a:pos x="connsiteX5771" y="connsiteY5771"/>
              </a:cxn>
              <a:cxn ang="0">
                <a:pos x="connsiteX5772" y="connsiteY5772"/>
              </a:cxn>
              <a:cxn ang="0">
                <a:pos x="connsiteX5773" y="connsiteY5773"/>
              </a:cxn>
              <a:cxn ang="0">
                <a:pos x="connsiteX5774" y="connsiteY5774"/>
              </a:cxn>
              <a:cxn ang="0">
                <a:pos x="connsiteX5775" y="connsiteY5775"/>
              </a:cxn>
              <a:cxn ang="0">
                <a:pos x="connsiteX5776" y="connsiteY5776"/>
              </a:cxn>
              <a:cxn ang="0">
                <a:pos x="connsiteX5777" y="connsiteY5777"/>
              </a:cxn>
              <a:cxn ang="0">
                <a:pos x="connsiteX5778" y="connsiteY5778"/>
              </a:cxn>
              <a:cxn ang="0">
                <a:pos x="connsiteX5779" y="connsiteY5779"/>
              </a:cxn>
              <a:cxn ang="0">
                <a:pos x="connsiteX5780" y="connsiteY5780"/>
              </a:cxn>
              <a:cxn ang="0">
                <a:pos x="connsiteX5781" y="connsiteY5781"/>
              </a:cxn>
              <a:cxn ang="0">
                <a:pos x="connsiteX5782" y="connsiteY5782"/>
              </a:cxn>
              <a:cxn ang="0">
                <a:pos x="connsiteX5783" y="connsiteY5783"/>
              </a:cxn>
              <a:cxn ang="0">
                <a:pos x="connsiteX5784" y="connsiteY5784"/>
              </a:cxn>
              <a:cxn ang="0">
                <a:pos x="connsiteX5785" y="connsiteY5785"/>
              </a:cxn>
              <a:cxn ang="0">
                <a:pos x="connsiteX5786" y="connsiteY5786"/>
              </a:cxn>
              <a:cxn ang="0">
                <a:pos x="connsiteX5787" y="connsiteY5787"/>
              </a:cxn>
              <a:cxn ang="0">
                <a:pos x="connsiteX5788" y="connsiteY5788"/>
              </a:cxn>
              <a:cxn ang="0">
                <a:pos x="connsiteX5789" y="connsiteY5789"/>
              </a:cxn>
              <a:cxn ang="0">
                <a:pos x="connsiteX5790" y="connsiteY5790"/>
              </a:cxn>
              <a:cxn ang="0">
                <a:pos x="connsiteX5791" y="connsiteY5791"/>
              </a:cxn>
              <a:cxn ang="0">
                <a:pos x="connsiteX5792" y="connsiteY5792"/>
              </a:cxn>
              <a:cxn ang="0">
                <a:pos x="connsiteX5793" y="connsiteY5793"/>
              </a:cxn>
              <a:cxn ang="0">
                <a:pos x="connsiteX5794" y="connsiteY5794"/>
              </a:cxn>
              <a:cxn ang="0">
                <a:pos x="connsiteX5795" y="connsiteY5795"/>
              </a:cxn>
              <a:cxn ang="0">
                <a:pos x="connsiteX5796" y="connsiteY5796"/>
              </a:cxn>
              <a:cxn ang="0">
                <a:pos x="connsiteX5797" y="connsiteY5797"/>
              </a:cxn>
              <a:cxn ang="0">
                <a:pos x="connsiteX5798" y="connsiteY5798"/>
              </a:cxn>
              <a:cxn ang="0">
                <a:pos x="connsiteX5799" y="connsiteY5799"/>
              </a:cxn>
              <a:cxn ang="0">
                <a:pos x="connsiteX5800" y="connsiteY5800"/>
              </a:cxn>
              <a:cxn ang="0">
                <a:pos x="connsiteX5801" y="connsiteY5801"/>
              </a:cxn>
              <a:cxn ang="0">
                <a:pos x="connsiteX5802" y="connsiteY5802"/>
              </a:cxn>
              <a:cxn ang="0">
                <a:pos x="connsiteX5803" y="connsiteY5803"/>
              </a:cxn>
              <a:cxn ang="0">
                <a:pos x="connsiteX5804" y="connsiteY5804"/>
              </a:cxn>
              <a:cxn ang="0">
                <a:pos x="connsiteX5805" y="connsiteY5805"/>
              </a:cxn>
              <a:cxn ang="0">
                <a:pos x="connsiteX5806" y="connsiteY5806"/>
              </a:cxn>
              <a:cxn ang="0">
                <a:pos x="connsiteX5807" y="connsiteY5807"/>
              </a:cxn>
              <a:cxn ang="0">
                <a:pos x="connsiteX5808" y="connsiteY5808"/>
              </a:cxn>
              <a:cxn ang="0">
                <a:pos x="connsiteX5809" y="connsiteY5809"/>
              </a:cxn>
              <a:cxn ang="0">
                <a:pos x="connsiteX5810" y="connsiteY5810"/>
              </a:cxn>
              <a:cxn ang="0">
                <a:pos x="connsiteX5811" y="connsiteY5811"/>
              </a:cxn>
              <a:cxn ang="0">
                <a:pos x="connsiteX5812" y="connsiteY5812"/>
              </a:cxn>
              <a:cxn ang="0">
                <a:pos x="connsiteX5813" y="connsiteY5813"/>
              </a:cxn>
              <a:cxn ang="0">
                <a:pos x="connsiteX5814" y="connsiteY5814"/>
              </a:cxn>
              <a:cxn ang="0">
                <a:pos x="connsiteX5815" y="connsiteY5815"/>
              </a:cxn>
              <a:cxn ang="0">
                <a:pos x="connsiteX5816" y="connsiteY5816"/>
              </a:cxn>
              <a:cxn ang="0">
                <a:pos x="connsiteX5817" y="connsiteY5817"/>
              </a:cxn>
              <a:cxn ang="0">
                <a:pos x="connsiteX5818" y="connsiteY5818"/>
              </a:cxn>
              <a:cxn ang="0">
                <a:pos x="connsiteX5819" y="connsiteY5819"/>
              </a:cxn>
              <a:cxn ang="0">
                <a:pos x="connsiteX5820" y="connsiteY5820"/>
              </a:cxn>
              <a:cxn ang="0">
                <a:pos x="connsiteX5821" y="connsiteY5821"/>
              </a:cxn>
              <a:cxn ang="0">
                <a:pos x="connsiteX5822" y="connsiteY5822"/>
              </a:cxn>
              <a:cxn ang="0">
                <a:pos x="connsiteX5823" y="connsiteY5823"/>
              </a:cxn>
              <a:cxn ang="0">
                <a:pos x="connsiteX5824" y="connsiteY5824"/>
              </a:cxn>
              <a:cxn ang="0">
                <a:pos x="connsiteX5825" y="connsiteY5825"/>
              </a:cxn>
              <a:cxn ang="0">
                <a:pos x="connsiteX5826" y="connsiteY5826"/>
              </a:cxn>
              <a:cxn ang="0">
                <a:pos x="connsiteX5827" y="connsiteY5827"/>
              </a:cxn>
              <a:cxn ang="0">
                <a:pos x="connsiteX5828" y="connsiteY5828"/>
              </a:cxn>
              <a:cxn ang="0">
                <a:pos x="connsiteX5829" y="connsiteY5829"/>
              </a:cxn>
              <a:cxn ang="0">
                <a:pos x="connsiteX5830" y="connsiteY5830"/>
              </a:cxn>
              <a:cxn ang="0">
                <a:pos x="connsiteX5831" y="connsiteY5831"/>
              </a:cxn>
              <a:cxn ang="0">
                <a:pos x="connsiteX5832" y="connsiteY5832"/>
              </a:cxn>
              <a:cxn ang="0">
                <a:pos x="connsiteX5833" y="connsiteY5833"/>
              </a:cxn>
              <a:cxn ang="0">
                <a:pos x="connsiteX5834" y="connsiteY5834"/>
              </a:cxn>
              <a:cxn ang="0">
                <a:pos x="connsiteX5835" y="connsiteY5835"/>
              </a:cxn>
              <a:cxn ang="0">
                <a:pos x="connsiteX5836" y="connsiteY5836"/>
              </a:cxn>
              <a:cxn ang="0">
                <a:pos x="connsiteX5837" y="connsiteY5837"/>
              </a:cxn>
              <a:cxn ang="0">
                <a:pos x="connsiteX5838" y="connsiteY5838"/>
              </a:cxn>
              <a:cxn ang="0">
                <a:pos x="connsiteX5839" y="connsiteY5839"/>
              </a:cxn>
              <a:cxn ang="0">
                <a:pos x="connsiteX5840" y="connsiteY5840"/>
              </a:cxn>
              <a:cxn ang="0">
                <a:pos x="connsiteX5841" y="connsiteY5841"/>
              </a:cxn>
              <a:cxn ang="0">
                <a:pos x="connsiteX5842" y="connsiteY5842"/>
              </a:cxn>
              <a:cxn ang="0">
                <a:pos x="connsiteX5843" y="connsiteY5843"/>
              </a:cxn>
              <a:cxn ang="0">
                <a:pos x="connsiteX5844" y="connsiteY5844"/>
              </a:cxn>
              <a:cxn ang="0">
                <a:pos x="connsiteX5845" y="connsiteY5845"/>
              </a:cxn>
              <a:cxn ang="0">
                <a:pos x="connsiteX5846" y="connsiteY5846"/>
              </a:cxn>
              <a:cxn ang="0">
                <a:pos x="connsiteX5847" y="connsiteY5847"/>
              </a:cxn>
              <a:cxn ang="0">
                <a:pos x="connsiteX5848" y="connsiteY5848"/>
              </a:cxn>
              <a:cxn ang="0">
                <a:pos x="connsiteX5849" y="connsiteY5849"/>
              </a:cxn>
              <a:cxn ang="0">
                <a:pos x="connsiteX5850" y="connsiteY5850"/>
              </a:cxn>
              <a:cxn ang="0">
                <a:pos x="connsiteX5851" y="connsiteY5851"/>
              </a:cxn>
              <a:cxn ang="0">
                <a:pos x="connsiteX5852" y="connsiteY5852"/>
              </a:cxn>
              <a:cxn ang="0">
                <a:pos x="connsiteX5853" y="connsiteY5853"/>
              </a:cxn>
              <a:cxn ang="0">
                <a:pos x="connsiteX5854" y="connsiteY5854"/>
              </a:cxn>
              <a:cxn ang="0">
                <a:pos x="connsiteX5855" y="connsiteY5855"/>
              </a:cxn>
              <a:cxn ang="0">
                <a:pos x="connsiteX5856" y="connsiteY5856"/>
              </a:cxn>
              <a:cxn ang="0">
                <a:pos x="connsiteX5857" y="connsiteY5857"/>
              </a:cxn>
              <a:cxn ang="0">
                <a:pos x="connsiteX5858" y="connsiteY5858"/>
              </a:cxn>
              <a:cxn ang="0">
                <a:pos x="connsiteX5859" y="connsiteY5859"/>
              </a:cxn>
              <a:cxn ang="0">
                <a:pos x="connsiteX5860" y="connsiteY5860"/>
              </a:cxn>
              <a:cxn ang="0">
                <a:pos x="connsiteX5861" y="connsiteY5861"/>
              </a:cxn>
              <a:cxn ang="0">
                <a:pos x="connsiteX5862" y="connsiteY5862"/>
              </a:cxn>
              <a:cxn ang="0">
                <a:pos x="connsiteX5863" y="connsiteY5863"/>
              </a:cxn>
              <a:cxn ang="0">
                <a:pos x="connsiteX5864" y="connsiteY5864"/>
              </a:cxn>
              <a:cxn ang="0">
                <a:pos x="connsiteX5865" y="connsiteY5865"/>
              </a:cxn>
              <a:cxn ang="0">
                <a:pos x="connsiteX5866" y="connsiteY5866"/>
              </a:cxn>
              <a:cxn ang="0">
                <a:pos x="connsiteX5867" y="connsiteY5867"/>
              </a:cxn>
              <a:cxn ang="0">
                <a:pos x="connsiteX5868" y="connsiteY5868"/>
              </a:cxn>
              <a:cxn ang="0">
                <a:pos x="connsiteX5869" y="connsiteY5869"/>
              </a:cxn>
              <a:cxn ang="0">
                <a:pos x="connsiteX5870" y="connsiteY5870"/>
              </a:cxn>
              <a:cxn ang="0">
                <a:pos x="connsiteX5871" y="connsiteY5871"/>
              </a:cxn>
              <a:cxn ang="0">
                <a:pos x="connsiteX5872" y="connsiteY5872"/>
              </a:cxn>
              <a:cxn ang="0">
                <a:pos x="connsiteX5873" y="connsiteY5873"/>
              </a:cxn>
              <a:cxn ang="0">
                <a:pos x="connsiteX5874" y="connsiteY5874"/>
              </a:cxn>
              <a:cxn ang="0">
                <a:pos x="connsiteX5875" y="connsiteY5875"/>
              </a:cxn>
              <a:cxn ang="0">
                <a:pos x="connsiteX5876" y="connsiteY5876"/>
              </a:cxn>
              <a:cxn ang="0">
                <a:pos x="connsiteX5877" y="connsiteY5877"/>
              </a:cxn>
              <a:cxn ang="0">
                <a:pos x="connsiteX5878" y="connsiteY5878"/>
              </a:cxn>
              <a:cxn ang="0">
                <a:pos x="connsiteX5879" y="connsiteY5879"/>
              </a:cxn>
              <a:cxn ang="0">
                <a:pos x="connsiteX5880" y="connsiteY5880"/>
              </a:cxn>
              <a:cxn ang="0">
                <a:pos x="connsiteX5881" y="connsiteY5881"/>
              </a:cxn>
              <a:cxn ang="0">
                <a:pos x="connsiteX5882" y="connsiteY5882"/>
              </a:cxn>
              <a:cxn ang="0">
                <a:pos x="connsiteX5883" y="connsiteY5883"/>
              </a:cxn>
              <a:cxn ang="0">
                <a:pos x="connsiteX5884" y="connsiteY5884"/>
              </a:cxn>
              <a:cxn ang="0">
                <a:pos x="connsiteX5885" y="connsiteY5885"/>
              </a:cxn>
              <a:cxn ang="0">
                <a:pos x="connsiteX5886" y="connsiteY5886"/>
              </a:cxn>
              <a:cxn ang="0">
                <a:pos x="connsiteX5887" y="connsiteY5887"/>
              </a:cxn>
              <a:cxn ang="0">
                <a:pos x="connsiteX5888" y="connsiteY5888"/>
              </a:cxn>
              <a:cxn ang="0">
                <a:pos x="connsiteX5889" y="connsiteY5889"/>
              </a:cxn>
              <a:cxn ang="0">
                <a:pos x="connsiteX5890" y="connsiteY5890"/>
              </a:cxn>
              <a:cxn ang="0">
                <a:pos x="connsiteX5891" y="connsiteY5891"/>
              </a:cxn>
              <a:cxn ang="0">
                <a:pos x="connsiteX5892" y="connsiteY5892"/>
              </a:cxn>
              <a:cxn ang="0">
                <a:pos x="connsiteX5893" y="connsiteY5893"/>
              </a:cxn>
              <a:cxn ang="0">
                <a:pos x="connsiteX5894" y="connsiteY5894"/>
              </a:cxn>
              <a:cxn ang="0">
                <a:pos x="connsiteX5895" y="connsiteY5895"/>
              </a:cxn>
              <a:cxn ang="0">
                <a:pos x="connsiteX5896" y="connsiteY5896"/>
              </a:cxn>
              <a:cxn ang="0">
                <a:pos x="connsiteX5897" y="connsiteY5897"/>
              </a:cxn>
              <a:cxn ang="0">
                <a:pos x="connsiteX5898" y="connsiteY5898"/>
              </a:cxn>
              <a:cxn ang="0">
                <a:pos x="connsiteX5899" y="connsiteY5899"/>
              </a:cxn>
              <a:cxn ang="0">
                <a:pos x="connsiteX5900" y="connsiteY5900"/>
              </a:cxn>
              <a:cxn ang="0">
                <a:pos x="connsiteX5901" y="connsiteY5901"/>
              </a:cxn>
              <a:cxn ang="0">
                <a:pos x="connsiteX5902" y="connsiteY5902"/>
              </a:cxn>
              <a:cxn ang="0">
                <a:pos x="connsiteX5903" y="connsiteY5903"/>
              </a:cxn>
              <a:cxn ang="0">
                <a:pos x="connsiteX5904" y="connsiteY5904"/>
              </a:cxn>
              <a:cxn ang="0">
                <a:pos x="connsiteX5905" y="connsiteY5905"/>
              </a:cxn>
              <a:cxn ang="0">
                <a:pos x="connsiteX5906" y="connsiteY5906"/>
              </a:cxn>
              <a:cxn ang="0">
                <a:pos x="connsiteX5907" y="connsiteY5907"/>
              </a:cxn>
              <a:cxn ang="0">
                <a:pos x="connsiteX5908" y="connsiteY5908"/>
              </a:cxn>
              <a:cxn ang="0">
                <a:pos x="connsiteX5909" y="connsiteY5909"/>
              </a:cxn>
              <a:cxn ang="0">
                <a:pos x="connsiteX5910" y="connsiteY5910"/>
              </a:cxn>
              <a:cxn ang="0">
                <a:pos x="connsiteX5911" y="connsiteY5911"/>
              </a:cxn>
              <a:cxn ang="0">
                <a:pos x="connsiteX5912" y="connsiteY5912"/>
              </a:cxn>
              <a:cxn ang="0">
                <a:pos x="connsiteX5913" y="connsiteY5913"/>
              </a:cxn>
              <a:cxn ang="0">
                <a:pos x="connsiteX5914" y="connsiteY5914"/>
              </a:cxn>
              <a:cxn ang="0">
                <a:pos x="connsiteX5915" y="connsiteY5915"/>
              </a:cxn>
              <a:cxn ang="0">
                <a:pos x="connsiteX5916" y="connsiteY5916"/>
              </a:cxn>
              <a:cxn ang="0">
                <a:pos x="connsiteX5917" y="connsiteY5917"/>
              </a:cxn>
              <a:cxn ang="0">
                <a:pos x="connsiteX5918" y="connsiteY5918"/>
              </a:cxn>
              <a:cxn ang="0">
                <a:pos x="connsiteX5919" y="connsiteY5919"/>
              </a:cxn>
              <a:cxn ang="0">
                <a:pos x="connsiteX5920" y="connsiteY5920"/>
              </a:cxn>
              <a:cxn ang="0">
                <a:pos x="connsiteX5921" y="connsiteY5921"/>
              </a:cxn>
              <a:cxn ang="0">
                <a:pos x="connsiteX5922" y="connsiteY5922"/>
              </a:cxn>
              <a:cxn ang="0">
                <a:pos x="connsiteX5923" y="connsiteY5923"/>
              </a:cxn>
              <a:cxn ang="0">
                <a:pos x="connsiteX5924" y="connsiteY5924"/>
              </a:cxn>
              <a:cxn ang="0">
                <a:pos x="connsiteX5925" y="connsiteY5925"/>
              </a:cxn>
              <a:cxn ang="0">
                <a:pos x="connsiteX5926" y="connsiteY5926"/>
              </a:cxn>
              <a:cxn ang="0">
                <a:pos x="connsiteX5927" y="connsiteY5927"/>
              </a:cxn>
              <a:cxn ang="0">
                <a:pos x="connsiteX5928" y="connsiteY5928"/>
              </a:cxn>
              <a:cxn ang="0">
                <a:pos x="connsiteX5929" y="connsiteY5929"/>
              </a:cxn>
              <a:cxn ang="0">
                <a:pos x="connsiteX5930" y="connsiteY5930"/>
              </a:cxn>
              <a:cxn ang="0">
                <a:pos x="connsiteX5931" y="connsiteY5931"/>
              </a:cxn>
              <a:cxn ang="0">
                <a:pos x="connsiteX5932" y="connsiteY5932"/>
              </a:cxn>
              <a:cxn ang="0">
                <a:pos x="connsiteX5933" y="connsiteY5933"/>
              </a:cxn>
              <a:cxn ang="0">
                <a:pos x="connsiteX5934" y="connsiteY5934"/>
              </a:cxn>
              <a:cxn ang="0">
                <a:pos x="connsiteX5935" y="connsiteY5935"/>
              </a:cxn>
              <a:cxn ang="0">
                <a:pos x="connsiteX5936" y="connsiteY5936"/>
              </a:cxn>
              <a:cxn ang="0">
                <a:pos x="connsiteX5937" y="connsiteY5937"/>
              </a:cxn>
              <a:cxn ang="0">
                <a:pos x="connsiteX5938" y="connsiteY5938"/>
              </a:cxn>
              <a:cxn ang="0">
                <a:pos x="connsiteX5939" y="connsiteY5939"/>
              </a:cxn>
              <a:cxn ang="0">
                <a:pos x="connsiteX5940" y="connsiteY5940"/>
              </a:cxn>
              <a:cxn ang="0">
                <a:pos x="connsiteX5941" y="connsiteY5941"/>
              </a:cxn>
              <a:cxn ang="0">
                <a:pos x="connsiteX5942" y="connsiteY5942"/>
              </a:cxn>
              <a:cxn ang="0">
                <a:pos x="connsiteX5943" y="connsiteY5943"/>
              </a:cxn>
              <a:cxn ang="0">
                <a:pos x="connsiteX5944" y="connsiteY5944"/>
              </a:cxn>
              <a:cxn ang="0">
                <a:pos x="connsiteX5945" y="connsiteY5945"/>
              </a:cxn>
              <a:cxn ang="0">
                <a:pos x="connsiteX5946" y="connsiteY5946"/>
              </a:cxn>
              <a:cxn ang="0">
                <a:pos x="connsiteX5947" y="connsiteY5947"/>
              </a:cxn>
              <a:cxn ang="0">
                <a:pos x="connsiteX5948" y="connsiteY5948"/>
              </a:cxn>
              <a:cxn ang="0">
                <a:pos x="connsiteX5949" y="connsiteY5949"/>
              </a:cxn>
              <a:cxn ang="0">
                <a:pos x="connsiteX5950" y="connsiteY5950"/>
              </a:cxn>
              <a:cxn ang="0">
                <a:pos x="connsiteX5951" y="connsiteY5951"/>
              </a:cxn>
              <a:cxn ang="0">
                <a:pos x="connsiteX5952" y="connsiteY5952"/>
              </a:cxn>
              <a:cxn ang="0">
                <a:pos x="connsiteX5953" y="connsiteY5953"/>
              </a:cxn>
              <a:cxn ang="0">
                <a:pos x="connsiteX5954" y="connsiteY5954"/>
              </a:cxn>
              <a:cxn ang="0">
                <a:pos x="connsiteX5955" y="connsiteY5955"/>
              </a:cxn>
              <a:cxn ang="0">
                <a:pos x="connsiteX5956" y="connsiteY5956"/>
              </a:cxn>
              <a:cxn ang="0">
                <a:pos x="connsiteX5957" y="connsiteY5957"/>
              </a:cxn>
              <a:cxn ang="0">
                <a:pos x="connsiteX5958" y="connsiteY5958"/>
              </a:cxn>
              <a:cxn ang="0">
                <a:pos x="connsiteX5959" y="connsiteY5959"/>
              </a:cxn>
              <a:cxn ang="0">
                <a:pos x="connsiteX5960" y="connsiteY5960"/>
              </a:cxn>
              <a:cxn ang="0">
                <a:pos x="connsiteX5961" y="connsiteY5961"/>
              </a:cxn>
              <a:cxn ang="0">
                <a:pos x="connsiteX5962" y="connsiteY5962"/>
              </a:cxn>
              <a:cxn ang="0">
                <a:pos x="connsiteX5963" y="connsiteY5963"/>
              </a:cxn>
              <a:cxn ang="0">
                <a:pos x="connsiteX5964" y="connsiteY5964"/>
              </a:cxn>
              <a:cxn ang="0">
                <a:pos x="connsiteX5965" y="connsiteY5965"/>
              </a:cxn>
              <a:cxn ang="0">
                <a:pos x="connsiteX5966" y="connsiteY5966"/>
              </a:cxn>
              <a:cxn ang="0">
                <a:pos x="connsiteX5967" y="connsiteY5967"/>
              </a:cxn>
              <a:cxn ang="0">
                <a:pos x="connsiteX5968" y="connsiteY5968"/>
              </a:cxn>
              <a:cxn ang="0">
                <a:pos x="connsiteX5969" y="connsiteY5969"/>
              </a:cxn>
              <a:cxn ang="0">
                <a:pos x="connsiteX5970" y="connsiteY5970"/>
              </a:cxn>
              <a:cxn ang="0">
                <a:pos x="connsiteX5971" y="connsiteY5971"/>
              </a:cxn>
              <a:cxn ang="0">
                <a:pos x="connsiteX5972" y="connsiteY5972"/>
              </a:cxn>
              <a:cxn ang="0">
                <a:pos x="connsiteX5973" y="connsiteY5973"/>
              </a:cxn>
              <a:cxn ang="0">
                <a:pos x="connsiteX5974" y="connsiteY5974"/>
              </a:cxn>
              <a:cxn ang="0">
                <a:pos x="connsiteX5975" y="connsiteY5975"/>
              </a:cxn>
              <a:cxn ang="0">
                <a:pos x="connsiteX5976" y="connsiteY5976"/>
              </a:cxn>
              <a:cxn ang="0">
                <a:pos x="connsiteX5977" y="connsiteY5977"/>
              </a:cxn>
              <a:cxn ang="0">
                <a:pos x="connsiteX5978" y="connsiteY5978"/>
              </a:cxn>
              <a:cxn ang="0">
                <a:pos x="connsiteX5979" y="connsiteY5979"/>
              </a:cxn>
              <a:cxn ang="0">
                <a:pos x="connsiteX5980" y="connsiteY5980"/>
              </a:cxn>
              <a:cxn ang="0">
                <a:pos x="connsiteX5981" y="connsiteY5981"/>
              </a:cxn>
              <a:cxn ang="0">
                <a:pos x="connsiteX5982" y="connsiteY5982"/>
              </a:cxn>
              <a:cxn ang="0">
                <a:pos x="connsiteX5983" y="connsiteY5983"/>
              </a:cxn>
              <a:cxn ang="0">
                <a:pos x="connsiteX5984" y="connsiteY5984"/>
              </a:cxn>
              <a:cxn ang="0">
                <a:pos x="connsiteX5985" y="connsiteY5985"/>
              </a:cxn>
              <a:cxn ang="0">
                <a:pos x="connsiteX5986" y="connsiteY5986"/>
              </a:cxn>
              <a:cxn ang="0">
                <a:pos x="connsiteX5987" y="connsiteY5987"/>
              </a:cxn>
              <a:cxn ang="0">
                <a:pos x="connsiteX5988" y="connsiteY5988"/>
              </a:cxn>
              <a:cxn ang="0">
                <a:pos x="connsiteX5989" y="connsiteY5989"/>
              </a:cxn>
              <a:cxn ang="0">
                <a:pos x="connsiteX5990" y="connsiteY5990"/>
              </a:cxn>
              <a:cxn ang="0">
                <a:pos x="connsiteX5991" y="connsiteY5991"/>
              </a:cxn>
              <a:cxn ang="0">
                <a:pos x="connsiteX5992" y="connsiteY5992"/>
              </a:cxn>
              <a:cxn ang="0">
                <a:pos x="connsiteX5993" y="connsiteY5993"/>
              </a:cxn>
              <a:cxn ang="0">
                <a:pos x="connsiteX5994" y="connsiteY5994"/>
              </a:cxn>
              <a:cxn ang="0">
                <a:pos x="connsiteX5995" y="connsiteY5995"/>
              </a:cxn>
              <a:cxn ang="0">
                <a:pos x="connsiteX5996" y="connsiteY5996"/>
              </a:cxn>
              <a:cxn ang="0">
                <a:pos x="connsiteX5997" y="connsiteY5997"/>
              </a:cxn>
              <a:cxn ang="0">
                <a:pos x="connsiteX5998" y="connsiteY5998"/>
              </a:cxn>
              <a:cxn ang="0">
                <a:pos x="connsiteX5999" y="connsiteY5999"/>
              </a:cxn>
              <a:cxn ang="0">
                <a:pos x="connsiteX6000" y="connsiteY6000"/>
              </a:cxn>
              <a:cxn ang="0">
                <a:pos x="connsiteX6001" y="connsiteY6001"/>
              </a:cxn>
              <a:cxn ang="0">
                <a:pos x="connsiteX6002" y="connsiteY6002"/>
              </a:cxn>
              <a:cxn ang="0">
                <a:pos x="connsiteX6003" y="connsiteY6003"/>
              </a:cxn>
              <a:cxn ang="0">
                <a:pos x="connsiteX6004" y="connsiteY6004"/>
              </a:cxn>
              <a:cxn ang="0">
                <a:pos x="connsiteX6005" y="connsiteY6005"/>
              </a:cxn>
              <a:cxn ang="0">
                <a:pos x="connsiteX6006" y="connsiteY6006"/>
              </a:cxn>
              <a:cxn ang="0">
                <a:pos x="connsiteX6007" y="connsiteY6007"/>
              </a:cxn>
              <a:cxn ang="0">
                <a:pos x="connsiteX6008" y="connsiteY6008"/>
              </a:cxn>
              <a:cxn ang="0">
                <a:pos x="connsiteX6009" y="connsiteY6009"/>
              </a:cxn>
              <a:cxn ang="0">
                <a:pos x="connsiteX6010" y="connsiteY6010"/>
              </a:cxn>
              <a:cxn ang="0">
                <a:pos x="connsiteX6011" y="connsiteY6011"/>
              </a:cxn>
              <a:cxn ang="0">
                <a:pos x="connsiteX6012" y="connsiteY6012"/>
              </a:cxn>
              <a:cxn ang="0">
                <a:pos x="connsiteX6013" y="connsiteY6013"/>
              </a:cxn>
              <a:cxn ang="0">
                <a:pos x="connsiteX6014" y="connsiteY6014"/>
              </a:cxn>
              <a:cxn ang="0">
                <a:pos x="connsiteX6015" y="connsiteY6015"/>
              </a:cxn>
              <a:cxn ang="0">
                <a:pos x="connsiteX6016" y="connsiteY6016"/>
              </a:cxn>
              <a:cxn ang="0">
                <a:pos x="connsiteX6017" y="connsiteY6017"/>
              </a:cxn>
              <a:cxn ang="0">
                <a:pos x="connsiteX6018" y="connsiteY6018"/>
              </a:cxn>
              <a:cxn ang="0">
                <a:pos x="connsiteX6019" y="connsiteY6019"/>
              </a:cxn>
              <a:cxn ang="0">
                <a:pos x="connsiteX6020" y="connsiteY6020"/>
              </a:cxn>
              <a:cxn ang="0">
                <a:pos x="connsiteX6021" y="connsiteY6021"/>
              </a:cxn>
              <a:cxn ang="0">
                <a:pos x="connsiteX6022" y="connsiteY6022"/>
              </a:cxn>
              <a:cxn ang="0">
                <a:pos x="connsiteX6023" y="connsiteY6023"/>
              </a:cxn>
              <a:cxn ang="0">
                <a:pos x="connsiteX6024" y="connsiteY6024"/>
              </a:cxn>
              <a:cxn ang="0">
                <a:pos x="connsiteX6025" y="connsiteY6025"/>
              </a:cxn>
              <a:cxn ang="0">
                <a:pos x="connsiteX6026" y="connsiteY6026"/>
              </a:cxn>
              <a:cxn ang="0">
                <a:pos x="connsiteX6027" y="connsiteY6027"/>
              </a:cxn>
              <a:cxn ang="0">
                <a:pos x="connsiteX6028" y="connsiteY6028"/>
              </a:cxn>
              <a:cxn ang="0">
                <a:pos x="connsiteX6029" y="connsiteY6029"/>
              </a:cxn>
              <a:cxn ang="0">
                <a:pos x="connsiteX6030" y="connsiteY6030"/>
              </a:cxn>
              <a:cxn ang="0">
                <a:pos x="connsiteX6031" y="connsiteY6031"/>
              </a:cxn>
              <a:cxn ang="0">
                <a:pos x="connsiteX6032" y="connsiteY6032"/>
              </a:cxn>
              <a:cxn ang="0">
                <a:pos x="connsiteX6033" y="connsiteY6033"/>
              </a:cxn>
              <a:cxn ang="0">
                <a:pos x="connsiteX6034" y="connsiteY6034"/>
              </a:cxn>
              <a:cxn ang="0">
                <a:pos x="connsiteX6035" y="connsiteY6035"/>
              </a:cxn>
              <a:cxn ang="0">
                <a:pos x="connsiteX6036" y="connsiteY6036"/>
              </a:cxn>
              <a:cxn ang="0">
                <a:pos x="connsiteX6037" y="connsiteY6037"/>
              </a:cxn>
              <a:cxn ang="0">
                <a:pos x="connsiteX6038" y="connsiteY6038"/>
              </a:cxn>
              <a:cxn ang="0">
                <a:pos x="connsiteX6039" y="connsiteY6039"/>
              </a:cxn>
              <a:cxn ang="0">
                <a:pos x="connsiteX6040" y="connsiteY6040"/>
              </a:cxn>
              <a:cxn ang="0">
                <a:pos x="connsiteX6041" y="connsiteY6041"/>
              </a:cxn>
              <a:cxn ang="0">
                <a:pos x="connsiteX6042" y="connsiteY6042"/>
              </a:cxn>
              <a:cxn ang="0">
                <a:pos x="connsiteX6043" y="connsiteY6043"/>
              </a:cxn>
              <a:cxn ang="0">
                <a:pos x="connsiteX6044" y="connsiteY6044"/>
              </a:cxn>
              <a:cxn ang="0">
                <a:pos x="connsiteX6045" y="connsiteY6045"/>
              </a:cxn>
              <a:cxn ang="0">
                <a:pos x="connsiteX6046" y="connsiteY6046"/>
              </a:cxn>
              <a:cxn ang="0">
                <a:pos x="connsiteX6047" y="connsiteY6047"/>
              </a:cxn>
              <a:cxn ang="0">
                <a:pos x="connsiteX6048" y="connsiteY6048"/>
              </a:cxn>
              <a:cxn ang="0">
                <a:pos x="connsiteX6049" y="connsiteY6049"/>
              </a:cxn>
              <a:cxn ang="0">
                <a:pos x="connsiteX6050" y="connsiteY6050"/>
              </a:cxn>
              <a:cxn ang="0">
                <a:pos x="connsiteX6051" y="connsiteY6051"/>
              </a:cxn>
              <a:cxn ang="0">
                <a:pos x="connsiteX6052" y="connsiteY6052"/>
              </a:cxn>
              <a:cxn ang="0">
                <a:pos x="connsiteX6053" y="connsiteY6053"/>
              </a:cxn>
              <a:cxn ang="0">
                <a:pos x="connsiteX6054" y="connsiteY6054"/>
              </a:cxn>
              <a:cxn ang="0">
                <a:pos x="connsiteX6055" y="connsiteY6055"/>
              </a:cxn>
              <a:cxn ang="0">
                <a:pos x="connsiteX6056" y="connsiteY6056"/>
              </a:cxn>
              <a:cxn ang="0">
                <a:pos x="connsiteX6057" y="connsiteY6057"/>
              </a:cxn>
              <a:cxn ang="0">
                <a:pos x="connsiteX6058" y="connsiteY6058"/>
              </a:cxn>
              <a:cxn ang="0">
                <a:pos x="connsiteX6059" y="connsiteY6059"/>
              </a:cxn>
              <a:cxn ang="0">
                <a:pos x="connsiteX6060" y="connsiteY6060"/>
              </a:cxn>
              <a:cxn ang="0">
                <a:pos x="connsiteX6061" y="connsiteY6061"/>
              </a:cxn>
              <a:cxn ang="0">
                <a:pos x="connsiteX6062" y="connsiteY6062"/>
              </a:cxn>
              <a:cxn ang="0">
                <a:pos x="connsiteX6063" y="connsiteY6063"/>
              </a:cxn>
              <a:cxn ang="0">
                <a:pos x="connsiteX6064" y="connsiteY6064"/>
              </a:cxn>
              <a:cxn ang="0">
                <a:pos x="connsiteX6065" y="connsiteY6065"/>
              </a:cxn>
              <a:cxn ang="0">
                <a:pos x="connsiteX6066" y="connsiteY6066"/>
              </a:cxn>
              <a:cxn ang="0">
                <a:pos x="connsiteX6067" y="connsiteY6067"/>
              </a:cxn>
              <a:cxn ang="0">
                <a:pos x="connsiteX6068" y="connsiteY6068"/>
              </a:cxn>
              <a:cxn ang="0">
                <a:pos x="connsiteX6069" y="connsiteY6069"/>
              </a:cxn>
              <a:cxn ang="0">
                <a:pos x="connsiteX6070" y="connsiteY6070"/>
              </a:cxn>
              <a:cxn ang="0">
                <a:pos x="connsiteX6071" y="connsiteY6071"/>
              </a:cxn>
              <a:cxn ang="0">
                <a:pos x="connsiteX6072" y="connsiteY6072"/>
              </a:cxn>
              <a:cxn ang="0">
                <a:pos x="connsiteX6073" y="connsiteY6073"/>
              </a:cxn>
              <a:cxn ang="0">
                <a:pos x="connsiteX6074" y="connsiteY6074"/>
              </a:cxn>
              <a:cxn ang="0">
                <a:pos x="connsiteX6075" y="connsiteY6075"/>
              </a:cxn>
              <a:cxn ang="0">
                <a:pos x="connsiteX6076" y="connsiteY6076"/>
              </a:cxn>
              <a:cxn ang="0">
                <a:pos x="connsiteX6077" y="connsiteY6077"/>
              </a:cxn>
              <a:cxn ang="0">
                <a:pos x="connsiteX6078" y="connsiteY6078"/>
              </a:cxn>
              <a:cxn ang="0">
                <a:pos x="connsiteX6079" y="connsiteY6079"/>
              </a:cxn>
              <a:cxn ang="0">
                <a:pos x="connsiteX6080" y="connsiteY6080"/>
              </a:cxn>
              <a:cxn ang="0">
                <a:pos x="connsiteX6081" y="connsiteY6081"/>
              </a:cxn>
              <a:cxn ang="0">
                <a:pos x="connsiteX6082" y="connsiteY6082"/>
              </a:cxn>
              <a:cxn ang="0">
                <a:pos x="connsiteX6083" y="connsiteY6083"/>
              </a:cxn>
              <a:cxn ang="0">
                <a:pos x="connsiteX6084" y="connsiteY6084"/>
              </a:cxn>
              <a:cxn ang="0">
                <a:pos x="connsiteX6085" y="connsiteY6085"/>
              </a:cxn>
              <a:cxn ang="0">
                <a:pos x="connsiteX6086" y="connsiteY6086"/>
              </a:cxn>
              <a:cxn ang="0">
                <a:pos x="connsiteX6087" y="connsiteY6087"/>
              </a:cxn>
              <a:cxn ang="0">
                <a:pos x="connsiteX6088" y="connsiteY6088"/>
              </a:cxn>
              <a:cxn ang="0">
                <a:pos x="connsiteX6089" y="connsiteY6089"/>
              </a:cxn>
              <a:cxn ang="0">
                <a:pos x="connsiteX6090" y="connsiteY6090"/>
              </a:cxn>
              <a:cxn ang="0">
                <a:pos x="connsiteX6091" y="connsiteY6091"/>
              </a:cxn>
              <a:cxn ang="0">
                <a:pos x="connsiteX6092" y="connsiteY6092"/>
              </a:cxn>
              <a:cxn ang="0">
                <a:pos x="connsiteX6093" y="connsiteY6093"/>
              </a:cxn>
              <a:cxn ang="0">
                <a:pos x="connsiteX6094" y="connsiteY6094"/>
              </a:cxn>
              <a:cxn ang="0">
                <a:pos x="connsiteX6095" y="connsiteY6095"/>
              </a:cxn>
              <a:cxn ang="0">
                <a:pos x="connsiteX6096" y="connsiteY6096"/>
              </a:cxn>
              <a:cxn ang="0">
                <a:pos x="connsiteX6097" y="connsiteY6097"/>
              </a:cxn>
              <a:cxn ang="0">
                <a:pos x="connsiteX6098" y="connsiteY6098"/>
              </a:cxn>
              <a:cxn ang="0">
                <a:pos x="connsiteX6099" y="connsiteY6099"/>
              </a:cxn>
              <a:cxn ang="0">
                <a:pos x="connsiteX6100" y="connsiteY6100"/>
              </a:cxn>
              <a:cxn ang="0">
                <a:pos x="connsiteX6101" y="connsiteY6101"/>
              </a:cxn>
              <a:cxn ang="0">
                <a:pos x="connsiteX6102" y="connsiteY6102"/>
              </a:cxn>
              <a:cxn ang="0">
                <a:pos x="connsiteX6103" y="connsiteY6103"/>
              </a:cxn>
              <a:cxn ang="0">
                <a:pos x="connsiteX6104" y="connsiteY6104"/>
              </a:cxn>
              <a:cxn ang="0">
                <a:pos x="connsiteX6105" y="connsiteY6105"/>
              </a:cxn>
              <a:cxn ang="0">
                <a:pos x="connsiteX6106" y="connsiteY6106"/>
              </a:cxn>
              <a:cxn ang="0">
                <a:pos x="connsiteX6107" y="connsiteY6107"/>
              </a:cxn>
              <a:cxn ang="0">
                <a:pos x="connsiteX6108" y="connsiteY6108"/>
              </a:cxn>
              <a:cxn ang="0">
                <a:pos x="connsiteX6109" y="connsiteY6109"/>
              </a:cxn>
              <a:cxn ang="0">
                <a:pos x="connsiteX6110" y="connsiteY6110"/>
              </a:cxn>
              <a:cxn ang="0">
                <a:pos x="connsiteX6111" y="connsiteY6111"/>
              </a:cxn>
              <a:cxn ang="0">
                <a:pos x="connsiteX6112" y="connsiteY6112"/>
              </a:cxn>
              <a:cxn ang="0">
                <a:pos x="connsiteX6113" y="connsiteY6113"/>
              </a:cxn>
              <a:cxn ang="0">
                <a:pos x="connsiteX6114" y="connsiteY6114"/>
              </a:cxn>
              <a:cxn ang="0">
                <a:pos x="connsiteX6115" y="connsiteY6115"/>
              </a:cxn>
              <a:cxn ang="0">
                <a:pos x="connsiteX6116" y="connsiteY6116"/>
              </a:cxn>
              <a:cxn ang="0">
                <a:pos x="connsiteX6117" y="connsiteY6117"/>
              </a:cxn>
              <a:cxn ang="0">
                <a:pos x="connsiteX6118" y="connsiteY6118"/>
              </a:cxn>
              <a:cxn ang="0">
                <a:pos x="connsiteX6119" y="connsiteY6119"/>
              </a:cxn>
              <a:cxn ang="0">
                <a:pos x="connsiteX6120" y="connsiteY6120"/>
              </a:cxn>
              <a:cxn ang="0">
                <a:pos x="connsiteX6121" y="connsiteY6121"/>
              </a:cxn>
              <a:cxn ang="0">
                <a:pos x="connsiteX6122" y="connsiteY6122"/>
              </a:cxn>
              <a:cxn ang="0">
                <a:pos x="connsiteX6123" y="connsiteY6123"/>
              </a:cxn>
              <a:cxn ang="0">
                <a:pos x="connsiteX6124" y="connsiteY6124"/>
              </a:cxn>
              <a:cxn ang="0">
                <a:pos x="connsiteX6125" y="connsiteY6125"/>
              </a:cxn>
              <a:cxn ang="0">
                <a:pos x="connsiteX6126" y="connsiteY6126"/>
              </a:cxn>
              <a:cxn ang="0">
                <a:pos x="connsiteX6127" y="connsiteY6127"/>
              </a:cxn>
              <a:cxn ang="0">
                <a:pos x="connsiteX6128" y="connsiteY6128"/>
              </a:cxn>
              <a:cxn ang="0">
                <a:pos x="connsiteX6129" y="connsiteY6129"/>
              </a:cxn>
              <a:cxn ang="0">
                <a:pos x="connsiteX6130" y="connsiteY6130"/>
              </a:cxn>
              <a:cxn ang="0">
                <a:pos x="connsiteX6131" y="connsiteY6131"/>
              </a:cxn>
              <a:cxn ang="0">
                <a:pos x="connsiteX6132" y="connsiteY6132"/>
              </a:cxn>
              <a:cxn ang="0">
                <a:pos x="connsiteX6133" y="connsiteY6133"/>
              </a:cxn>
              <a:cxn ang="0">
                <a:pos x="connsiteX6134" y="connsiteY6134"/>
              </a:cxn>
              <a:cxn ang="0">
                <a:pos x="connsiteX6135" y="connsiteY6135"/>
              </a:cxn>
              <a:cxn ang="0">
                <a:pos x="connsiteX6136" y="connsiteY6136"/>
              </a:cxn>
              <a:cxn ang="0">
                <a:pos x="connsiteX6137" y="connsiteY6137"/>
              </a:cxn>
              <a:cxn ang="0">
                <a:pos x="connsiteX6138" y="connsiteY6138"/>
              </a:cxn>
              <a:cxn ang="0">
                <a:pos x="connsiteX6139" y="connsiteY6139"/>
              </a:cxn>
              <a:cxn ang="0">
                <a:pos x="connsiteX6140" y="connsiteY6140"/>
              </a:cxn>
              <a:cxn ang="0">
                <a:pos x="connsiteX6141" y="connsiteY6141"/>
              </a:cxn>
              <a:cxn ang="0">
                <a:pos x="connsiteX6142" y="connsiteY6142"/>
              </a:cxn>
              <a:cxn ang="0">
                <a:pos x="connsiteX6143" y="connsiteY6143"/>
              </a:cxn>
              <a:cxn ang="0">
                <a:pos x="connsiteX6144" y="connsiteY6144"/>
              </a:cxn>
              <a:cxn ang="0">
                <a:pos x="connsiteX6145" y="connsiteY6145"/>
              </a:cxn>
              <a:cxn ang="0">
                <a:pos x="connsiteX6146" y="connsiteY6146"/>
              </a:cxn>
              <a:cxn ang="0">
                <a:pos x="connsiteX6147" y="connsiteY6147"/>
              </a:cxn>
              <a:cxn ang="0">
                <a:pos x="connsiteX6148" y="connsiteY6148"/>
              </a:cxn>
              <a:cxn ang="0">
                <a:pos x="connsiteX6149" y="connsiteY6149"/>
              </a:cxn>
              <a:cxn ang="0">
                <a:pos x="connsiteX6150" y="connsiteY6150"/>
              </a:cxn>
              <a:cxn ang="0">
                <a:pos x="connsiteX6151" y="connsiteY6151"/>
              </a:cxn>
              <a:cxn ang="0">
                <a:pos x="connsiteX6152" y="connsiteY6152"/>
              </a:cxn>
              <a:cxn ang="0">
                <a:pos x="connsiteX6153" y="connsiteY6153"/>
              </a:cxn>
              <a:cxn ang="0">
                <a:pos x="connsiteX6154" y="connsiteY6154"/>
              </a:cxn>
              <a:cxn ang="0">
                <a:pos x="connsiteX6155" y="connsiteY6155"/>
              </a:cxn>
              <a:cxn ang="0">
                <a:pos x="connsiteX6156" y="connsiteY6156"/>
              </a:cxn>
              <a:cxn ang="0">
                <a:pos x="connsiteX6157" y="connsiteY6157"/>
              </a:cxn>
              <a:cxn ang="0">
                <a:pos x="connsiteX6158" y="connsiteY6158"/>
              </a:cxn>
              <a:cxn ang="0">
                <a:pos x="connsiteX6159" y="connsiteY6159"/>
              </a:cxn>
              <a:cxn ang="0">
                <a:pos x="connsiteX6160" y="connsiteY6160"/>
              </a:cxn>
              <a:cxn ang="0">
                <a:pos x="connsiteX6161" y="connsiteY6161"/>
              </a:cxn>
              <a:cxn ang="0">
                <a:pos x="connsiteX6162" y="connsiteY6162"/>
              </a:cxn>
              <a:cxn ang="0">
                <a:pos x="connsiteX6163" y="connsiteY6163"/>
              </a:cxn>
              <a:cxn ang="0">
                <a:pos x="connsiteX6164" y="connsiteY6164"/>
              </a:cxn>
              <a:cxn ang="0">
                <a:pos x="connsiteX6165" y="connsiteY6165"/>
              </a:cxn>
              <a:cxn ang="0">
                <a:pos x="connsiteX6166" y="connsiteY6166"/>
              </a:cxn>
              <a:cxn ang="0">
                <a:pos x="connsiteX6167" y="connsiteY6167"/>
              </a:cxn>
              <a:cxn ang="0">
                <a:pos x="connsiteX6168" y="connsiteY6168"/>
              </a:cxn>
              <a:cxn ang="0">
                <a:pos x="connsiteX6169" y="connsiteY6169"/>
              </a:cxn>
              <a:cxn ang="0">
                <a:pos x="connsiteX6170" y="connsiteY6170"/>
              </a:cxn>
              <a:cxn ang="0">
                <a:pos x="connsiteX6171" y="connsiteY6171"/>
              </a:cxn>
              <a:cxn ang="0">
                <a:pos x="connsiteX6172" y="connsiteY6172"/>
              </a:cxn>
              <a:cxn ang="0">
                <a:pos x="connsiteX6173" y="connsiteY6173"/>
              </a:cxn>
              <a:cxn ang="0">
                <a:pos x="connsiteX6174" y="connsiteY6174"/>
              </a:cxn>
              <a:cxn ang="0">
                <a:pos x="connsiteX6175" y="connsiteY6175"/>
              </a:cxn>
              <a:cxn ang="0">
                <a:pos x="connsiteX6176" y="connsiteY6176"/>
              </a:cxn>
              <a:cxn ang="0">
                <a:pos x="connsiteX6177" y="connsiteY6177"/>
              </a:cxn>
              <a:cxn ang="0">
                <a:pos x="connsiteX6178" y="connsiteY6178"/>
              </a:cxn>
              <a:cxn ang="0">
                <a:pos x="connsiteX6179" y="connsiteY6179"/>
              </a:cxn>
              <a:cxn ang="0">
                <a:pos x="connsiteX6180" y="connsiteY6180"/>
              </a:cxn>
              <a:cxn ang="0">
                <a:pos x="connsiteX6181" y="connsiteY6181"/>
              </a:cxn>
              <a:cxn ang="0">
                <a:pos x="connsiteX6182" y="connsiteY6182"/>
              </a:cxn>
              <a:cxn ang="0">
                <a:pos x="connsiteX6183" y="connsiteY6183"/>
              </a:cxn>
              <a:cxn ang="0">
                <a:pos x="connsiteX6184" y="connsiteY6184"/>
              </a:cxn>
              <a:cxn ang="0">
                <a:pos x="connsiteX6185" y="connsiteY6185"/>
              </a:cxn>
              <a:cxn ang="0">
                <a:pos x="connsiteX6186" y="connsiteY6186"/>
              </a:cxn>
              <a:cxn ang="0">
                <a:pos x="connsiteX6187" y="connsiteY6187"/>
              </a:cxn>
              <a:cxn ang="0">
                <a:pos x="connsiteX6188" y="connsiteY6188"/>
              </a:cxn>
              <a:cxn ang="0">
                <a:pos x="connsiteX6189" y="connsiteY6189"/>
              </a:cxn>
              <a:cxn ang="0">
                <a:pos x="connsiteX6190" y="connsiteY6190"/>
              </a:cxn>
              <a:cxn ang="0">
                <a:pos x="connsiteX6191" y="connsiteY6191"/>
              </a:cxn>
              <a:cxn ang="0">
                <a:pos x="connsiteX6192" y="connsiteY6192"/>
              </a:cxn>
              <a:cxn ang="0">
                <a:pos x="connsiteX6193" y="connsiteY6193"/>
              </a:cxn>
              <a:cxn ang="0">
                <a:pos x="connsiteX6194" y="connsiteY6194"/>
              </a:cxn>
              <a:cxn ang="0">
                <a:pos x="connsiteX6195" y="connsiteY6195"/>
              </a:cxn>
              <a:cxn ang="0">
                <a:pos x="connsiteX6196" y="connsiteY6196"/>
              </a:cxn>
              <a:cxn ang="0">
                <a:pos x="connsiteX6197" y="connsiteY6197"/>
              </a:cxn>
              <a:cxn ang="0">
                <a:pos x="connsiteX6198" y="connsiteY6198"/>
              </a:cxn>
              <a:cxn ang="0">
                <a:pos x="connsiteX6199" y="connsiteY6199"/>
              </a:cxn>
              <a:cxn ang="0">
                <a:pos x="connsiteX6200" y="connsiteY6200"/>
              </a:cxn>
              <a:cxn ang="0">
                <a:pos x="connsiteX6201" y="connsiteY6201"/>
              </a:cxn>
              <a:cxn ang="0">
                <a:pos x="connsiteX6202" y="connsiteY6202"/>
              </a:cxn>
              <a:cxn ang="0">
                <a:pos x="connsiteX6203" y="connsiteY6203"/>
              </a:cxn>
              <a:cxn ang="0">
                <a:pos x="connsiteX6204" y="connsiteY6204"/>
              </a:cxn>
              <a:cxn ang="0">
                <a:pos x="connsiteX6205" y="connsiteY6205"/>
              </a:cxn>
              <a:cxn ang="0">
                <a:pos x="connsiteX6206" y="connsiteY6206"/>
              </a:cxn>
              <a:cxn ang="0">
                <a:pos x="connsiteX6207" y="connsiteY6207"/>
              </a:cxn>
              <a:cxn ang="0">
                <a:pos x="connsiteX6208" y="connsiteY6208"/>
              </a:cxn>
              <a:cxn ang="0">
                <a:pos x="connsiteX6209" y="connsiteY6209"/>
              </a:cxn>
              <a:cxn ang="0">
                <a:pos x="connsiteX6210" y="connsiteY6210"/>
              </a:cxn>
              <a:cxn ang="0">
                <a:pos x="connsiteX6211" y="connsiteY6211"/>
              </a:cxn>
              <a:cxn ang="0">
                <a:pos x="connsiteX6212" y="connsiteY6212"/>
              </a:cxn>
              <a:cxn ang="0">
                <a:pos x="connsiteX6213" y="connsiteY6213"/>
              </a:cxn>
              <a:cxn ang="0">
                <a:pos x="connsiteX6214" y="connsiteY6214"/>
              </a:cxn>
              <a:cxn ang="0">
                <a:pos x="connsiteX6215" y="connsiteY6215"/>
              </a:cxn>
              <a:cxn ang="0">
                <a:pos x="connsiteX6216" y="connsiteY6216"/>
              </a:cxn>
              <a:cxn ang="0">
                <a:pos x="connsiteX6217" y="connsiteY6217"/>
              </a:cxn>
              <a:cxn ang="0">
                <a:pos x="connsiteX6218" y="connsiteY6218"/>
              </a:cxn>
              <a:cxn ang="0">
                <a:pos x="connsiteX6219" y="connsiteY6219"/>
              </a:cxn>
              <a:cxn ang="0">
                <a:pos x="connsiteX6220" y="connsiteY6220"/>
              </a:cxn>
              <a:cxn ang="0">
                <a:pos x="connsiteX6221" y="connsiteY6221"/>
              </a:cxn>
              <a:cxn ang="0">
                <a:pos x="connsiteX6222" y="connsiteY6222"/>
              </a:cxn>
              <a:cxn ang="0">
                <a:pos x="connsiteX6223" y="connsiteY6223"/>
              </a:cxn>
              <a:cxn ang="0">
                <a:pos x="connsiteX6224" y="connsiteY6224"/>
              </a:cxn>
              <a:cxn ang="0">
                <a:pos x="connsiteX6225" y="connsiteY6225"/>
              </a:cxn>
              <a:cxn ang="0">
                <a:pos x="connsiteX6226" y="connsiteY6226"/>
              </a:cxn>
              <a:cxn ang="0">
                <a:pos x="connsiteX6227" y="connsiteY6227"/>
              </a:cxn>
              <a:cxn ang="0">
                <a:pos x="connsiteX6228" y="connsiteY6228"/>
              </a:cxn>
              <a:cxn ang="0">
                <a:pos x="connsiteX6229" y="connsiteY6229"/>
              </a:cxn>
              <a:cxn ang="0">
                <a:pos x="connsiteX6230" y="connsiteY6230"/>
              </a:cxn>
              <a:cxn ang="0">
                <a:pos x="connsiteX6231" y="connsiteY6231"/>
              </a:cxn>
              <a:cxn ang="0">
                <a:pos x="connsiteX6232" y="connsiteY6232"/>
              </a:cxn>
              <a:cxn ang="0">
                <a:pos x="connsiteX6233" y="connsiteY6233"/>
              </a:cxn>
              <a:cxn ang="0">
                <a:pos x="connsiteX6234" y="connsiteY6234"/>
              </a:cxn>
              <a:cxn ang="0">
                <a:pos x="connsiteX6235" y="connsiteY6235"/>
              </a:cxn>
              <a:cxn ang="0">
                <a:pos x="connsiteX6236" y="connsiteY6236"/>
              </a:cxn>
              <a:cxn ang="0">
                <a:pos x="connsiteX6237" y="connsiteY6237"/>
              </a:cxn>
              <a:cxn ang="0">
                <a:pos x="connsiteX6238" y="connsiteY6238"/>
              </a:cxn>
              <a:cxn ang="0">
                <a:pos x="connsiteX6239" y="connsiteY6239"/>
              </a:cxn>
              <a:cxn ang="0">
                <a:pos x="connsiteX6240" y="connsiteY6240"/>
              </a:cxn>
              <a:cxn ang="0">
                <a:pos x="connsiteX6241" y="connsiteY6241"/>
              </a:cxn>
              <a:cxn ang="0">
                <a:pos x="connsiteX6242" y="connsiteY6242"/>
              </a:cxn>
              <a:cxn ang="0">
                <a:pos x="connsiteX6243" y="connsiteY6243"/>
              </a:cxn>
              <a:cxn ang="0">
                <a:pos x="connsiteX6244" y="connsiteY6244"/>
              </a:cxn>
              <a:cxn ang="0">
                <a:pos x="connsiteX6245" y="connsiteY6245"/>
              </a:cxn>
              <a:cxn ang="0">
                <a:pos x="connsiteX6246" y="connsiteY6246"/>
              </a:cxn>
              <a:cxn ang="0">
                <a:pos x="connsiteX6247" y="connsiteY6247"/>
              </a:cxn>
              <a:cxn ang="0">
                <a:pos x="connsiteX6248" y="connsiteY6248"/>
              </a:cxn>
              <a:cxn ang="0">
                <a:pos x="connsiteX6249" y="connsiteY6249"/>
              </a:cxn>
              <a:cxn ang="0">
                <a:pos x="connsiteX6250" y="connsiteY6250"/>
              </a:cxn>
              <a:cxn ang="0">
                <a:pos x="connsiteX6251" y="connsiteY6251"/>
              </a:cxn>
              <a:cxn ang="0">
                <a:pos x="connsiteX6252" y="connsiteY6252"/>
              </a:cxn>
              <a:cxn ang="0">
                <a:pos x="connsiteX6253" y="connsiteY6253"/>
              </a:cxn>
              <a:cxn ang="0">
                <a:pos x="connsiteX6254" y="connsiteY6254"/>
              </a:cxn>
              <a:cxn ang="0">
                <a:pos x="connsiteX6255" y="connsiteY6255"/>
              </a:cxn>
              <a:cxn ang="0">
                <a:pos x="connsiteX6256" y="connsiteY6256"/>
              </a:cxn>
              <a:cxn ang="0">
                <a:pos x="connsiteX6257" y="connsiteY6257"/>
              </a:cxn>
              <a:cxn ang="0">
                <a:pos x="connsiteX6258" y="connsiteY6258"/>
              </a:cxn>
              <a:cxn ang="0">
                <a:pos x="connsiteX6259" y="connsiteY6259"/>
              </a:cxn>
              <a:cxn ang="0">
                <a:pos x="connsiteX6260" y="connsiteY6260"/>
              </a:cxn>
              <a:cxn ang="0">
                <a:pos x="connsiteX6261" y="connsiteY6261"/>
              </a:cxn>
              <a:cxn ang="0">
                <a:pos x="connsiteX6262" y="connsiteY6262"/>
              </a:cxn>
              <a:cxn ang="0">
                <a:pos x="connsiteX6263" y="connsiteY6263"/>
              </a:cxn>
              <a:cxn ang="0">
                <a:pos x="connsiteX6264" y="connsiteY6264"/>
              </a:cxn>
              <a:cxn ang="0">
                <a:pos x="connsiteX6265" y="connsiteY6265"/>
              </a:cxn>
              <a:cxn ang="0">
                <a:pos x="connsiteX6266" y="connsiteY6266"/>
              </a:cxn>
              <a:cxn ang="0">
                <a:pos x="connsiteX6267" y="connsiteY6267"/>
              </a:cxn>
              <a:cxn ang="0">
                <a:pos x="connsiteX6268" y="connsiteY6268"/>
              </a:cxn>
              <a:cxn ang="0">
                <a:pos x="connsiteX6269" y="connsiteY6269"/>
              </a:cxn>
              <a:cxn ang="0">
                <a:pos x="connsiteX6270" y="connsiteY6270"/>
              </a:cxn>
              <a:cxn ang="0">
                <a:pos x="connsiteX6271" y="connsiteY6271"/>
              </a:cxn>
              <a:cxn ang="0">
                <a:pos x="connsiteX6272" y="connsiteY6272"/>
              </a:cxn>
              <a:cxn ang="0">
                <a:pos x="connsiteX6273" y="connsiteY6273"/>
              </a:cxn>
              <a:cxn ang="0">
                <a:pos x="connsiteX6274" y="connsiteY6274"/>
              </a:cxn>
              <a:cxn ang="0">
                <a:pos x="connsiteX6275" y="connsiteY6275"/>
              </a:cxn>
              <a:cxn ang="0">
                <a:pos x="connsiteX6276" y="connsiteY6276"/>
              </a:cxn>
              <a:cxn ang="0">
                <a:pos x="connsiteX6277" y="connsiteY6277"/>
              </a:cxn>
              <a:cxn ang="0">
                <a:pos x="connsiteX6278" y="connsiteY6278"/>
              </a:cxn>
              <a:cxn ang="0">
                <a:pos x="connsiteX6279" y="connsiteY6279"/>
              </a:cxn>
              <a:cxn ang="0">
                <a:pos x="connsiteX6280" y="connsiteY6280"/>
              </a:cxn>
              <a:cxn ang="0">
                <a:pos x="connsiteX6281" y="connsiteY6281"/>
              </a:cxn>
              <a:cxn ang="0">
                <a:pos x="connsiteX6282" y="connsiteY6282"/>
              </a:cxn>
              <a:cxn ang="0">
                <a:pos x="connsiteX6283" y="connsiteY6283"/>
              </a:cxn>
              <a:cxn ang="0">
                <a:pos x="connsiteX6284" y="connsiteY6284"/>
              </a:cxn>
              <a:cxn ang="0">
                <a:pos x="connsiteX6285" y="connsiteY6285"/>
              </a:cxn>
              <a:cxn ang="0">
                <a:pos x="connsiteX6286" y="connsiteY6286"/>
              </a:cxn>
              <a:cxn ang="0">
                <a:pos x="connsiteX6287" y="connsiteY6287"/>
              </a:cxn>
              <a:cxn ang="0">
                <a:pos x="connsiteX6288" y="connsiteY6288"/>
              </a:cxn>
              <a:cxn ang="0">
                <a:pos x="connsiteX6289" y="connsiteY6289"/>
              </a:cxn>
              <a:cxn ang="0">
                <a:pos x="connsiteX6290" y="connsiteY6290"/>
              </a:cxn>
              <a:cxn ang="0">
                <a:pos x="connsiteX6291" y="connsiteY6291"/>
              </a:cxn>
              <a:cxn ang="0">
                <a:pos x="connsiteX6292" y="connsiteY6292"/>
              </a:cxn>
              <a:cxn ang="0">
                <a:pos x="connsiteX6293" y="connsiteY6293"/>
              </a:cxn>
              <a:cxn ang="0">
                <a:pos x="connsiteX6294" y="connsiteY6294"/>
              </a:cxn>
              <a:cxn ang="0">
                <a:pos x="connsiteX6295" y="connsiteY6295"/>
              </a:cxn>
              <a:cxn ang="0">
                <a:pos x="connsiteX6296" y="connsiteY6296"/>
              </a:cxn>
              <a:cxn ang="0">
                <a:pos x="connsiteX6297" y="connsiteY6297"/>
              </a:cxn>
              <a:cxn ang="0">
                <a:pos x="connsiteX6298" y="connsiteY6298"/>
              </a:cxn>
              <a:cxn ang="0">
                <a:pos x="connsiteX6299" y="connsiteY6299"/>
              </a:cxn>
              <a:cxn ang="0">
                <a:pos x="connsiteX6300" y="connsiteY6300"/>
              </a:cxn>
              <a:cxn ang="0">
                <a:pos x="connsiteX6301" y="connsiteY6301"/>
              </a:cxn>
              <a:cxn ang="0">
                <a:pos x="connsiteX6302" y="connsiteY6302"/>
              </a:cxn>
              <a:cxn ang="0">
                <a:pos x="connsiteX6303" y="connsiteY6303"/>
              </a:cxn>
              <a:cxn ang="0">
                <a:pos x="connsiteX6304" y="connsiteY6304"/>
              </a:cxn>
              <a:cxn ang="0">
                <a:pos x="connsiteX6305" y="connsiteY6305"/>
              </a:cxn>
              <a:cxn ang="0">
                <a:pos x="connsiteX6306" y="connsiteY6306"/>
              </a:cxn>
              <a:cxn ang="0">
                <a:pos x="connsiteX6307" y="connsiteY6307"/>
              </a:cxn>
              <a:cxn ang="0">
                <a:pos x="connsiteX6308" y="connsiteY6308"/>
              </a:cxn>
              <a:cxn ang="0">
                <a:pos x="connsiteX6309" y="connsiteY6309"/>
              </a:cxn>
              <a:cxn ang="0">
                <a:pos x="connsiteX6310" y="connsiteY6310"/>
              </a:cxn>
              <a:cxn ang="0">
                <a:pos x="connsiteX6311" y="connsiteY6311"/>
              </a:cxn>
              <a:cxn ang="0">
                <a:pos x="connsiteX6312" y="connsiteY6312"/>
              </a:cxn>
              <a:cxn ang="0">
                <a:pos x="connsiteX6313" y="connsiteY6313"/>
              </a:cxn>
              <a:cxn ang="0">
                <a:pos x="connsiteX6314" y="connsiteY6314"/>
              </a:cxn>
              <a:cxn ang="0">
                <a:pos x="connsiteX6315" y="connsiteY6315"/>
              </a:cxn>
              <a:cxn ang="0">
                <a:pos x="connsiteX6316" y="connsiteY6316"/>
              </a:cxn>
              <a:cxn ang="0">
                <a:pos x="connsiteX6317" y="connsiteY6317"/>
              </a:cxn>
              <a:cxn ang="0">
                <a:pos x="connsiteX6318" y="connsiteY6318"/>
              </a:cxn>
              <a:cxn ang="0">
                <a:pos x="connsiteX6319" y="connsiteY6319"/>
              </a:cxn>
              <a:cxn ang="0">
                <a:pos x="connsiteX6320" y="connsiteY6320"/>
              </a:cxn>
              <a:cxn ang="0">
                <a:pos x="connsiteX6321" y="connsiteY6321"/>
              </a:cxn>
              <a:cxn ang="0">
                <a:pos x="connsiteX6322" y="connsiteY6322"/>
              </a:cxn>
              <a:cxn ang="0">
                <a:pos x="connsiteX6323" y="connsiteY6323"/>
              </a:cxn>
              <a:cxn ang="0">
                <a:pos x="connsiteX6324" y="connsiteY6324"/>
              </a:cxn>
              <a:cxn ang="0">
                <a:pos x="connsiteX6325" y="connsiteY6325"/>
              </a:cxn>
              <a:cxn ang="0">
                <a:pos x="connsiteX6326" y="connsiteY6326"/>
              </a:cxn>
              <a:cxn ang="0">
                <a:pos x="connsiteX6327" y="connsiteY6327"/>
              </a:cxn>
              <a:cxn ang="0">
                <a:pos x="connsiteX6328" y="connsiteY6328"/>
              </a:cxn>
              <a:cxn ang="0">
                <a:pos x="connsiteX6329" y="connsiteY6329"/>
              </a:cxn>
              <a:cxn ang="0">
                <a:pos x="connsiteX6330" y="connsiteY6330"/>
              </a:cxn>
              <a:cxn ang="0">
                <a:pos x="connsiteX6331" y="connsiteY6331"/>
              </a:cxn>
              <a:cxn ang="0">
                <a:pos x="connsiteX6332" y="connsiteY6332"/>
              </a:cxn>
              <a:cxn ang="0">
                <a:pos x="connsiteX6333" y="connsiteY6333"/>
              </a:cxn>
              <a:cxn ang="0">
                <a:pos x="connsiteX6334" y="connsiteY6334"/>
              </a:cxn>
              <a:cxn ang="0">
                <a:pos x="connsiteX6335" y="connsiteY6335"/>
              </a:cxn>
              <a:cxn ang="0">
                <a:pos x="connsiteX6336" y="connsiteY6336"/>
              </a:cxn>
              <a:cxn ang="0">
                <a:pos x="connsiteX6337" y="connsiteY6337"/>
              </a:cxn>
              <a:cxn ang="0">
                <a:pos x="connsiteX6338" y="connsiteY6338"/>
              </a:cxn>
              <a:cxn ang="0">
                <a:pos x="connsiteX6339" y="connsiteY6339"/>
              </a:cxn>
              <a:cxn ang="0">
                <a:pos x="connsiteX6340" y="connsiteY6340"/>
              </a:cxn>
              <a:cxn ang="0">
                <a:pos x="connsiteX6341" y="connsiteY6341"/>
              </a:cxn>
              <a:cxn ang="0">
                <a:pos x="connsiteX6342" y="connsiteY6342"/>
              </a:cxn>
              <a:cxn ang="0">
                <a:pos x="connsiteX6343" y="connsiteY6343"/>
              </a:cxn>
              <a:cxn ang="0">
                <a:pos x="connsiteX6344" y="connsiteY6344"/>
              </a:cxn>
              <a:cxn ang="0">
                <a:pos x="connsiteX6345" y="connsiteY6345"/>
              </a:cxn>
              <a:cxn ang="0">
                <a:pos x="connsiteX6346" y="connsiteY6346"/>
              </a:cxn>
              <a:cxn ang="0">
                <a:pos x="connsiteX6347" y="connsiteY6347"/>
              </a:cxn>
              <a:cxn ang="0">
                <a:pos x="connsiteX6348" y="connsiteY6348"/>
              </a:cxn>
              <a:cxn ang="0">
                <a:pos x="connsiteX6349" y="connsiteY6349"/>
              </a:cxn>
              <a:cxn ang="0">
                <a:pos x="connsiteX6350" y="connsiteY6350"/>
              </a:cxn>
              <a:cxn ang="0">
                <a:pos x="connsiteX6351" y="connsiteY6351"/>
              </a:cxn>
              <a:cxn ang="0">
                <a:pos x="connsiteX6352" y="connsiteY6352"/>
              </a:cxn>
              <a:cxn ang="0">
                <a:pos x="connsiteX6353" y="connsiteY6353"/>
              </a:cxn>
              <a:cxn ang="0">
                <a:pos x="connsiteX6354" y="connsiteY6354"/>
              </a:cxn>
              <a:cxn ang="0">
                <a:pos x="connsiteX6355" y="connsiteY6355"/>
              </a:cxn>
              <a:cxn ang="0">
                <a:pos x="connsiteX6356" y="connsiteY6356"/>
              </a:cxn>
              <a:cxn ang="0">
                <a:pos x="connsiteX6357" y="connsiteY6357"/>
              </a:cxn>
              <a:cxn ang="0">
                <a:pos x="connsiteX6358" y="connsiteY6358"/>
              </a:cxn>
              <a:cxn ang="0">
                <a:pos x="connsiteX6359" y="connsiteY6359"/>
              </a:cxn>
              <a:cxn ang="0">
                <a:pos x="connsiteX6360" y="connsiteY6360"/>
              </a:cxn>
              <a:cxn ang="0">
                <a:pos x="connsiteX6361" y="connsiteY6361"/>
              </a:cxn>
              <a:cxn ang="0">
                <a:pos x="connsiteX6362" y="connsiteY6362"/>
              </a:cxn>
              <a:cxn ang="0">
                <a:pos x="connsiteX6363" y="connsiteY6363"/>
              </a:cxn>
              <a:cxn ang="0">
                <a:pos x="connsiteX6364" y="connsiteY6364"/>
              </a:cxn>
              <a:cxn ang="0">
                <a:pos x="connsiteX6365" y="connsiteY6365"/>
              </a:cxn>
              <a:cxn ang="0">
                <a:pos x="connsiteX6366" y="connsiteY6366"/>
              </a:cxn>
              <a:cxn ang="0">
                <a:pos x="connsiteX6367" y="connsiteY6367"/>
              </a:cxn>
              <a:cxn ang="0">
                <a:pos x="connsiteX6368" y="connsiteY6368"/>
              </a:cxn>
              <a:cxn ang="0">
                <a:pos x="connsiteX6369" y="connsiteY6369"/>
              </a:cxn>
              <a:cxn ang="0">
                <a:pos x="connsiteX6370" y="connsiteY6370"/>
              </a:cxn>
              <a:cxn ang="0">
                <a:pos x="connsiteX6371" y="connsiteY6371"/>
              </a:cxn>
              <a:cxn ang="0">
                <a:pos x="connsiteX6372" y="connsiteY6372"/>
              </a:cxn>
              <a:cxn ang="0">
                <a:pos x="connsiteX6373" y="connsiteY6373"/>
              </a:cxn>
              <a:cxn ang="0">
                <a:pos x="connsiteX6374" y="connsiteY6374"/>
              </a:cxn>
              <a:cxn ang="0">
                <a:pos x="connsiteX6375" y="connsiteY6375"/>
              </a:cxn>
              <a:cxn ang="0">
                <a:pos x="connsiteX6376" y="connsiteY6376"/>
              </a:cxn>
              <a:cxn ang="0">
                <a:pos x="connsiteX6377" y="connsiteY6377"/>
              </a:cxn>
              <a:cxn ang="0">
                <a:pos x="connsiteX6378" y="connsiteY6378"/>
              </a:cxn>
              <a:cxn ang="0">
                <a:pos x="connsiteX6379" y="connsiteY6379"/>
              </a:cxn>
              <a:cxn ang="0">
                <a:pos x="connsiteX6380" y="connsiteY6380"/>
              </a:cxn>
              <a:cxn ang="0">
                <a:pos x="connsiteX6381" y="connsiteY6381"/>
              </a:cxn>
              <a:cxn ang="0">
                <a:pos x="connsiteX6382" y="connsiteY6382"/>
              </a:cxn>
              <a:cxn ang="0">
                <a:pos x="connsiteX6383" y="connsiteY6383"/>
              </a:cxn>
              <a:cxn ang="0">
                <a:pos x="connsiteX6384" y="connsiteY6384"/>
              </a:cxn>
              <a:cxn ang="0">
                <a:pos x="connsiteX6385" y="connsiteY6385"/>
              </a:cxn>
              <a:cxn ang="0">
                <a:pos x="connsiteX6386" y="connsiteY6386"/>
              </a:cxn>
              <a:cxn ang="0">
                <a:pos x="connsiteX6387" y="connsiteY6387"/>
              </a:cxn>
              <a:cxn ang="0">
                <a:pos x="connsiteX6388" y="connsiteY6388"/>
              </a:cxn>
              <a:cxn ang="0">
                <a:pos x="connsiteX6389" y="connsiteY6389"/>
              </a:cxn>
              <a:cxn ang="0">
                <a:pos x="connsiteX6390" y="connsiteY6390"/>
              </a:cxn>
              <a:cxn ang="0">
                <a:pos x="connsiteX6391" y="connsiteY6391"/>
              </a:cxn>
              <a:cxn ang="0">
                <a:pos x="connsiteX6392" y="connsiteY6392"/>
              </a:cxn>
              <a:cxn ang="0">
                <a:pos x="connsiteX6393" y="connsiteY6393"/>
              </a:cxn>
              <a:cxn ang="0">
                <a:pos x="connsiteX6394" y="connsiteY6394"/>
              </a:cxn>
              <a:cxn ang="0">
                <a:pos x="connsiteX6395" y="connsiteY6395"/>
              </a:cxn>
              <a:cxn ang="0">
                <a:pos x="connsiteX6396" y="connsiteY6396"/>
              </a:cxn>
              <a:cxn ang="0">
                <a:pos x="connsiteX6397" y="connsiteY6397"/>
              </a:cxn>
              <a:cxn ang="0">
                <a:pos x="connsiteX6398" y="connsiteY6398"/>
              </a:cxn>
              <a:cxn ang="0">
                <a:pos x="connsiteX6399" y="connsiteY6399"/>
              </a:cxn>
              <a:cxn ang="0">
                <a:pos x="connsiteX6400" y="connsiteY6400"/>
              </a:cxn>
              <a:cxn ang="0">
                <a:pos x="connsiteX6401" y="connsiteY6401"/>
              </a:cxn>
              <a:cxn ang="0">
                <a:pos x="connsiteX6402" y="connsiteY6402"/>
              </a:cxn>
              <a:cxn ang="0">
                <a:pos x="connsiteX6403" y="connsiteY6403"/>
              </a:cxn>
              <a:cxn ang="0">
                <a:pos x="connsiteX6404" y="connsiteY6404"/>
              </a:cxn>
              <a:cxn ang="0">
                <a:pos x="connsiteX6405" y="connsiteY6405"/>
              </a:cxn>
              <a:cxn ang="0">
                <a:pos x="connsiteX6406" y="connsiteY6406"/>
              </a:cxn>
              <a:cxn ang="0">
                <a:pos x="connsiteX6407" y="connsiteY6407"/>
              </a:cxn>
              <a:cxn ang="0">
                <a:pos x="connsiteX6408" y="connsiteY6408"/>
              </a:cxn>
              <a:cxn ang="0">
                <a:pos x="connsiteX6409" y="connsiteY6409"/>
              </a:cxn>
              <a:cxn ang="0">
                <a:pos x="connsiteX6410" y="connsiteY6410"/>
              </a:cxn>
              <a:cxn ang="0">
                <a:pos x="connsiteX6411" y="connsiteY6411"/>
              </a:cxn>
              <a:cxn ang="0">
                <a:pos x="connsiteX6412" y="connsiteY6412"/>
              </a:cxn>
              <a:cxn ang="0">
                <a:pos x="connsiteX6413" y="connsiteY6413"/>
              </a:cxn>
              <a:cxn ang="0">
                <a:pos x="connsiteX6414" y="connsiteY6414"/>
              </a:cxn>
              <a:cxn ang="0">
                <a:pos x="connsiteX6415" y="connsiteY6415"/>
              </a:cxn>
              <a:cxn ang="0">
                <a:pos x="connsiteX6416" y="connsiteY6416"/>
              </a:cxn>
              <a:cxn ang="0">
                <a:pos x="connsiteX6417" y="connsiteY6417"/>
              </a:cxn>
              <a:cxn ang="0">
                <a:pos x="connsiteX6418" y="connsiteY6418"/>
              </a:cxn>
              <a:cxn ang="0">
                <a:pos x="connsiteX6419" y="connsiteY6419"/>
              </a:cxn>
              <a:cxn ang="0">
                <a:pos x="connsiteX6420" y="connsiteY6420"/>
              </a:cxn>
              <a:cxn ang="0">
                <a:pos x="connsiteX6421" y="connsiteY6421"/>
              </a:cxn>
              <a:cxn ang="0">
                <a:pos x="connsiteX6422" y="connsiteY6422"/>
              </a:cxn>
              <a:cxn ang="0">
                <a:pos x="connsiteX6423" y="connsiteY6423"/>
              </a:cxn>
              <a:cxn ang="0">
                <a:pos x="connsiteX6424" y="connsiteY6424"/>
              </a:cxn>
              <a:cxn ang="0">
                <a:pos x="connsiteX6425" y="connsiteY6425"/>
              </a:cxn>
              <a:cxn ang="0">
                <a:pos x="connsiteX6426" y="connsiteY6426"/>
              </a:cxn>
              <a:cxn ang="0">
                <a:pos x="connsiteX6427" y="connsiteY6427"/>
              </a:cxn>
              <a:cxn ang="0">
                <a:pos x="connsiteX6428" y="connsiteY6428"/>
              </a:cxn>
              <a:cxn ang="0">
                <a:pos x="connsiteX6429" y="connsiteY6429"/>
              </a:cxn>
              <a:cxn ang="0">
                <a:pos x="connsiteX6430" y="connsiteY6430"/>
              </a:cxn>
              <a:cxn ang="0">
                <a:pos x="connsiteX6431" y="connsiteY6431"/>
              </a:cxn>
              <a:cxn ang="0">
                <a:pos x="connsiteX6432" y="connsiteY6432"/>
              </a:cxn>
              <a:cxn ang="0">
                <a:pos x="connsiteX6433" y="connsiteY6433"/>
              </a:cxn>
              <a:cxn ang="0">
                <a:pos x="connsiteX6434" y="connsiteY6434"/>
              </a:cxn>
              <a:cxn ang="0">
                <a:pos x="connsiteX6435" y="connsiteY6435"/>
              </a:cxn>
              <a:cxn ang="0">
                <a:pos x="connsiteX6436" y="connsiteY6436"/>
              </a:cxn>
              <a:cxn ang="0">
                <a:pos x="connsiteX6437" y="connsiteY6437"/>
              </a:cxn>
              <a:cxn ang="0">
                <a:pos x="connsiteX6438" y="connsiteY6438"/>
              </a:cxn>
              <a:cxn ang="0">
                <a:pos x="connsiteX6439" y="connsiteY6439"/>
              </a:cxn>
              <a:cxn ang="0">
                <a:pos x="connsiteX6440" y="connsiteY6440"/>
              </a:cxn>
              <a:cxn ang="0">
                <a:pos x="connsiteX6441" y="connsiteY6441"/>
              </a:cxn>
              <a:cxn ang="0">
                <a:pos x="connsiteX6442" y="connsiteY6442"/>
              </a:cxn>
              <a:cxn ang="0">
                <a:pos x="connsiteX6443" y="connsiteY6443"/>
              </a:cxn>
              <a:cxn ang="0">
                <a:pos x="connsiteX6444" y="connsiteY6444"/>
              </a:cxn>
              <a:cxn ang="0">
                <a:pos x="connsiteX6445" y="connsiteY6445"/>
              </a:cxn>
              <a:cxn ang="0">
                <a:pos x="connsiteX6446" y="connsiteY6446"/>
              </a:cxn>
              <a:cxn ang="0">
                <a:pos x="connsiteX6447" y="connsiteY6447"/>
              </a:cxn>
              <a:cxn ang="0">
                <a:pos x="connsiteX6448" y="connsiteY6448"/>
              </a:cxn>
              <a:cxn ang="0">
                <a:pos x="connsiteX6449" y="connsiteY6449"/>
              </a:cxn>
              <a:cxn ang="0">
                <a:pos x="connsiteX6450" y="connsiteY6450"/>
              </a:cxn>
              <a:cxn ang="0">
                <a:pos x="connsiteX6451" y="connsiteY6451"/>
              </a:cxn>
              <a:cxn ang="0">
                <a:pos x="connsiteX6452" y="connsiteY6452"/>
              </a:cxn>
              <a:cxn ang="0">
                <a:pos x="connsiteX6453" y="connsiteY6453"/>
              </a:cxn>
              <a:cxn ang="0">
                <a:pos x="connsiteX6454" y="connsiteY6454"/>
              </a:cxn>
              <a:cxn ang="0">
                <a:pos x="connsiteX6455" y="connsiteY6455"/>
              </a:cxn>
              <a:cxn ang="0">
                <a:pos x="connsiteX6456" y="connsiteY6456"/>
              </a:cxn>
              <a:cxn ang="0">
                <a:pos x="connsiteX6457" y="connsiteY6457"/>
              </a:cxn>
              <a:cxn ang="0">
                <a:pos x="connsiteX6458" y="connsiteY6458"/>
              </a:cxn>
              <a:cxn ang="0">
                <a:pos x="connsiteX6459" y="connsiteY6459"/>
              </a:cxn>
              <a:cxn ang="0">
                <a:pos x="connsiteX6460" y="connsiteY6460"/>
              </a:cxn>
              <a:cxn ang="0">
                <a:pos x="connsiteX6461" y="connsiteY6461"/>
              </a:cxn>
              <a:cxn ang="0">
                <a:pos x="connsiteX6462" y="connsiteY6462"/>
              </a:cxn>
              <a:cxn ang="0">
                <a:pos x="connsiteX6463" y="connsiteY6463"/>
              </a:cxn>
              <a:cxn ang="0">
                <a:pos x="connsiteX6464" y="connsiteY6464"/>
              </a:cxn>
              <a:cxn ang="0">
                <a:pos x="connsiteX6465" y="connsiteY6465"/>
              </a:cxn>
              <a:cxn ang="0">
                <a:pos x="connsiteX6466" y="connsiteY6466"/>
              </a:cxn>
              <a:cxn ang="0">
                <a:pos x="connsiteX6467" y="connsiteY6467"/>
              </a:cxn>
              <a:cxn ang="0">
                <a:pos x="connsiteX6468" y="connsiteY6468"/>
              </a:cxn>
              <a:cxn ang="0">
                <a:pos x="connsiteX6469" y="connsiteY6469"/>
              </a:cxn>
              <a:cxn ang="0">
                <a:pos x="connsiteX6470" y="connsiteY6470"/>
              </a:cxn>
              <a:cxn ang="0">
                <a:pos x="connsiteX6471" y="connsiteY6471"/>
              </a:cxn>
              <a:cxn ang="0">
                <a:pos x="connsiteX6472" y="connsiteY6472"/>
              </a:cxn>
              <a:cxn ang="0">
                <a:pos x="connsiteX6473" y="connsiteY6473"/>
              </a:cxn>
              <a:cxn ang="0">
                <a:pos x="connsiteX6474" y="connsiteY6474"/>
              </a:cxn>
              <a:cxn ang="0">
                <a:pos x="connsiteX6475" y="connsiteY6475"/>
              </a:cxn>
              <a:cxn ang="0">
                <a:pos x="connsiteX6476" y="connsiteY6476"/>
              </a:cxn>
              <a:cxn ang="0">
                <a:pos x="connsiteX6477" y="connsiteY6477"/>
              </a:cxn>
              <a:cxn ang="0">
                <a:pos x="connsiteX6478" y="connsiteY6478"/>
              </a:cxn>
              <a:cxn ang="0">
                <a:pos x="connsiteX6479" y="connsiteY6479"/>
              </a:cxn>
              <a:cxn ang="0">
                <a:pos x="connsiteX6480" y="connsiteY6480"/>
              </a:cxn>
              <a:cxn ang="0">
                <a:pos x="connsiteX6481" y="connsiteY6481"/>
              </a:cxn>
              <a:cxn ang="0">
                <a:pos x="connsiteX6482" y="connsiteY6482"/>
              </a:cxn>
              <a:cxn ang="0">
                <a:pos x="connsiteX6483" y="connsiteY6483"/>
              </a:cxn>
              <a:cxn ang="0">
                <a:pos x="connsiteX6484" y="connsiteY6484"/>
              </a:cxn>
              <a:cxn ang="0">
                <a:pos x="connsiteX6485" y="connsiteY6485"/>
              </a:cxn>
              <a:cxn ang="0">
                <a:pos x="connsiteX6486" y="connsiteY6486"/>
              </a:cxn>
              <a:cxn ang="0">
                <a:pos x="connsiteX6487" y="connsiteY6487"/>
              </a:cxn>
              <a:cxn ang="0">
                <a:pos x="connsiteX6488" y="connsiteY6488"/>
              </a:cxn>
              <a:cxn ang="0">
                <a:pos x="connsiteX6489" y="connsiteY6489"/>
              </a:cxn>
              <a:cxn ang="0">
                <a:pos x="connsiteX6490" y="connsiteY6490"/>
              </a:cxn>
              <a:cxn ang="0">
                <a:pos x="connsiteX6491" y="connsiteY6491"/>
              </a:cxn>
              <a:cxn ang="0">
                <a:pos x="connsiteX6492" y="connsiteY6492"/>
              </a:cxn>
              <a:cxn ang="0">
                <a:pos x="connsiteX6493" y="connsiteY6493"/>
              </a:cxn>
              <a:cxn ang="0">
                <a:pos x="connsiteX6494" y="connsiteY6494"/>
              </a:cxn>
              <a:cxn ang="0">
                <a:pos x="connsiteX6495" y="connsiteY6495"/>
              </a:cxn>
              <a:cxn ang="0">
                <a:pos x="connsiteX6496" y="connsiteY6496"/>
              </a:cxn>
              <a:cxn ang="0">
                <a:pos x="connsiteX6497" y="connsiteY6497"/>
              </a:cxn>
              <a:cxn ang="0">
                <a:pos x="connsiteX6498" y="connsiteY6498"/>
              </a:cxn>
              <a:cxn ang="0">
                <a:pos x="connsiteX6499" y="connsiteY6499"/>
              </a:cxn>
              <a:cxn ang="0">
                <a:pos x="connsiteX6500" y="connsiteY6500"/>
              </a:cxn>
              <a:cxn ang="0">
                <a:pos x="connsiteX6501" y="connsiteY6501"/>
              </a:cxn>
              <a:cxn ang="0">
                <a:pos x="connsiteX6502" y="connsiteY6502"/>
              </a:cxn>
              <a:cxn ang="0">
                <a:pos x="connsiteX6503" y="connsiteY6503"/>
              </a:cxn>
              <a:cxn ang="0">
                <a:pos x="connsiteX6504" y="connsiteY6504"/>
              </a:cxn>
              <a:cxn ang="0">
                <a:pos x="connsiteX6505" y="connsiteY6505"/>
              </a:cxn>
              <a:cxn ang="0">
                <a:pos x="connsiteX6506" y="connsiteY6506"/>
              </a:cxn>
              <a:cxn ang="0">
                <a:pos x="connsiteX6507" y="connsiteY6507"/>
              </a:cxn>
              <a:cxn ang="0">
                <a:pos x="connsiteX6508" y="connsiteY6508"/>
              </a:cxn>
              <a:cxn ang="0">
                <a:pos x="connsiteX6509" y="connsiteY6509"/>
              </a:cxn>
              <a:cxn ang="0">
                <a:pos x="connsiteX6510" y="connsiteY6510"/>
              </a:cxn>
              <a:cxn ang="0">
                <a:pos x="connsiteX6511" y="connsiteY6511"/>
              </a:cxn>
              <a:cxn ang="0">
                <a:pos x="connsiteX6512" y="connsiteY6512"/>
              </a:cxn>
              <a:cxn ang="0">
                <a:pos x="connsiteX6513" y="connsiteY6513"/>
              </a:cxn>
              <a:cxn ang="0">
                <a:pos x="connsiteX6514" y="connsiteY6514"/>
              </a:cxn>
              <a:cxn ang="0">
                <a:pos x="connsiteX6515" y="connsiteY6515"/>
              </a:cxn>
              <a:cxn ang="0">
                <a:pos x="connsiteX6516" y="connsiteY6516"/>
              </a:cxn>
              <a:cxn ang="0">
                <a:pos x="connsiteX6517" y="connsiteY6517"/>
              </a:cxn>
              <a:cxn ang="0">
                <a:pos x="connsiteX6518" y="connsiteY6518"/>
              </a:cxn>
              <a:cxn ang="0">
                <a:pos x="connsiteX6519" y="connsiteY6519"/>
              </a:cxn>
              <a:cxn ang="0">
                <a:pos x="connsiteX6520" y="connsiteY6520"/>
              </a:cxn>
              <a:cxn ang="0">
                <a:pos x="connsiteX6521" y="connsiteY6521"/>
              </a:cxn>
              <a:cxn ang="0">
                <a:pos x="connsiteX6522" y="connsiteY6522"/>
              </a:cxn>
              <a:cxn ang="0">
                <a:pos x="connsiteX6523" y="connsiteY6523"/>
              </a:cxn>
              <a:cxn ang="0">
                <a:pos x="connsiteX6524" y="connsiteY6524"/>
              </a:cxn>
              <a:cxn ang="0">
                <a:pos x="connsiteX6525" y="connsiteY6525"/>
              </a:cxn>
              <a:cxn ang="0">
                <a:pos x="connsiteX6526" y="connsiteY6526"/>
              </a:cxn>
              <a:cxn ang="0">
                <a:pos x="connsiteX6527" y="connsiteY6527"/>
              </a:cxn>
              <a:cxn ang="0">
                <a:pos x="connsiteX6528" y="connsiteY6528"/>
              </a:cxn>
              <a:cxn ang="0">
                <a:pos x="connsiteX6529" y="connsiteY6529"/>
              </a:cxn>
              <a:cxn ang="0">
                <a:pos x="connsiteX6530" y="connsiteY6530"/>
              </a:cxn>
              <a:cxn ang="0">
                <a:pos x="connsiteX6531" y="connsiteY6531"/>
              </a:cxn>
              <a:cxn ang="0">
                <a:pos x="connsiteX6532" y="connsiteY6532"/>
              </a:cxn>
              <a:cxn ang="0">
                <a:pos x="connsiteX6533" y="connsiteY6533"/>
              </a:cxn>
              <a:cxn ang="0">
                <a:pos x="connsiteX6534" y="connsiteY6534"/>
              </a:cxn>
              <a:cxn ang="0">
                <a:pos x="connsiteX6535" y="connsiteY6535"/>
              </a:cxn>
              <a:cxn ang="0">
                <a:pos x="connsiteX6536" y="connsiteY6536"/>
              </a:cxn>
              <a:cxn ang="0">
                <a:pos x="connsiteX6537" y="connsiteY6537"/>
              </a:cxn>
              <a:cxn ang="0">
                <a:pos x="connsiteX6538" y="connsiteY6538"/>
              </a:cxn>
              <a:cxn ang="0">
                <a:pos x="connsiteX6539" y="connsiteY6539"/>
              </a:cxn>
              <a:cxn ang="0">
                <a:pos x="connsiteX6540" y="connsiteY6540"/>
              </a:cxn>
              <a:cxn ang="0">
                <a:pos x="connsiteX6541" y="connsiteY6541"/>
              </a:cxn>
              <a:cxn ang="0">
                <a:pos x="connsiteX6542" y="connsiteY6542"/>
              </a:cxn>
              <a:cxn ang="0">
                <a:pos x="connsiteX6543" y="connsiteY6543"/>
              </a:cxn>
              <a:cxn ang="0">
                <a:pos x="connsiteX6544" y="connsiteY6544"/>
              </a:cxn>
              <a:cxn ang="0">
                <a:pos x="connsiteX6545" y="connsiteY6545"/>
              </a:cxn>
              <a:cxn ang="0">
                <a:pos x="connsiteX6546" y="connsiteY6546"/>
              </a:cxn>
              <a:cxn ang="0">
                <a:pos x="connsiteX6547" y="connsiteY6547"/>
              </a:cxn>
              <a:cxn ang="0">
                <a:pos x="connsiteX6548" y="connsiteY6548"/>
              </a:cxn>
              <a:cxn ang="0">
                <a:pos x="connsiteX6549" y="connsiteY6549"/>
              </a:cxn>
              <a:cxn ang="0">
                <a:pos x="connsiteX6550" y="connsiteY6550"/>
              </a:cxn>
              <a:cxn ang="0">
                <a:pos x="connsiteX6551" y="connsiteY6551"/>
              </a:cxn>
              <a:cxn ang="0">
                <a:pos x="connsiteX6552" y="connsiteY6552"/>
              </a:cxn>
              <a:cxn ang="0">
                <a:pos x="connsiteX6553" y="connsiteY6553"/>
              </a:cxn>
              <a:cxn ang="0">
                <a:pos x="connsiteX6554" y="connsiteY6554"/>
              </a:cxn>
              <a:cxn ang="0">
                <a:pos x="connsiteX6555" y="connsiteY6555"/>
              </a:cxn>
              <a:cxn ang="0">
                <a:pos x="connsiteX6556" y="connsiteY6556"/>
              </a:cxn>
              <a:cxn ang="0">
                <a:pos x="connsiteX6557" y="connsiteY6557"/>
              </a:cxn>
              <a:cxn ang="0">
                <a:pos x="connsiteX6558" y="connsiteY6558"/>
              </a:cxn>
              <a:cxn ang="0">
                <a:pos x="connsiteX6559" y="connsiteY6559"/>
              </a:cxn>
              <a:cxn ang="0">
                <a:pos x="connsiteX6560" y="connsiteY6560"/>
              </a:cxn>
              <a:cxn ang="0">
                <a:pos x="connsiteX6561" y="connsiteY6561"/>
              </a:cxn>
              <a:cxn ang="0">
                <a:pos x="connsiteX6562" y="connsiteY6562"/>
              </a:cxn>
              <a:cxn ang="0">
                <a:pos x="connsiteX6563" y="connsiteY6563"/>
              </a:cxn>
              <a:cxn ang="0">
                <a:pos x="connsiteX6564" y="connsiteY6564"/>
              </a:cxn>
              <a:cxn ang="0">
                <a:pos x="connsiteX6565" y="connsiteY6565"/>
              </a:cxn>
              <a:cxn ang="0">
                <a:pos x="connsiteX6566" y="connsiteY6566"/>
              </a:cxn>
              <a:cxn ang="0">
                <a:pos x="connsiteX6567" y="connsiteY6567"/>
              </a:cxn>
              <a:cxn ang="0">
                <a:pos x="connsiteX6568" y="connsiteY6568"/>
              </a:cxn>
              <a:cxn ang="0">
                <a:pos x="connsiteX6569" y="connsiteY6569"/>
              </a:cxn>
              <a:cxn ang="0">
                <a:pos x="connsiteX6570" y="connsiteY6570"/>
              </a:cxn>
              <a:cxn ang="0">
                <a:pos x="connsiteX6571" y="connsiteY6571"/>
              </a:cxn>
              <a:cxn ang="0">
                <a:pos x="connsiteX6572" y="connsiteY6572"/>
              </a:cxn>
              <a:cxn ang="0">
                <a:pos x="connsiteX6573" y="connsiteY6573"/>
              </a:cxn>
              <a:cxn ang="0">
                <a:pos x="connsiteX6574" y="connsiteY6574"/>
              </a:cxn>
              <a:cxn ang="0">
                <a:pos x="connsiteX6575" y="connsiteY6575"/>
              </a:cxn>
              <a:cxn ang="0">
                <a:pos x="connsiteX6576" y="connsiteY6576"/>
              </a:cxn>
              <a:cxn ang="0">
                <a:pos x="connsiteX6577" y="connsiteY6577"/>
              </a:cxn>
              <a:cxn ang="0">
                <a:pos x="connsiteX6578" y="connsiteY6578"/>
              </a:cxn>
              <a:cxn ang="0">
                <a:pos x="connsiteX6579" y="connsiteY6579"/>
              </a:cxn>
              <a:cxn ang="0">
                <a:pos x="connsiteX6580" y="connsiteY6580"/>
              </a:cxn>
              <a:cxn ang="0">
                <a:pos x="connsiteX6581" y="connsiteY6581"/>
              </a:cxn>
              <a:cxn ang="0">
                <a:pos x="connsiteX6582" y="connsiteY6582"/>
              </a:cxn>
              <a:cxn ang="0">
                <a:pos x="connsiteX6583" y="connsiteY6583"/>
              </a:cxn>
              <a:cxn ang="0">
                <a:pos x="connsiteX6584" y="connsiteY6584"/>
              </a:cxn>
              <a:cxn ang="0">
                <a:pos x="connsiteX6585" y="connsiteY6585"/>
              </a:cxn>
              <a:cxn ang="0">
                <a:pos x="connsiteX6586" y="connsiteY6586"/>
              </a:cxn>
              <a:cxn ang="0">
                <a:pos x="connsiteX6587" y="connsiteY6587"/>
              </a:cxn>
              <a:cxn ang="0">
                <a:pos x="connsiteX6588" y="connsiteY6588"/>
              </a:cxn>
              <a:cxn ang="0">
                <a:pos x="connsiteX6589" y="connsiteY6589"/>
              </a:cxn>
              <a:cxn ang="0">
                <a:pos x="connsiteX6590" y="connsiteY6590"/>
              </a:cxn>
              <a:cxn ang="0">
                <a:pos x="connsiteX6591" y="connsiteY6591"/>
              </a:cxn>
              <a:cxn ang="0">
                <a:pos x="connsiteX6592" y="connsiteY6592"/>
              </a:cxn>
              <a:cxn ang="0">
                <a:pos x="connsiteX6593" y="connsiteY6593"/>
              </a:cxn>
              <a:cxn ang="0">
                <a:pos x="connsiteX6594" y="connsiteY6594"/>
              </a:cxn>
              <a:cxn ang="0">
                <a:pos x="connsiteX6595" y="connsiteY6595"/>
              </a:cxn>
              <a:cxn ang="0">
                <a:pos x="connsiteX6596" y="connsiteY6596"/>
              </a:cxn>
              <a:cxn ang="0">
                <a:pos x="connsiteX6597" y="connsiteY6597"/>
              </a:cxn>
              <a:cxn ang="0">
                <a:pos x="connsiteX6598" y="connsiteY6598"/>
              </a:cxn>
              <a:cxn ang="0">
                <a:pos x="connsiteX6599" y="connsiteY6599"/>
              </a:cxn>
              <a:cxn ang="0">
                <a:pos x="connsiteX6600" y="connsiteY6600"/>
              </a:cxn>
              <a:cxn ang="0">
                <a:pos x="connsiteX6601" y="connsiteY6601"/>
              </a:cxn>
              <a:cxn ang="0">
                <a:pos x="connsiteX6602" y="connsiteY6602"/>
              </a:cxn>
              <a:cxn ang="0">
                <a:pos x="connsiteX6603" y="connsiteY6603"/>
              </a:cxn>
              <a:cxn ang="0">
                <a:pos x="connsiteX6604" y="connsiteY6604"/>
              </a:cxn>
              <a:cxn ang="0">
                <a:pos x="connsiteX6605" y="connsiteY6605"/>
              </a:cxn>
              <a:cxn ang="0">
                <a:pos x="connsiteX6606" y="connsiteY6606"/>
              </a:cxn>
              <a:cxn ang="0">
                <a:pos x="connsiteX6607" y="connsiteY6607"/>
              </a:cxn>
              <a:cxn ang="0">
                <a:pos x="connsiteX6608" y="connsiteY6608"/>
              </a:cxn>
              <a:cxn ang="0">
                <a:pos x="connsiteX6609" y="connsiteY6609"/>
              </a:cxn>
              <a:cxn ang="0">
                <a:pos x="connsiteX6610" y="connsiteY6610"/>
              </a:cxn>
              <a:cxn ang="0">
                <a:pos x="connsiteX6611" y="connsiteY6611"/>
              </a:cxn>
              <a:cxn ang="0">
                <a:pos x="connsiteX6612" y="connsiteY6612"/>
              </a:cxn>
              <a:cxn ang="0">
                <a:pos x="connsiteX6613" y="connsiteY6613"/>
              </a:cxn>
              <a:cxn ang="0">
                <a:pos x="connsiteX6614" y="connsiteY6614"/>
              </a:cxn>
              <a:cxn ang="0">
                <a:pos x="connsiteX6615" y="connsiteY6615"/>
              </a:cxn>
              <a:cxn ang="0">
                <a:pos x="connsiteX6616" y="connsiteY6616"/>
              </a:cxn>
              <a:cxn ang="0">
                <a:pos x="connsiteX6617" y="connsiteY6617"/>
              </a:cxn>
              <a:cxn ang="0">
                <a:pos x="connsiteX6618" y="connsiteY6618"/>
              </a:cxn>
              <a:cxn ang="0">
                <a:pos x="connsiteX6619" y="connsiteY6619"/>
              </a:cxn>
              <a:cxn ang="0">
                <a:pos x="connsiteX6620" y="connsiteY6620"/>
              </a:cxn>
              <a:cxn ang="0">
                <a:pos x="connsiteX6621" y="connsiteY6621"/>
              </a:cxn>
              <a:cxn ang="0">
                <a:pos x="connsiteX6622" y="connsiteY6622"/>
              </a:cxn>
              <a:cxn ang="0">
                <a:pos x="connsiteX6623" y="connsiteY6623"/>
              </a:cxn>
              <a:cxn ang="0">
                <a:pos x="connsiteX6624" y="connsiteY6624"/>
              </a:cxn>
              <a:cxn ang="0">
                <a:pos x="connsiteX6625" y="connsiteY6625"/>
              </a:cxn>
              <a:cxn ang="0">
                <a:pos x="connsiteX6626" y="connsiteY6626"/>
              </a:cxn>
              <a:cxn ang="0">
                <a:pos x="connsiteX6627" y="connsiteY6627"/>
              </a:cxn>
              <a:cxn ang="0">
                <a:pos x="connsiteX6628" y="connsiteY6628"/>
              </a:cxn>
              <a:cxn ang="0">
                <a:pos x="connsiteX6629" y="connsiteY6629"/>
              </a:cxn>
              <a:cxn ang="0">
                <a:pos x="connsiteX6630" y="connsiteY6630"/>
              </a:cxn>
              <a:cxn ang="0">
                <a:pos x="connsiteX6631" y="connsiteY6631"/>
              </a:cxn>
              <a:cxn ang="0">
                <a:pos x="connsiteX6632" y="connsiteY6632"/>
              </a:cxn>
              <a:cxn ang="0">
                <a:pos x="connsiteX6633" y="connsiteY6633"/>
              </a:cxn>
              <a:cxn ang="0">
                <a:pos x="connsiteX6634" y="connsiteY6634"/>
              </a:cxn>
              <a:cxn ang="0">
                <a:pos x="connsiteX6635" y="connsiteY6635"/>
              </a:cxn>
              <a:cxn ang="0">
                <a:pos x="connsiteX6636" y="connsiteY6636"/>
              </a:cxn>
              <a:cxn ang="0">
                <a:pos x="connsiteX6637" y="connsiteY6637"/>
              </a:cxn>
              <a:cxn ang="0">
                <a:pos x="connsiteX6638" y="connsiteY6638"/>
              </a:cxn>
              <a:cxn ang="0">
                <a:pos x="connsiteX6639" y="connsiteY6639"/>
              </a:cxn>
              <a:cxn ang="0">
                <a:pos x="connsiteX6640" y="connsiteY6640"/>
              </a:cxn>
              <a:cxn ang="0">
                <a:pos x="connsiteX6641" y="connsiteY6641"/>
              </a:cxn>
              <a:cxn ang="0">
                <a:pos x="connsiteX6642" y="connsiteY6642"/>
              </a:cxn>
              <a:cxn ang="0">
                <a:pos x="connsiteX6643" y="connsiteY6643"/>
              </a:cxn>
              <a:cxn ang="0">
                <a:pos x="connsiteX6644" y="connsiteY6644"/>
              </a:cxn>
              <a:cxn ang="0">
                <a:pos x="connsiteX6645" y="connsiteY6645"/>
              </a:cxn>
              <a:cxn ang="0">
                <a:pos x="connsiteX6646" y="connsiteY6646"/>
              </a:cxn>
              <a:cxn ang="0">
                <a:pos x="connsiteX6647" y="connsiteY6647"/>
              </a:cxn>
              <a:cxn ang="0">
                <a:pos x="connsiteX6648" y="connsiteY6648"/>
              </a:cxn>
              <a:cxn ang="0">
                <a:pos x="connsiteX6649" y="connsiteY6649"/>
              </a:cxn>
              <a:cxn ang="0">
                <a:pos x="connsiteX6650" y="connsiteY6650"/>
              </a:cxn>
              <a:cxn ang="0">
                <a:pos x="connsiteX6651" y="connsiteY6651"/>
              </a:cxn>
              <a:cxn ang="0">
                <a:pos x="connsiteX6652" y="connsiteY6652"/>
              </a:cxn>
              <a:cxn ang="0">
                <a:pos x="connsiteX6653" y="connsiteY6653"/>
              </a:cxn>
              <a:cxn ang="0">
                <a:pos x="connsiteX6654" y="connsiteY6654"/>
              </a:cxn>
              <a:cxn ang="0">
                <a:pos x="connsiteX6655" y="connsiteY6655"/>
              </a:cxn>
              <a:cxn ang="0">
                <a:pos x="connsiteX6656" y="connsiteY6656"/>
              </a:cxn>
              <a:cxn ang="0">
                <a:pos x="connsiteX6657" y="connsiteY6657"/>
              </a:cxn>
              <a:cxn ang="0">
                <a:pos x="connsiteX6658" y="connsiteY6658"/>
              </a:cxn>
              <a:cxn ang="0">
                <a:pos x="connsiteX6659" y="connsiteY6659"/>
              </a:cxn>
              <a:cxn ang="0">
                <a:pos x="connsiteX6660" y="connsiteY6660"/>
              </a:cxn>
              <a:cxn ang="0">
                <a:pos x="connsiteX6661" y="connsiteY6661"/>
              </a:cxn>
              <a:cxn ang="0">
                <a:pos x="connsiteX6662" y="connsiteY6662"/>
              </a:cxn>
              <a:cxn ang="0">
                <a:pos x="connsiteX6663" y="connsiteY6663"/>
              </a:cxn>
              <a:cxn ang="0">
                <a:pos x="connsiteX6664" y="connsiteY6664"/>
              </a:cxn>
              <a:cxn ang="0">
                <a:pos x="connsiteX6665" y="connsiteY6665"/>
              </a:cxn>
              <a:cxn ang="0">
                <a:pos x="connsiteX6666" y="connsiteY6666"/>
              </a:cxn>
              <a:cxn ang="0">
                <a:pos x="connsiteX6667" y="connsiteY6667"/>
              </a:cxn>
              <a:cxn ang="0">
                <a:pos x="connsiteX6668" y="connsiteY6668"/>
              </a:cxn>
              <a:cxn ang="0">
                <a:pos x="connsiteX6669" y="connsiteY6669"/>
              </a:cxn>
              <a:cxn ang="0">
                <a:pos x="connsiteX6670" y="connsiteY6670"/>
              </a:cxn>
              <a:cxn ang="0">
                <a:pos x="connsiteX6671" y="connsiteY6671"/>
              </a:cxn>
              <a:cxn ang="0">
                <a:pos x="connsiteX6672" y="connsiteY6672"/>
              </a:cxn>
              <a:cxn ang="0">
                <a:pos x="connsiteX6673" y="connsiteY6673"/>
              </a:cxn>
              <a:cxn ang="0">
                <a:pos x="connsiteX6674" y="connsiteY6674"/>
              </a:cxn>
              <a:cxn ang="0">
                <a:pos x="connsiteX6675" y="connsiteY6675"/>
              </a:cxn>
              <a:cxn ang="0">
                <a:pos x="connsiteX6676" y="connsiteY6676"/>
              </a:cxn>
              <a:cxn ang="0">
                <a:pos x="connsiteX6677" y="connsiteY6677"/>
              </a:cxn>
              <a:cxn ang="0">
                <a:pos x="connsiteX6678" y="connsiteY6678"/>
              </a:cxn>
              <a:cxn ang="0">
                <a:pos x="connsiteX6679" y="connsiteY6679"/>
              </a:cxn>
              <a:cxn ang="0">
                <a:pos x="connsiteX6680" y="connsiteY6680"/>
              </a:cxn>
              <a:cxn ang="0">
                <a:pos x="connsiteX6681" y="connsiteY6681"/>
              </a:cxn>
              <a:cxn ang="0">
                <a:pos x="connsiteX6682" y="connsiteY6682"/>
              </a:cxn>
              <a:cxn ang="0">
                <a:pos x="connsiteX6683" y="connsiteY6683"/>
              </a:cxn>
              <a:cxn ang="0">
                <a:pos x="connsiteX6684" y="connsiteY6684"/>
              </a:cxn>
              <a:cxn ang="0">
                <a:pos x="connsiteX6685" y="connsiteY6685"/>
              </a:cxn>
              <a:cxn ang="0">
                <a:pos x="connsiteX6686" y="connsiteY6686"/>
              </a:cxn>
              <a:cxn ang="0">
                <a:pos x="connsiteX6687" y="connsiteY6687"/>
              </a:cxn>
              <a:cxn ang="0">
                <a:pos x="connsiteX6688" y="connsiteY6688"/>
              </a:cxn>
              <a:cxn ang="0">
                <a:pos x="connsiteX6689" y="connsiteY6689"/>
              </a:cxn>
              <a:cxn ang="0">
                <a:pos x="connsiteX6690" y="connsiteY6690"/>
              </a:cxn>
              <a:cxn ang="0">
                <a:pos x="connsiteX6691" y="connsiteY6691"/>
              </a:cxn>
              <a:cxn ang="0">
                <a:pos x="connsiteX6692" y="connsiteY6692"/>
              </a:cxn>
              <a:cxn ang="0">
                <a:pos x="connsiteX6693" y="connsiteY6693"/>
              </a:cxn>
              <a:cxn ang="0">
                <a:pos x="connsiteX6694" y="connsiteY6694"/>
              </a:cxn>
              <a:cxn ang="0">
                <a:pos x="connsiteX6695" y="connsiteY6695"/>
              </a:cxn>
              <a:cxn ang="0">
                <a:pos x="connsiteX6696" y="connsiteY6696"/>
              </a:cxn>
              <a:cxn ang="0">
                <a:pos x="connsiteX6697" y="connsiteY6697"/>
              </a:cxn>
              <a:cxn ang="0">
                <a:pos x="connsiteX6698" y="connsiteY6698"/>
              </a:cxn>
              <a:cxn ang="0">
                <a:pos x="connsiteX6699" y="connsiteY6699"/>
              </a:cxn>
              <a:cxn ang="0">
                <a:pos x="connsiteX6700" y="connsiteY6700"/>
              </a:cxn>
              <a:cxn ang="0">
                <a:pos x="connsiteX6701" y="connsiteY6701"/>
              </a:cxn>
              <a:cxn ang="0">
                <a:pos x="connsiteX6702" y="connsiteY6702"/>
              </a:cxn>
              <a:cxn ang="0">
                <a:pos x="connsiteX6703" y="connsiteY6703"/>
              </a:cxn>
              <a:cxn ang="0">
                <a:pos x="connsiteX6704" y="connsiteY6704"/>
              </a:cxn>
              <a:cxn ang="0">
                <a:pos x="connsiteX6705" y="connsiteY6705"/>
              </a:cxn>
              <a:cxn ang="0">
                <a:pos x="connsiteX6706" y="connsiteY6706"/>
              </a:cxn>
              <a:cxn ang="0">
                <a:pos x="connsiteX6707" y="connsiteY6707"/>
              </a:cxn>
              <a:cxn ang="0">
                <a:pos x="connsiteX6708" y="connsiteY6708"/>
              </a:cxn>
              <a:cxn ang="0">
                <a:pos x="connsiteX6709" y="connsiteY6709"/>
              </a:cxn>
              <a:cxn ang="0">
                <a:pos x="connsiteX6710" y="connsiteY6710"/>
              </a:cxn>
              <a:cxn ang="0">
                <a:pos x="connsiteX6711" y="connsiteY6711"/>
              </a:cxn>
            </a:cxnLst>
            <a:rect l="l" t="t" r="r" b="b"/>
            <a:pathLst>
              <a:path w="6858000" h="6858000">
                <a:moveTo>
                  <a:pt x="5714630" y="6808450"/>
                </a:moveTo>
                <a:lnTo>
                  <a:pt x="5714630" y="6808894"/>
                </a:lnTo>
                <a:lnTo>
                  <a:pt x="5715074" y="6808894"/>
                </a:lnTo>
                <a:lnTo>
                  <a:pt x="5715074" y="6808450"/>
                </a:lnTo>
                <a:close/>
                <a:moveTo>
                  <a:pt x="5591573" y="6808450"/>
                </a:moveTo>
                <a:lnTo>
                  <a:pt x="5591573" y="6808894"/>
                </a:lnTo>
                <a:lnTo>
                  <a:pt x="5592018" y="6808894"/>
                </a:lnTo>
                <a:lnTo>
                  <a:pt x="5592018" y="6808450"/>
                </a:lnTo>
                <a:close/>
                <a:moveTo>
                  <a:pt x="5468515" y="6808450"/>
                </a:moveTo>
                <a:lnTo>
                  <a:pt x="5468515" y="6808894"/>
                </a:lnTo>
                <a:lnTo>
                  <a:pt x="5468959" y="6808894"/>
                </a:lnTo>
                <a:lnTo>
                  <a:pt x="5468959" y="6808450"/>
                </a:lnTo>
                <a:close/>
                <a:moveTo>
                  <a:pt x="5345458" y="6808450"/>
                </a:moveTo>
                <a:lnTo>
                  <a:pt x="5345458" y="6808894"/>
                </a:lnTo>
                <a:lnTo>
                  <a:pt x="5345902" y="6808894"/>
                </a:lnTo>
                <a:lnTo>
                  <a:pt x="5345902" y="6808450"/>
                </a:lnTo>
                <a:close/>
                <a:moveTo>
                  <a:pt x="5222401" y="6808450"/>
                </a:moveTo>
                <a:lnTo>
                  <a:pt x="5222401" y="6808894"/>
                </a:lnTo>
                <a:lnTo>
                  <a:pt x="5222845" y="6808894"/>
                </a:lnTo>
                <a:lnTo>
                  <a:pt x="5222845" y="6808450"/>
                </a:lnTo>
                <a:close/>
                <a:moveTo>
                  <a:pt x="5099306" y="6808450"/>
                </a:moveTo>
                <a:lnTo>
                  <a:pt x="5099306" y="6808894"/>
                </a:lnTo>
                <a:lnTo>
                  <a:pt x="5099750" y="6808894"/>
                </a:lnTo>
                <a:lnTo>
                  <a:pt x="5099750" y="6808450"/>
                </a:lnTo>
                <a:close/>
                <a:moveTo>
                  <a:pt x="4976249" y="6808450"/>
                </a:moveTo>
                <a:lnTo>
                  <a:pt x="4976249" y="6808894"/>
                </a:lnTo>
                <a:lnTo>
                  <a:pt x="4976693" y="6808894"/>
                </a:lnTo>
                <a:lnTo>
                  <a:pt x="4976693" y="6808450"/>
                </a:lnTo>
                <a:close/>
                <a:moveTo>
                  <a:pt x="4853192" y="6808450"/>
                </a:moveTo>
                <a:lnTo>
                  <a:pt x="4853192" y="6808894"/>
                </a:lnTo>
                <a:lnTo>
                  <a:pt x="4853637" y="6808894"/>
                </a:lnTo>
                <a:lnTo>
                  <a:pt x="4853637" y="6808450"/>
                </a:lnTo>
                <a:close/>
                <a:moveTo>
                  <a:pt x="4730134" y="6808450"/>
                </a:moveTo>
                <a:lnTo>
                  <a:pt x="4730134" y="6808894"/>
                </a:lnTo>
                <a:lnTo>
                  <a:pt x="4730579" y="6808894"/>
                </a:lnTo>
                <a:lnTo>
                  <a:pt x="4730579" y="6808450"/>
                </a:lnTo>
                <a:close/>
                <a:moveTo>
                  <a:pt x="4484020" y="6808450"/>
                </a:moveTo>
                <a:lnTo>
                  <a:pt x="4484020" y="6808894"/>
                </a:lnTo>
                <a:lnTo>
                  <a:pt x="4484464" y="6808894"/>
                </a:lnTo>
                <a:lnTo>
                  <a:pt x="4484464" y="6808450"/>
                </a:lnTo>
                <a:close/>
                <a:moveTo>
                  <a:pt x="4360962" y="6808450"/>
                </a:moveTo>
                <a:lnTo>
                  <a:pt x="4360962" y="6808894"/>
                </a:lnTo>
                <a:lnTo>
                  <a:pt x="4361406" y="6808894"/>
                </a:lnTo>
                <a:lnTo>
                  <a:pt x="4361406" y="6808450"/>
                </a:lnTo>
                <a:close/>
                <a:moveTo>
                  <a:pt x="4237905" y="6808450"/>
                </a:moveTo>
                <a:lnTo>
                  <a:pt x="4237905" y="6808894"/>
                </a:lnTo>
                <a:lnTo>
                  <a:pt x="4238349" y="6808894"/>
                </a:lnTo>
                <a:lnTo>
                  <a:pt x="4238349" y="6808450"/>
                </a:lnTo>
                <a:close/>
                <a:moveTo>
                  <a:pt x="4114848" y="6808450"/>
                </a:moveTo>
                <a:lnTo>
                  <a:pt x="4114848" y="6808894"/>
                </a:lnTo>
                <a:lnTo>
                  <a:pt x="4115292" y="6808894"/>
                </a:lnTo>
                <a:lnTo>
                  <a:pt x="4115292" y="6808450"/>
                </a:lnTo>
                <a:close/>
                <a:moveTo>
                  <a:pt x="3991790" y="6808450"/>
                </a:moveTo>
                <a:lnTo>
                  <a:pt x="3991790" y="6808894"/>
                </a:lnTo>
                <a:lnTo>
                  <a:pt x="3992235" y="6808894"/>
                </a:lnTo>
                <a:lnTo>
                  <a:pt x="3992235" y="6808450"/>
                </a:lnTo>
                <a:close/>
                <a:moveTo>
                  <a:pt x="3868511" y="6808227"/>
                </a:moveTo>
                <a:lnTo>
                  <a:pt x="3868511" y="6809079"/>
                </a:lnTo>
                <a:lnTo>
                  <a:pt x="3869363" y="6809079"/>
                </a:lnTo>
                <a:lnTo>
                  <a:pt x="3869363" y="6808227"/>
                </a:lnTo>
                <a:close/>
                <a:moveTo>
                  <a:pt x="3745231" y="6808005"/>
                </a:moveTo>
                <a:lnTo>
                  <a:pt x="3745231" y="6809301"/>
                </a:lnTo>
                <a:lnTo>
                  <a:pt x="3746527" y="6809301"/>
                </a:lnTo>
                <a:lnTo>
                  <a:pt x="3746527" y="6808005"/>
                </a:lnTo>
                <a:close/>
                <a:moveTo>
                  <a:pt x="3621730" y="6807561"/>
                </a:moveTo>
                <a:lnTo>
                  <a:pt x="3621730" y="6809746"/>
                </a:lnTo>
                <a:lnTo>
                  <a:pt x="3623915" y="6809746"/>
                </a:lnTo>
                <a:lnTo>
                  <a:pt x="3623915" y="6807561"/>
                </a:lnTo>
                <a:close/>
                <a:moveTo>
                  <a:pt x="3498228" y="6807117"/>
                </a:moveTo>
                <a:lnTo>
                  <a:pt x="3498228" y="6810153"/>
                </a:lnTo>
                <a:lnTo>
                  <a:pt x="3501265" y="6810153"/>
                </a:lnTo>
                <a:lnTo>
                  <a:pt x="3501265" y="6807117"/>
                </a:lnTo>
                <a:close/>
                <a:moveTo>
                  <a:pt x="3374541" y="6806487"/>
                </a:moveTo>
                <a:lnTo>
                  <a:pt x="3374541" y="6810820"/>
                </a:lnTo>
                <a:lnTo>
                  <a:pt x="3378874" y="6810820"/>
                </a:lnTo>
                <a:lnTo>
                  <a:pt x="3378874" y="6806487"/>
                </a:lnTo>
                <a:close/>
                <a:moveTo>
                  <a:pt x="3250817" y="6805820"/>
                </a:moveTo>
                <a:lnTo>
                  <a:pt x="3250817" y="6811449"/>
                </a:lnTo>
                <a:lnTo>
                  <a:pt x="3256446" y="6811449"/>
                </a:lnTo>
                <a:lnTo>
                  <a:pt x="3256446" y="6805820"/>
                </a:lnTo>
                <a:close/>
                <a:moveTo>
                  <a:pt x="3126871" y="6804969"/>
                </a:moveTo>
                <a:lnTo>
                  <a:pt x="3126871" y="6812339"/>
                </a:lnTo>
                <a:lnTo>
                  <a:pt x="3134240" y="6812339"/>
                </a:lnTo>
                <a:lnTo>
                  <a:pt x="3134240" y="6804969"/>
                </a:lnTo>
                <a:close/>
                <a:moveTo>
                  <a:pt x="3002518" y="6803673"/>
                </a:moveTo>
                <a:lnTo>
                  <a:pt x="3002518" y="6813671"/>
                </a:lnTo>
                <a:lnTo>
                  <a:pt x="3012517" y="6813671"/>
                </a:lnTo>
                <a:lnTo>
                  <a:pt x="3012517" y="6803673"/>
                </a:lnTo>
                <a:close/>
                <a:moveTo>
                  <a:pt x="2878386" y="6802562"/>
                </a:moveTo>
                <a:lnTo>
                  <a:pt x="2878386" y="6814709"/>
                </a:lnTo>
                <a:lnTo>
                  <a:pt x="2890533" y="6814709"/>
                </a:lnTo>
                <a:lnTo>
                  <a:pt x="2890533" y="6802562"/>
                </a:lnTo>
                <a:close/>
                <a:moveTo>
                  <a:pt x="2753589" y="6800821"/>
                </a:moveTo>
                <a:lnTo>
                  <a:pt x="2753589" y="6816449"/>
                </a:lnTo>
                <a:lnTo>
                  <a:pt x="2769216" y="6816449"/>
                </a:lnTo>
                <a:lnTo>
                  <a:pt x="2769216" y="6800821"/>
                </a:lnTo>
                <a:close/>
                <a:moveTo>
                  <a:pt x="2628791" y="6799081"/>
                </a:moveTo>
                <a:lnTo>
                  <a:pt x="2628791" y="6818190"/>
                </a:lnTo>
                <a:lnTo>
                  <a:pt x="2647899" y="6818190"/>
                </a:lnTo>
                <a:lnTo>
                  <a:pt x="2647899" y="6799081"/>
                </a:lnTo>
                <a:close/>
                <a:moveTo>
                  <a:pt x="2503771" y="6797155"/>
                </a:moveTo>
                <a:lnTo>
                  <a:pt x="2503771" y="6820189"/>
                </a:lnTo>
                <a:lnTo>
                  <a:pt x="2526805" y="6820189"/>
                </a:lnTo>
                <a:lnTo>
                  <a:pt x="2526805" y="6797155"/>
                </a:lnTo>
                <a:close/>
                <a:moveTo>
                  <a:pt x="2378306" y="6794748"/>
                </a:moveTo>
                <a:lnTo>
                  <a:pt x="2378306" y="6822559"/>
                </a:lnTo>
                <a:lnTo>
                  <a:pt x="2406117" y="6822559"/>
                </a:lnTo>
                <a:lnTo>
                  <a:pt x="2406117" y="6794748"/>
                </a:lnTo>
                <a:close/>
                <a:moveTo>
                  <a:pt x="2253101" y="6792563"/>
                </a:moveTo>
                <a:lnTo>
                  <a:pt x="2253101" y="6824707"/>
                </a:lnTo>
                <a:lnTo>
                  <a:pt x="2285245" y="6824707"/>
                </a:lnTo>
                <a:lnTo>
                  <a:pt x="2285245" y="6792563"/>
                </a:lnTo>
                <a:close/>
                <a:moveTo>
                  <a:pt x="2127415" y="6789971"/>
                </a:moveTo>
                <a:lnTo>
                  <a:pt x="2127415" y="6827336"/>
                </a:lnTo>
                <a:lnTo>
                  <a:pt x="2164780" y="6827336"/>
                </a:lnTo>
                <a:lnTo>
                  <a:pt x="2164780" y="6789971"/>
                </a:lnTo>
                <a:close/>
                <a:moveTo>
                  <a:pt x="2001765" y="6787378"/>
                </a:moveTo>
                <a:lnTo>
                  <a:pt x="2001765" y="6829928"/>
                </a:lnTo>
                <a:lnTo>
                  <a:pt x="2044315" y="6829928"/>
                </a:lnTo>
                <a:lnTo>
                  <a:pt x="2044315" y="6787378"/>
                </a:lnTo>
                <a:close/>
                <a:moveTo>
                  <a:pt x="1875856" y="6784527"/>
                </a:moveTo>
                <a:lnTo>
                  <a:pt x="1875856" y="6832743"/>
                </a:lnTo>
                <a:lnTo>
                  <a:pt x="1924072" y="6832743"/>
                </a:lnTo>
                <a:lnTo>
                  <a:pt x="1924072" y="6784527"/>
                </a:lnTo>
                <a:close/>
                <a:moveTo>
                  <a:pt x="1749985" y="6781713"/>
                </a:moveTo>
                <a:lnTo>
                  <a:pt x="1749985" y="6835558"/>
                </a:lnTo>
                <a:lnTo>
                  <a:pt x="1803830" y="6835558"/>
                </a:lnTo>
                <a:lnTo>
                  <a:pt x="1803830" y="6781713"/>
                </a:lnTo>
                <a:close/>
                <a:moveTo>
                  <a:pt x="1624113" y="6778898"/>
                </a:moveTo>
                <a:lnTo>
                  <a:pt x="1624113" y="6838408"/>
                </a:lnTo>
                <a:lnTo>
                  <a:pt x="1683623" y="6838408"/>
                </a:lnTo>
                <a:lnTo>
                  <a:pt x="1683623" y="6778898"/>
                </a:lnTo>
                <a:close/>
                <a:moveTo>
                  <a:pt x="1498204" y="6776084"/>
                </a:moveTo>
                <a:lnTo>
                  <a:pt x="1498204" y="6841223"/>
                </a:lnTo>
                <a:lnTo>
                  <a:pt x="1563343" y="6841223"/>
                </a:lnTo>
                <a:lnTo>
                  <a:pt x="1563343" y="6776084"/>
                </a:lnTo>
                <a:close/>
                <a:moveTo>
                  <a:pt x="1372332" y="6773269"/>
                </a:moveTo>
                <a:lnTo>
                  <a:pt x="1372332" y="6844074"/>
                </a:lnTo>
                <a:lnTo>
                  <a:pt x="1443137" y="6844074"/>
                </a:lnTo>
                <a:lnTo>
                  <a:pt x="1443137" y="6773269"/>
                </a:lnTo>
                <a:close/>
                <a:moveTo>
                  <a:pt x="1246683" y="6770640"/>
                </a:moveTo>
                <a:lnTo>
                  <a:pt x="1246683" y="6846630"/>
                </a:lnTo>
                <a:lnTo>
                  <a:pt x="1322673" y="6846630"/>
                </a:lnTo>
                <a:lnTo>
                  <a:pt x="1322673" y="6770640"/>
                </a:lnTo>
                <a:close/>
                <a:moveTo>
                  <a:pt x="1121218" y="6768270"/>
                </a:moveTo>
                <a:lnTo>
                  <a:pt x="1121218" y="6849074"/>
                </a:lnTo>
                <a:lnTo>
                  <a:pt x="1202022" y="6849074"/>
                </a:lnTo>
                <a:lnTo>
                  <a:pt x="1202022" y="6768270"/>
                </a:lnTo>
                <a:close/>
                <a:moveTo>
                  <a:pt x="995976" y="6766085"/>
                </a:moveTo>
                <a:lnTo>
                  <a:pt x="995976" y="6851222"/>
                </a:lnTo>
                <a:lnTo>
                  <a:pt x="1081113" y="6851222"/>
                </a:lnTo>
                <a:lnTo>
                  <a:pt x="1081113" y="6766085"/>
                </a:lnTo>
                <a:close/>
                <a:moveTo>
                  <a:pt x="870993" y="6764122"/>
                </a:moveTo>
                <a:lnTo>
                  <a:pt x="870993" y="6853147"/>
                </a:lnTo>
                <a:lnTo>
                  <a:pt x="960018" y="6853147"/>
                </a:lnTo>
                <a:lnTo>
                  <a:pt x="960018" y="6764122"/>
                </a:lnTo>
                <a:close/>
                <a:moveTo>
                  <a:pt x="746380" y="6762604"/>
                </a:moveTo>
                <a:lnTo>
                  <a:pt x="746380" y="6854665"/>
                </a:lnTo>
                <a:lnTo>
                  <a:pt x="838442" y="6854665"/>
                </a:lnTo>
                <a:lnTo>
                  <a:pt x="838442" y="6762604"/>
                </a:lnTo>
                <a:close/>
                <a:moveTo>
                  <a:pt x="621805" y="6761086"/>
                </a:moveTo>
                <a:lnTo>
                  <a:pt x="621805" y="6856221"/>
                </a:lnTo>
                <a:lnTo>
                  <a:pt x="716940" y="6856221"/>
                </a:lnTo>
                <a:lnTo>
                  <a:pt x="716940" y="6761086"/>
                </a:lnTo>
                <a:close/>
                <a:moveTo>
                  <a:pt x="497451" y="6759790"/>
                </a:moveTo>
                <a:lnTo>
                  <a:pt x="497451" y="6857517"/>
                </a:lnTo>
                <a:lnTo>
                  <a:pt x="595178" y="6857517"/>
                </a:lnTo>
                <a:lnTo>
                  <a:pt x="595178" y="6759790"/>
                </a:lnTo>
                <a:close/>
                <a:moveTo>
                  <a:pt x="5714630" y="6685355"/>
                </a:moveTo>
                <a:lnTo>
                  <a:pt x="5714630" y="6685799"/>
                </a:lnTo>
                <a:lnTo>
                  <a:pt x="5715074" y="6685799"/>
                </a:lnTo>
                <a:lnTo>
                  <a:pt x="5715074" y="6685355"/>
                </a:lnTo>
                <a:close/>
                <a:moveTo>
                  <a:pt x="5591573" y="6685355"/>
                </a:moveTo>
                <a:lnTo>
                  <a:pt x="5591573" y="6685799"/>
                </a:lnTo>
                <a:lnTo>
                  <a:pt x="5592018" y="6685799"/>
                </a:lnTo>
                <a:lnTo>
                  <a:pt x="5592018" y="6685355"/>
                </a:lnTo>
                <a:close/>
                <a:moveTo>
                  <a:pt x="5468515" y="6685355"/>
                </a:moveTo>
                <a:lnTo>
                  <a:pt x="5468515" y="6685799"/>
                </a:lnTo>
                <a:lnTo>
                  <a:pt x="5468959" y="6685799"/>
                </a:lnTo>
                <a:lnTo>
                  <a:pt x="5468959" y="6685355"/>
                </a:lnTo>
                <a:close/>
                <a:moveTo>
                  <a:pt x="5345458" y="6685355"/>
                </a:moveTo>
                <a:lnTo>
                  <a:pt x="5345458" y="6685799"/>
                </a:lnTo>
                <a:lnTo>
                  <a:pt x="5345902" y="6685799"/>
                </a:lnTo>
                <a:lnTo>
                  <a:pt x="5345902" y="6685355"/>
                </a:lnTo>
                <a:close/>
                <a:moveTo>
                  <a:pt x="5222401" y="6685355"/>
                </a:moveTo>
                <a:lnTo>
                  <a:pt x="5222401" y="6685799"/>
                </a:lnTo>
                <a:lnTo>
                  <a:pt x="5222845" y="6685799"/>
                </a:lnTo>
                <a:lnTo>
                  <a:pt x="5222845" y="6685355"/>
                </a:lnTo>
                <a:close/>
                <a:moveTo>
                  <a:pt x="5099306" y="6685355"/>
                </a:moveTo>
                <a:lnTo>
                  <a:pt x="5099306" y="6685799"/>
                </a:lnTo>
                <a:lnTo>
                  <a:pt x="5099750" y="6685799"/>
                </a:lnTo>
                <a:lnTo>
                  <a:pt x="5099750" y="6685355"/>
                </a:lnTo>
                <a:close/>
                <a:moveTo>
                  <a:pt x="4976249" y="6685355"/>
                </a:moveTo>
                <a:lnTo>
                  <a:pt x="4976249" y="6685799"/>
                </a:lnTo>
                <a:lnTo>
                  <a:pt x="4976693" y="6685799"/>
                </a:lnTo>
                <a:lnTo>
                  <a:pt x="4976693" y="6685355"/>
                </a:lnTo>
                <a:close/>
                <a:moveTo>
                  <a:pt x="4853192" y="6685355"/>
                </a:moveTo>
                <a:lnTo>
                  <a:pt x="4853192" y="6685799"/>
                </a:lnTo>
                <a:lnTo>
                  <a:pt x="4853637" y="6685799"/>
                </a:lnTo>
                <a:lnTo>
                  <a:pt x="4853637" y="6685355"/>
                </a:lnTo>
                <a:close/>
                <a:moveTo>
                  <a:pt x="4730134" y="6685355"/>
                </a:moveTo>
                <a:lnTo>
                  <a:pt x="4730134" y="6685799"/>
                </a:lnTo>
                <a:lnTo>
                  <a:pt x="4730579" y="6685799"/>
                </a:lnTo>
                <a:lnTo>
                  <a:pt x="4730579" y="6685355"/>
                </a:lnTo>
                <a:close/>
                <a:moveTo>
                  <a:pt x="4484020" y="6685355"/>
                </a:moveTo>
                <a:lnTo>
                  <a:pt x="4484020" y="6685799"/>
                </a:lnTo>
                <a:lnTo>
                  <a:pt x="4484464" y="6685799"/>
                </a:lnTo>
                <a:lnTo>
                  <a:pt x="4484464" y="6685355"/>
                </a:lnTo>
                <a:close/>
                <a:moveTo>
                  <a:pt x="4360962" y="6685355"/>
                </a:moveTo>
                <a:lnTo>
                  <a:pt x="4360962" y="6685799"/>
                </a:lnTo>
                <a:lnTo>
                  <a:pt x="4361406" y="6685799"/>
                </a:lnTo>
                <a:lnTo>
                  <a:pt x="4361406" y="6685355"/>
                </a:lnTo>
                <a:close/>
                <a:moveTo>
                  <a:pt x="4237905" y="6685355"/>
                </a:moveTo>
                <a:lnTo>
                  <a:pt x="4237905" y="6685799"/>
                </a:lnTo>
                <a:lnTo>
                  <a:pt x="4238349" y="6685799"/>
                </a:lnTo>
                <a:lnTo>
                  <a:pt x="4238349" y="6685355"/>
                </a:lnTo>
                <a:close/>
                <a:moveTo>
                  <a:pt x="4114848" y="6685355"/>
                </a:moveTo>
                <a:lnTo>
                  <a:pt x="4114848" y="6685799"/>
                </a:lnTo>
                <a:lnTo>
                  <a:pt x="4115292" y="6685799"/>
                </a:lnTo>
                <a:lnTo>
                  <a:pt x="4115292" y="6685355"/>
                </a:lnTo>
                <a:close/>
                <a:moveTo>
                  <a:pt x="3991568" y="6685170"/>
                </a:moveTo>
                <a:lnTo>
                  <a:pt x="3991568" y="6686022"/>
                </a:lnTo>
                <a:lnTo>
                  <a:pt x="3992420" y="6686022"/>
                </a:lnTo>
                <a:lnTo>
                  <a:pt x="3992420" y="6685170"/>
                </a:lnTo>
                <a:close/>
                <a:moveTo>
                  <a:pt x="3868511" y="6685170"/>
                </a:moveTo>
                <a:lnTo>
                  <a:pt x="3868511" y="6686022"/>
                </a:lnTo>
                <a:lnTo>
                  <a:pt x="3869363" y="6686022"/>
                </a:lnTo>
                <a:lnTo>
                  <a:pt x="3869363" y="6685170"/>
                </a:lnTo>
                <a:close/>
                <a:moveTo>
                  <a:pt x="3745231" y="6684948"/>
                </a:moveTo>
                <a:lnTo>
                  <a:pt x="3745231" y="6686244"/>
                </a:lnTo>
                <a:lnTo>
                  <a:pt x="3746527" y="6686244"/>
                </a:lnTo>
                <a:lnTo>
                  <a:pt x="3746527" y="6684948"/>
                </a:lnTo>
                <a:close/>
                <a:moveTo>
                  <a:pt x="3621730" y="6684504"/>
                </a:moveTo>
                <a:lnTo>
                  <a:pt x="3621730" y="6686689"/>
                </a:lnTo>
                <a:lnTo>
                  <a:pt x="3623915" y="6686689"/>
                </a:lnTo>
                <a:lnTo>
                  <a:pt x="3623915" y="6684504"/>
                </a:lnTo>
                <a:close/>
                <a:moveTo>
                  <a:pt x="3498228" y="6684059"/>
                </a:moveTo>
                <a:lnTo>
                  <a:pt x="3498228" y="6687096"/>
                </a:lnTo>
                <a:lnTo>
                  <a:pt x="3501265" y="6687096"/>
                </a:lnTo>
                <a:lnTo>
                  <a:pt x="3501265" y="6684059"/>
                </a:lnTo>
                <a:close/>
                <a:moveTo>
                  <a:pt x="3374541" y="6683430"/>
                </a:moveTo>
                <a:lnTo>
                  <a:pt x="3374541" y="6687763"/>
                </a:lnTo>
                <a:lnTo>
                  <a:pt x="3378874" y="6687763"/>
                </a:lnTo>
                <a:lnTo>
                  <a:pt x="3378874" y="6683430"/>
                </a:lnTo>
                <a:close/>
                <a:moveTo>
                  <a:pt x="3250595" y="6682541"/>
                </a:moveTo>
                <a:lnTo>
                  <a:pt x="3250595" y="6688614"/>
                </a:lnTo>
                <a:lnTo>
                  <a:pt x="3256668" y="6688614"/>
                </a:lnTo>
                <a:lnTo>
                  <a:pt x="3256668" y="6682541"/>
                </a:lnTo>
                <a:close/>
                <a:moveTo>
                  <a:pt x="3126686" y="6681689"/>
                </a:moveTo>
                <a:lnTo>
                  <a:pt x="3126686" y="6689503"/>
                </a:lnTo>
                <a:lnTo>
                  <a:pt x="3134500" y="6689503"/>
                </a:lnTo>
                <a:lnTo>
                  <a:pt x="3134500" y="6681689"/>
                </a:lnTo>
                <a:close/>
                <a:moveTo>
                  <a:pt x="3002296" y="6680393"/>
                </a:moveTo>
                <a:lnTo>
                  <a:pt x="3002296" y="6690799"/>
                </a:lnTo>
                <a:lnTo>
                  <a:pt x="3012702" y="6690799"/>
                </a:lnTo>
                <a:lnTo>
                  <a:pt x="3012702" y="6680393"/>
                </a:lnTo>
                <a:close/>
                <a:moveTo>
                  <a:pt x="2877942" y="6679060"/>
                </a:moveTo>
                <a:lnTo>
                  <a:pt x="2877942" y="6692096"/>
                </a:lnTo>
                <a:lnTo>
                  <a:pt x="2890977" y="6692096"/>
                </a:lnTo>
                <a:lnTo>
                  <a:pt x="2890977" y="6679060"/>
                </a:lnTo>
                <a:close/>
                <a:moveTo>
                  <a:pt x="2753144" y="6677319"/>
                </a:moveTo>
                <a:lnTo>
                  <a:pt x="2753144" y="6693835"/>
                </a:lnTo>
                <a:lnTo>
                  <a:pt x="2769660" y="6693835"/>
                </a:lnTo>
                <a:lnTo>
                  <a:pt x="2769660" y="6677319"/>
                </a:lnTo>
                <a:close/>
                <a:moveTo>
                  <a:pt x="2628124" y="6675394"/>
                </a:moveTo>
                <a:lnTo>
                  <a:pt x="2628124" y="6695798"/>
                </a:lnTo>
                <a:lnTo>
                  <a:pt x="2648529" y="6695798"/>
                </a:lnTo>
                <a:lnTo>
                  <a:pt x="2648529" y="6675394"/>
                </a:lnTo>
                <a:close/>
                <a:moveTo>
                  <a:pt x="2502882" y="6673209"/>
                </a:moveTo>
                <a:lnTo>
                  <a:pt x="2502882" y="6697983"/>
                </a:lnTo>
                <a:lnTo>
                  <a:pt x="2527656" y="6697983"/>
                </a:lnTo>
                <a:lnTo>
                  <a:pt x="2527656" y="6673209"/>
                </a:lnTo>
                <a:close/>
                <a:moveTo>
                  <a:pt x="2377455" y="6670839"/>
                </a:moveTo>
                <a:lnTo>
                  <a:pt x="2377455" y="6700390"/>
                </a:lnTo>
                <a:lnTo>
                  <a:pt x="2407006" y="6700390"/>
                </a:lnTo>
                <a:lnTo>
                  <a:pt x="2407006" y="6670839"/>
                </a:lnTo>
                <a:close/>
                <a:moveTo>
                  <a:pt x="2251768" y="6668210"/>
                </a:moveTo>
                <a:lnTo>
                  <a:pt x="2251768" y="6702946"/>
                </a:lnTo>
                <a:lnTo>
                  <a:pt x="2286504" y="6702946"/>
                </a:lnTo>
                <a:lnTo>
                  <a:pt x="2286504" y="6668210"/>
                </a:lnTo>
                <a:close/>
                <a:moveTo>
                  <a:pt x="2125896" y="6665395"/>
                </a:moveTo>
                <a:lnTo>
                  <a:pt x="2125896" y="6705797"/>
                </a:lnTo>
                <a:lnTo>
                  <a:pt x="2166298" y="6705797"/>
                </a:lnTo>
                <a:lnTo>
                  <a:pt x="2166298" y="6665395"/>
                </a:lnTo>
                <a:close/>
                <a:moveTo>
                  <a:pt x="2000025" y="6662581"/>
                </a:moveTo>
                <a:lnTo>
                  <a:pt x="2000025" y="6708612"/>
                </a:lnTo>
                <a:lnTo>
                  <a:pt x="2046056" y="6708612"/>
                </a:lnTo>
                <a:lnTo>
                  <a:pt x="2046056" y="6662581"/>
                </a:lnTo>
                <a:close/>
                <a:moveTo>
                  <a:pt x="1873931" y="6659544"/>
                </a:moveTo>
                <a:lnTo>
                  <a:pt x="1873931" y="6711648"/>
                </a:lnTo>
                <a:lnTo>
                  <a:pt x="1926035" y="6711648"/>
                </a:lnTo>
                <a:lnTo>
                  <a:pt x="1926035" y="6659544"/>
                </a:lnTo>
                <a:close/>
                <a:moveTo>
                  <a:pt x="1747800" y="6656507"/>
                </a:moveTo>
                <a:lnTo>
                  <a:pt x="1747800" y="6714721"/>
                </a:lnTo>
                <a:lnTo>
                  <a:pt x="1806014" y="6714721"/>
                </a:lnTo>
                <a:lnTo>
                  <a:pt x="1806014" y="6656507"/>
                </a:lnTo>
                <a:close/>
                <a:moveTo>
                  <a:pt x="1621483" y="6653249"/>
                </a:moveTo>
                <a:lnTo>
                  <a:pt x="1621483" y="6717981"/>
                </a:lnTo>
                <a:lnTo>
                  <a:pt x="1686215" y="6717981"/>
                </a:lnTo>
                <a:lnTo>
                  <a:pt x="1686215" y="6653249"/>
                </a:lnTo>
                <a:close/>
                <a:moveTo>
                  <a:pt x="1495390" y="6650175"/>
                </a:moveTo>
                <a:lnTo>
                  <a:pt x="1495390" y="6720980"/>
                </a:lnTo>
                <a:lnTo>
                  <a:pt x="1566195" y="6720980"/>
                </a:lnTo>
                <a:lnTo>
                  <a:pt x="1566195" y="6650175"/>
                </a:lnTo>
                <a:close/>
                <a:moveTo>
                  <a:pt x="1369518" y="6647360"/>
                </a:moveTo>
                <a:lnTo>
                  <a:pt x="1369518" y="6723794"/>
                </a:lnTo>
                <a:lnTo>
                  <a:pt x="1445952" y="6723794"/>
                </a:lnTo>
                <a:lnTo>
                  <a:pt x="1445952" y="6647360"/>
                </a:lnTo>
                <a:close/>
                <a:moveTo>
                  <a:pt x="1243646" y="6644546"/>
                </a:moveTo>
                <a:lnTo>
                  <a:pt x="1243646" y="6726646"/>
                </a:lnTo>
                <a:lnTo>
                  <a:pt x="1325746" y="6726646"/>
                </a:lnTo>
                <a:lnTo>
                  <a:pt x="1325746" y="6644546"/>
                </a:lnTo>
                <a:close/>
                <a:moveTo>
                  <a:pt x="1117959" y="6641954"/>
                </a:moveTo>
                <a:lnTo>
                  <a:pt x="1117959" y="6729238"/>
                </a:lnTo>
                <a:lnTo>
                  <a:pt x="1205244" y="6729238"/>
                </a:lnTo>
                <a:lnTo>
                  <a:pt x="1205244" y="6641954"/>
                </a:lnTo>
                <a:close/>
                <a:moveTo>
                  <a:pt x="992532" y="6639547"/>
                </a:moveTo>
                <a:lnTo>
                  <a:pt x="992532" y="6731609"/>
                </a:lnTo>
                <a:lnTo>
                  <a:pt x="1084593" y="6731609"/>
                </a:lnTo>
                <a:lnTo>
                  <a:pt x="1084593" y="6639547"/>
                </a:lnTo>
                <a:close/>
                <a:moveTo>
                  <a:pt x="867290" y="6637362"/>
                </a:moveTo>
                <a:lnTo>
                  <a:pt x="867290" y="6733794"/>
                </a:lnTo>
                <a:lnTo>
                  <a:pt x="963721" y="6733794"/>
                </a:lnTo>
                <a:lnTo>
                  <a:pt x="963721" y="6637362"/>
                </a:lnTo>
                <a:close/>
                <a:moveTo>
                  <a:pt x="742492" y="6635658"/>
                </a:moveTo>
                <a:lnTo>
                  <a:pt x="742492" y="6735570"/>
                </a:lnTo>
                <a:lnTo>
                  <a:pt x="842404" y="6735570"/>
                </a:lnTo>
                <a:lnTo>
                  <a:pt x="842404" y="6635658"/>
                </a:lnTo>
                <a:close/>
                <a:moveTo>
                  <a:pt x="617694" y="6633918"/>
                </a:moveTo>
                <a:lnTo>
                  <a:pt x="617694" y="6737274"/>
                </a:lnTo>
                <a:lnTo>
                  <a:pt x="721050" y="6737274"/>
                </a:lnTo>
                <a:lnTo>
                  <a:pt x="721050" y="6633918"/>
                </a:lnTo>
                <a:close/>
                <a:moveTo>
                  <a:pt x="493526" y="6632807"/>
                </a:moveTo>
                <a:lnTo>
                  <a:pt x="493526" y="6738348"/>
                </a:lnTo>
                <a:lnTo>
                  <a:pt x="599067" y="6738348"/>
                </a:lnTo>
                <a:lnTo>
                  <a:pt x="599067" y="6632807"/>
                </a:lnTo>
                <a:close/>
                <a:moveTo>
                  <a:pt x="369395" y="6631733"/>
                </a:moveTo>
                <a:lnTo>
                  <a:pt x="369395" y="6739459"/>
                </a:lnTo>
                <a:lnTo>
                  <a:pt x="477121" y="6739459"/>
                </a:lnTo>
                <a:lnTo>
                  <a:pt x="477121" y="6631733"/>
                </a:lnTo>
                <a:close/>
                <a:moveTo>
                  <a:pt x="1" y="6631511"/>
                </a:moveTo>
                <a:lnTo>
                  <a:pt x="1" y="6739644"/>
                </a:lnTo>
                <a:lnTo>
                  <a:pt x="108134" y="6739644"/>
                </a:lnTo>
                <a:lnTo>
                  <a:pt x="108134" y="6631511"/>
                </a:lnTo>
                <a:close/>
                <a:moveTo>
                  <a:pt x="245671" y="6631066"/>
                </a:moveTo>
                <a:lnTo>
                  <a:pt x="245671" y="6740088"/>
                </a:lnTo>
                <a:lnTo>
                  <a:pt x="354693" y="6740088"/>
                </a:lnTo>
                <a:lnTo>
                  <a:pt x="354693" y="6631066"/>
                </a:lnTo>
                <a:close/>
                <a:moveTo>
                  <a:pt x="121984" y="6630437"/>
                </a:moveTo>
                <a:lnTo>
                  <a:pt x="121984" y="6740756"/>
                </a:lnTo>
                <a:lnTo>
                  <a:pt x="232302" y="6740756"/>
                </a:lnTo>
                <a:lnTo>
                  <a:pt x="232302" y="6630437"/>
                </a:lnTo>
                <a:close/>
                <a:moveTo>
                  <a:pt x="5714630" y="6562298"/>
                </a:moveTo>
                <a:lnTo>
                  <a:pt x="5714630" y="6562742"/>
                </a:lnTo>
                <a:lnTo>
                  <a:pt x="5715074" y="6562742"/>
                </a:lnTo>
                <a:lnTo>
                  <a:pt x="5715074" y="6562298"/>
                </a:lnTo>
                <a:close/>
                <a:moveTo>
                  <a:pt x="5591573" y="6562298"/>
                </a:moveTo>
                <a:lnTo>
                  <a:pt x="5591573" y="6562742"/>
                </a:lnTo>
                <a:lnTo>
                  <a:pt x="5592018" y="6562742"/>
                </a:lnTo>
                <a:lnTo>
                  <a:pt x="5592018" y="6562298"/>
                </a:lnTo>
                <a:close/>
                <a:moveTo>
                  <a:pt x="5468515" y="6562298"/>
                </a:moveTo>
                <a:lnTo>
                  <a:pt x="5468515" y="6562742"/>
                </a:lnTo>
                <a:lnTo>
                  <a:pt x="5468959" y="6562742"/>
                </a:lnTo>
                <a:lnTo>
                  <a:pt x="5468959" y="6562298"/>
                </a:lnTo>
                <a:close/>
                <a:moveTo>
                  <a:pt x="5345458" y="6562298"/>
                </a:moveTo>
                <a:lnTo>
                  <a:pt x="5345458" y="6562742"/>
                </a:lnTo>
                <a:lnTo>
                  <a:pt x="5345902" y="6562742"/>
                </a:lnTo>
                <a:lnTo>
                  <a:pt x="5345902" y="6562298"/>
                </a:lnTo>
                <a:close/>
                <a:moveTo>
                  <a:pt x="5222401" y="6562298"/>
                </a:moveTo>
                <a:lnTo>
                  <a:pt x="5222401" y="6562742"/>
                </a:lnTo>
                <a:lnTo>
                  <a:pt x="5222845" y="6562742"/>
                </a:lnTo>
                <a:lnTo>
                  <a:pt x="5222845" y="6562298"/>
                </a:lnTo>
                <a:close/>
                <a:moveTo>
                  <a:pt x="5099306" y="6562298"/>
                </a:moveTo>
                <a:lnTo>
                  <a:pt x="5099306" y="6562742"/>
                </a:lnTo>
                <a:lnTo>
                  <a:pt x="5099750" y="6562742"/>
                </a:lnTo>
                <a:lnTo>
                  <a:pt x="5099750" y="6562298"/>
                </a:lnTo>
                <a:close/>
                <a:moveTo>
                  <a:pt x="4976249" y="6562298"/>
                </a:moveTo>
                <a:lnTo>
                  <a:pt x="4976249" y="6562742"/>
                </a:lnTo>
                <a:lnTo>
                  <a:pt x="4976693" y="6562742"/>
                </a:lnTo>
                <a:lnTo>
                  <a:pt x="4976693" y="6562298"/>
                </a:lnTo>
                <a:close/>
                <a:moveTo>
                  <a:pt x="4853192" y="6562298"/>
                </a:moveTo>
                <a:lnTo>
                  <a:pt x="4853192" y="6562742"/>
                </a:lnTo>
                <a:lnTo>
                  <a:pt x="4853637" y="6562742"/>
                </a:lnTo>
                <a:lnTo>
                  <a:pt x="4853637" y="6562298"/>
                </a:lnTo>
                <a:close/>
                <a:moveTo>
                  <a:pt x="4730134" y="6562298"/>
                </a:moveTo>
                <a:lnTo>
                  <a:pt x="4730134" y="6562742"/>
                </a:lnTo>
                <a:lnTo>
                  <a:pt x="4730579" y="6562742"/>
                </a:lnTo>
                <a:lnTo>
                  <a:pt x="4730579" y="6562298"/>
                </a:lnTo>
                <a:close/>
                <a:moveTo>
                  <a:pt x="4360962" y="6562298"/>
                </a:moveTo>
                <a:lnTo>
                  <a:pt x="4360962" y="6562742"/>
                </a:lnTo>
                <a:lnTo>
                  <a:pt x="4361406" y="6562742"/>
                </a:lnTo>
                <a:lnTo>
                  <a:pt x="4361406" y="6562298"/>
                </a:lnTo>
                <a:close/>
                <a:moveTo>
                  <a:pt x="4237905" y="6562298"/>
                </a:moveTo>
                <a:lnTo>
                  <a:pt x="4237905" y="6562742"/>
                </a:lnTo>
                <a:lnTo>
                  <a:pt x="4238349" y="6562742"/>
                </a:lnTo>
                <a:lnTo>
                  <a:pt x="4238349" y="6562298"/>
                </a:lnTo>
                <a:close/>
                <a:moveTo>
                  <a:pt x="4114848" y="6562298"/>
                </a:moveTo>
                <a:lnTo>
                  <a:pt x="4114848" y="6562742"/>
                </a:lnTo>
                <a:lnTo>
                  <a:pt x="4115292" y="6562742"/>
                </a:lnTo>
                <a:lnTo>
                  <a:pt x="4115292" y="6562298"/>
                </a:lnTo>
                <a:close/>
                <a:moveTo>
                  <a:pt x="3991790" y="6562298"/>
                </a:moveTo>
                <a:lnTo>
                  <a:pt x="3991790" y="6562742"/>
                </a:lnTo>
                <a:lnTo>
                  <a:pt x="3992235" y="6562742"/>
                </a:lnTo>
                <a:lnTo>
                  <a:pt x="3992235" y="6562298"/>
                </a:lnTo>
                <a:close/>
                <a:moveTo>
                  <a:pt x="3868511" y="6562113"/>
                </a:moveTo>
                <a:lnTo>
                  <a:pt x="3868511" y="6562965"/>
                </a:lnTo>
                <a:lnTo>
                  <a:pt x="3869363" y="6562965"/>
                </a:lnTo>
                <a:lnTo>
                  <a:pt x="3869363" y="6562113"/>
                </a:lnTo>
                <a:close/>
                <a:moveTo>
                  <a:pt x="3745231" y="6561891"/>
                </a:moveTo>
                <a:lnTo>
                  <a:pt x="3745231" y="6563187"/>
                </a:lnTo>
                <a:lnTo>
                  <a:pt x="3746527" y="6563187"/>
                </a:lnTo>
                <a:lnTo>
                  <a:pt x="3746527" y="6561891"/>
                </a:lnTo>
                <a:close/>
                <a:moveTo>
                  <a:pt x="3621730" y="6561446"/>
                </a:moveTo>
                <a:lnTo>
                  <a:pt x="3621730" y="6563631"/>
                </a:lnTo>
                <a:lnTo>
                  <a:pt x="3623915" y="6563631"/>
                </a:lnTo>
                <a:lnTo>
                  <a:pt x="3623915" y="6561446"/>
                </a:lnTo>
                <a:close/>
                <a:moveTo>
                  <a:pt x="3498228" y="6561002"/>
                </a:moveTo>
                <a:lnTo>
                  <a:pt x="3498228" y="6564039"/>
                </a:lnTo>
                <a:lnTo>
                  <a:pt x="3501265" y="6564039"/>
                </a:lnTo>
                <a:lnTo>
                  <a:pt x="3501265" y="6561002"/>
                </a:lnTo>
                <a:close/>
                <a:moveTo>
                  <a:pt x="3374541" y="6560372"/>
                </a:moveTo>
                <a:lnTo>
                  <a:pt x="3374541" y="6564705"/>
                </a:lnTo>
                <a:lnTo>
                  <a:pt x="3378874" y="6564705"/>
                </a:lnTo>
                <a:lnTo>
                  <a:pt x="3378874" y="6560372"/>
                </a:lnTo>
                <a:close/>
                <a:moveTo>
                  <a:pt x="3250817" y="6559706"/>
                </a:moveTo>
                <a:lnTo>
                  <a:pt x="3250817" y="6565335"/>
                </a:lnTo>
                <a:lnTo>
                  <a:pt x="3256446" y="6565335"/>
                </a:lnTo>
                <a:lnTo>
                  <a:pt x="3256446" y="6559706"/>
                </a:lnTo>
                <a:close/>
                <a:moveTo>
                  <a:pt x="3126871" y="6558854"/>
                </a:moveTo>
                <a:lnTo>
                  <a:pt x="3126871" y="6566223"/>
                </a:lnTo>
                <a:lnTo>
                  <a:pt x="3134240" y="6566223"/>
                </a:lnTo>
                <a:lnTo>
                  <a:pt x="3134240" y="6558854"/>
                </a:lnTo>
                <a:close/>
                <a:moveTo>
                  <a:pt x="3002518" y="6557521"/>
                </a:moveTo>
                <a:lnTo>
                  <a:pt x="3002518" y="6567519"/>
                </a:lnTo>
                <a:lnTo>
                  <a:pt x="3012517" y="6567519"/>
                </a:lnTo>
                <a:lnTo>
                  <a:pt x="3012517" y="6557521"/>
                </a:lnTo>
                <a:close/>
                <a:moveTo>
                  <a:pt x="2878164" y="6556225"/>
                </a:moveTo>
                <a:lnTo>
                  <a:pt x="2878164" y="6568816"/>
                </a:lnTo>
                <a:lnTo>
                  <a:pt x="2890755" y="6568816"/>
                </a:lnTo>
                <a:lnTo>
                  <a:pt x="2890755" y="6556225"/>
                </a:lnTo>
                <a:close/>
                <a:moveTo>
                  <a:pt x="2753366" y="6554484"/>
                </a:moveTo>
                <a:lnTo>
                  <a:pt x="2753366" y="6570556"/>
                </a:lnTo>
                <a:lnTo>
                  <a:pt x="2769438" y="6570556"/>
                </a:lnTo>
                <a:lnTo>
                  <a:pt x="2769438" y="6554484"/>
                </a:lnTo>
                <a:close/>
                <a:moveTo>
                  <a:pt x="2628569" y="6552744"/>
                </a:moveTo>
                <a:lnTo>
                  <a:pt x="2628569" y="6572297"/>
                </a:lnTo>
                <a:lnTo>
                  <a:pt x="2648122" y="6572297"/>
                </a:lnTo>
                <a:lnTo>
                  <a:pt x="2648122" y="6552744"/>
                </a:lnTo>
                <a:close/>
                <a:moveTo>
                  <a:pt x="2503326" y="6550596"/>
                </a:moveTo>
                <a:lnTo>
                  <a:pt x="2503326" y="6574481"/>
                </a:lnTo>
                <a:lnTo>
                  <a:pt x="2527212" y="6574481"/>
                </a:lnTo>
                <a:lnTo>
                  <a:pt x="2527212" y="6550596"/>
                </a:lnTo>
                <a:close/>
                <a:moveTo>
                  <a:pt x="2377899" y="6548189"/>
                </a:moveTo>
                <a:lnTo>
                  <a:pt x="2377899" y="6576852"/>
                </a:lnTo>
                <a:lnTo>
                  <a:pt x="2406562" y="6576852"/>
                </a:lnTo>
                <a:lnTo>
                  <a:pt x="2406562" y="6548189"/>
                </a:lnTo>
                <a:close/>
                <a:moveTo>
                  <a:pt x="2252212" y="6545597"/>
                </a:moveTo>
                <a:lnTo>
                  <a:pt x="2252212" y="6579481"/>
                </a:lnTo>
                <a:lnTo>
                  <a:pt x="2286096" y="6579481"/>
                </a:lnTo>
                <a:lnTo>
                  <a:pt x="2286096" y="6545597"/>
                </a:lnTo>
                <a:close/>
                <a:moveTo>
                  <a:pt x="2126118" y="6542560"/>
                </a:moveTo>
                <a:lnTo>
                  <a:pt x="2126118" y="6582517"/>
                </a:lnTo>
                <a:lnTo>
                  <a:pt x="2166075" y="6582517"/>
                </a:lnTo>
                <a:lnTo>
                  <a:pt x="2166075" y="6542560"/>
                </a:lnTo>
                <a:close/>
                <a:moveTo>
                  <a:pt x="2000247" y="6539746"/>
                </a:moveTo>
                <a:lnTo>
                  <a:pt x="2000247" y="6585333"/>
                </a:lnTo>
                <a:lnTo>
                  <a:pt x="2045833" y="6585333"/>
                </a:lnTo>
                <a:lnTo>
                  <a:pt x="2045833" y="6539746"/>
                </a:lnTo>
                <a:close/>
                <a:moveTo>
                  <a:pt x="1874153" y="6536672"/>
                </a:moveTo>
                <a:lnTo>
                  <a:pt x="1874153" y="6588368"/>
                </a:lnTo>
                <a:lnTo>
                  <a:pt x="1925850" y="6588368"/>
                </a:lnTo>
                <a:lnTo>
                  <a:pt x="1925850" y="6536672"/>
                </a:lnTo>
                <a:close/>
                <a:moveTo>
                  <a:pt x="1747800" y="6533413"/>
                </a:moveTo>
                <a:lnTo>
                  <a:pt x="1747800" y="6591627"/>
                </a:lnTo>
                <a:lnTo>
                  <a:pt x="1806014" y="6591627"/>
                </a:lnTo>
                <a:lnTo>
                  <a:pt x="1806014" y="6533413"/>
                </a:lnTo>
                <a:close/>
                <a:moveTo>
                  <a:pt x="1621706" y="6530376"/>
                </a:moveTo>
                <a:lnTo>
                  <a:pt x="1621706" y="6594664"/>
                </a:lnTo>
                <a:lnTo>
                  <a:pt x="1685994" y="6594664"/>
                </a:lnTo>
                <a:lnTo>
                  <a:pt x="1685994" y="6530376"/>
                </a:lnTo>
                <a:close/>
                <a:moveTo>
                  <a:pt x="1495390" y="6527118"/>
                </a:moveTo>
                <a:lnTo>
                  <a:pt x="1495390" y="6597923"/>
                </a:lnTo>
                <a:lnTo>
                  <a:pt x="1566195" y="6597923"/>
                </a:lnTo>
                <a:lnTo>
                  <a:pt x="1566195" y="6527118"/>
                </a:lnTo>
                <a:close/>
                <a:moveTo>
                  <a:pt x="1369296" y="6524081"/>
                </a:moveTo>
                <a:lnTo>
                  <a:pt x="1369296" y="6600959"/>
                </a:lnTo>
                <a:lnTo>
                  <a:pt x="1446175" y="6600959"/>
                </a:lnTo>
                <a:lnTo>
                  <a:pt x="1446175" y="6524081"/>
                </a:lnTo>
                <a:close/>
                <a:moveTo>
                  <a:pt x="1243424" y="6521267"/>
                </a:moveTo>
                <a:lnTo>
                  <a:pt x="1243424" y="6603774"/>
                </a:lnTo>
                <a:lnTo>
                  <a:pt x="1325931" y="6603774"/>
                </a:lnTo>
                <a:lnTo>
                  <a:pt x="1325931" y="6521267"/>
                </a:lnTo>
                <a:close/>
                <a:moveTo>
                  <a:pt x="1117737" y="6518674"/>
                </a:moveTo>
                <a:lnTo>
                  <a:pt x="1117737" y="6606403"/>
                </a:lnTo>
                <a:lnTo>
                  <a:pt x="1205466" y="6606403"/>
                </a:lnTo>
                <a:lnTo>
                  <a:pt x="1205466" y="6518674"/>
                </a:lnTo>
                <a:close/>
                <a:moveTo>
                  <a:pt x="992310" y="6516267"/>
                </a:moveTo>
                <a:lnTo>
                  <a:pt x="992310" y="6608773"/>
                </a:lnTo>
                <a:lnTo>
                  <a:pt x="1084816" y="6608773"/>
                </a:lnTo>
                <a:lnTo>
                  <a:pt x="1084816" y="6516267"/>
                </a:lnTo>
                <a:close/>
                <a:moveTo>
                  <a:pt x="867068" y="6514119"/>
                </a:moveTo>
                <a:lnTo>
                  <a:pt x="867068" y="6610958"/>
                </a:lnTo>
                <a:lnTo>
                  <a:pt x="963907" y="6610958"/>
                </a:lnTo>
                <a:lnTo>
                  <a:pt x="963907" y="6514119"/>
                </a:lnTo>
                <a:close/>
                <a:moveTo>
                  <a:pt x="742270" y="6512379"/>
                </a:moveTo>
                <a:lnTo>
                  <a:pt x="742270" y="6612699"/>
                </a:lnTo>
                <a:lnTo>
                  <a:pt x="842590" y="6612699"/>
                </a:lnTo>
                <a:lnTo>
                  <a:pt x="842590" y="6512379"/>
                </a:lnTo>
                <a:close/>
                <a:moveTo>
                  <a:pt x="617694" y="6510861"/>
                </a:moveTo>
                <a:lnTo>
                  <a:pt x="617694" y="6614217"/>
                </a:lnTo>
                <a:lnTo>
                  <a:pt x="721050" y="6614217"/>
                </a:lnTo>
                <a:lnTo>
                  <a:pt x="721050" y="6510861"/>
                </a:lnTo>
                <a:close/>
                <a:moveTo>
                  <a:pt x="493341" y="6509527"/>
                </a:moveTo>
                <a:lnTo>
                  <a:pt x="493341" y="6615513"/>
                </a:lnTo>
                <a:lnTo>
                  <a:pt x="599327" y="6615513"/>
                </a:lnTo>
                <a:lnTo>
                  <a:pt x="599327" y="6509527"/>
                </a:lnTo>
                <a:close/>
                <a:moveTo>
                  <a:pt x="369395" y="6508676"/>
                </a:moveTo>
                <a:lnTo>
                  <a:pt x="369395" y="6616402"/>
                </a:lnTo>
                <a:lnTo>
                  <a:pt x="477121" y="6616402"/>
                </a:lnTo>
                <a:lnTo>
                  <a:pt x="477121" y="6508676"/>
                </a:lnTo>
                <a:close/>
                <a:moveTo>
                  <a:pt x="1" y="6508453"/>
                </a:moveTo>
                <a:lnTo>
                  <a:pt x="1" y="6616586"/>
                </a:lnTo>
                <a:lnTo>
                  <a:pt x="108134" y="6616586"/>
                </a:lnTo>
                <a:lnTo>
                  <a:pt x="108134" y="6508453"/>
                </a:lnTo>
                <a:close/>
                <a:moveTo>
                  <a:pt x="245486" y="6507787"/>
                </a:moveTo>
                <a:lnTo>
                  <a:pt x="245486" y="6617254"/>
                </a:lnTo>
                <a:lnTo>
                  <a:pt x="354953" y="6617254"/>
                </a:lnTo>
                <a:lnTo>
                  <a:pt x="354953" y="6507787"/>
                </a:lnTo>
                <a:close/>
                <a:moveTo>
                  <a:pt x="121984" y="6507380"/>
                </a:moveTo>
                <a:lnTo>
                  <a:pt x="121984" y="6617698"/>
                </a:lnTo>
                <a:lnTo>
                  <a:pt x="232302" y="6617698"/>
                </a:lnTo>
                <a:lnTo>
                  <a:pt x="232302" y="6507380"/>
                </a:lnTo>
                <a:close/>
                <a:moveTo>
                  <a:pt x="5714630" y="6439241"/>
                </a:moveTo>
                <a:lnTo>
                  <a:pt x="5714630" y="6439686"/>
                </a:lnTo>
                <a:lnTo>
                  <a:pt x="5715074" y="6439686"/>
                </a:lnTo>
                <a:lnTo>
                  <a:pt x="5715074" y="6439241"/>
                </a:lnTo>
                <a:close/>
                <a:moveTo>
                  <a:pt x="5591573" y="6439241"/>
                </a:moveTo>
                <a:lnTo>
                  <a:pt x="5591573" y="6439686"/>
                </a:lnTo>
                <a:lnTo>
                  <a:pt x="5592018" y="6439686"/>
                </a:lnTo>
                <a:lnTo>
                  <a:pt x="5592018" y="6439241"/>
                </a:lnTo>
                <a:close/>
                <a:moveTo>
                  <a:pt x="5468515" y="6439241"/>
                </a:moveTo>
                <a:lnTo>
                  <a:pt x="5468515" y="6439686"/>
                </a:lnTo>
                <a:lnTo>
                  <a:pt x="5468959" y="6439686"/>
                </a:lnTo>
                <a:lnTo>
                  <a:pt x="5468959" y="6439241"/>
                </a:lnTo>
                <a:close/>
                <a:moveTo>
                  <a:pt x="5345458" y="6439241"/>
                </a:moveTo>
                <a:lnTo>
                  <a:pt x="5345458" y="6439686"/>
                </a:lnTo>
                <a:lnTo>
                  <a:pt x="5345902" y="6439686"/>
                </a:lnTo>
                <a:lnTo>
                  <a:pt x="5345902" y="6439241"/>
                </a:lnTo>
                <a:close/>
                <a:moveTo>
                  <a:pt x="5222401" y="6439241"/>
                </a:moveTo>
                <a:lnTo>
                  <a:pt x="5222401" y="6439686"/>
                </a:lnTo>
                <a:lnTo>
                  <a:pt x="5222845" y="6439686"/>
                </a:lnTo>
                <a:lnTo>
                  <a:pt x="5222845" y="6439241"/>
                </a:lnTo>
                <a:close/>
                <a:moveTo>
                  <a:pt x="5099306" y="6439241"/>
                </a:moveTo>
                <a:lnTo>
                  <a:pt x="5099306" y="6439686"/>
                </a:lnTo>
                <a:lnTo>
                  <a:pt x="5099750" y="6439686"/>
                </a:lnTo>
                <a:lnTo>
                  <a:pt x="5099750" y="6439241"/>
                </a:lnTo>
                <a:close/>
                <a:moveTo>
                  <a:pt x="4976249" y="6439241"/>
                </a:moveTo>
                <a:lnTo>
                  <a:pt x="4976249" y="6439686"/>
                </a:lnTo>
                <a:lnTo>
                  <a:pt x="4976693" y="6439686"/>
                </a:lnTo>
                <a:lnTo>
                  <a:pt x="4976693" y="6439241"/>
                </a:lnTo>
                <a:close/>
                <a:moveTo>
                  <a:pt x="4853192" y="6439241"/>
                </a:moveTo>
                <a:lnTo>
                  <a:pt x="4853192" y="6439686"/>
                </a:lnTo>
                <a:lnTo>
                  <a:pt x="4853637" y="6439686"/>
                </a:lnTo>
                <a:lnTo>
                  <a:pt x="4853637" y="6439241"/>
                </a:lnTo>
                <a:close/>
                <a:moveTo>
                  <a:pt x="4730134" y="6439241"/>
                </a:moveTo>
                <a:lnTo>
                  <a:pt x="4730134" y="6439686"/>
                </a:lnTo>
                <a:lnTo>
                  <a:pt x="4730579" y="6439686"/>
                </a:lnTo>
                <a:lnTo>
                  <a:pt x="4730579" y="6439241"/>
                </a:lnTo>
                <a:close/>
                <a:moveTo>
                  <a:pt x="4360962" y="6439241"/>
                </a:moveTo>
                <a:lnTo>
                  <a:pt x="4360962" y="6439686"/>
                </a:lnTo>
                <a:lnTo>
                  <a:pt x="4361406" y="6439686"/>
                </a:lnTo>
                <a:lnTo>
                  <a:pt x="4361406" y="6439241"/>
                </a:lnTo>
                <a:close/>
                <a:moveTo>
                  <a:pt x="4237905" y="6439241"/>
                </a:moveTo>
                <a:lnTo>
                  <a:pt x="4237905" y="6439686"/>
                </a:lnTo>
                <a:lnTo>
                  <a:pt x="4238349" y="6439686"/>
                </a:lnTo>
                <a:lnTo>
                  <a:pt x="4238349" y="6439241"/>
                </a:lnTo>
                <a:close/>
                <a:moveTo>
                  <a:pt x="4114848" y="6439241"/>
                </a:moveTo>
                <a:lnTo>
                  <a:pt x="4114848" y="6439686"/>
                </a:lnTo>
                <a:lnTo>
                  <a:pt x="4115292" y="6439686"/>
                </a:lnTo>
                <a:lnTo>
                  <a:pt x="4115292" y="6439241"/>
                </a:lnTo>
                <a:close/>
                <a:moveTo>
                  <a:pt x="3991790" y="6439241"/>
                </a:moveTo>
                <a:lnTo>
                  <a:pt x="3991790" y="6439686"/>
                </a:lnTo>
                <a:lnTo>
                  <a:pt x="3992235" y="6439686"/>
                </a:lnTo>
                <a:lnTo>
                  <a:pt x="3992235" y="6439241"/>
                </a:lnTo>
                <a:close/>
                <a:moveTo>
                  <a:pt x="3868511" y="6439018"/>
                </a:moveTo>
                <a:lnTo>
                  <a:pt x="3868511" y="6439870"/>
                </a:lnTo>
                <a:lnTo>
                  <a:pt x="3869363" y="6439870"/>
                </a:lnTo>
                <a:lnTo>
                  <a:pt x="3869363" y="6439018"/>
                </a:lnTo>
                <a:close/>
                <a:moveTo>
                  <a:pt x="3745231" y="6438833"/>
                </a:moveTo>
                <a:lnTo>
                  <a:pt x="3745231" y="6440129"/>
                </a:lnTo>
                <a:lnTo>
                  <a:pt x="3746527" y="6440129"/>
                </a:lnTo>
                <a:lnTo>
                  <a:pt x="3746527" y="6438833"/>
                </a:lnTo>
                <a:close/>
                <a:moveTo>
                  <a:pt x="3621952" y="6438611"/>
                </a:moveTo>
                <a:lnTo>
                  <a:pt x="3621952" y="6440351"/>
                </a:lnTo>
                <a:lnTo>
                  <a:pt x="3623692" y="6440351"/>
                </a:lnTo>
                <a:lnTo>
                  <a:pt x="3623692" y="6438611"/>
                </a:lnTo>
                <a:close/>
                <a:moveTo>
                  <a:pt x="3498450" y="6438167"/>
                </a:moveTo>
                <a:lnTo>
                  <a:pt x="3498450" y="6440759"/>
                </a:lnTo>
                <a:lnTo>
                  <a:pt x="3501042" y="6440759"/>
                </a:lnTo>
                <a:lnTo>
                  <a:pt x="3501042" y="6438167"/>
                </a:lnTo>
                <a:close/>
                <a:moveTo>
                  <a:pt x="3374726" y="6437500"/>
                </a:moveTo>
                <a:lnTo>
                  <a:pt x="3374726" y="6441425"/>
                </a:lnTo>
                <a:lnTo>
                  <a:pt x="3378651" y="6441425"/>
                </a:lnTo>
                <a:lnTo>
                  <a:pt x="3378651" y="6437500"/>
                </a:lnTo>
                <a:close/>
                <a:moveTo>
                  <a:pt x="3251039" y="6436871"/>
                </a:moveTo>
                <a:lnTo>
                  <a:pt x="3251039" y="6442093"/>
                </a:lnTo>
                <a:lnTo>
                  <a:pt x="3256261" y="6442093"/>
                </a:lnTo>
                <a:lnTo>
                  <a:pt x="3256261" y="6436871"/>
                </a:lnTo>
                <a:close/>
                <a:moveTo>
                  <a:pt x="3127093" y="6435982"/>
                </a:moveTo>
                <a:lnTo>
                  <a:pt x="3127093" y="6442944"/>
                </a:lnTo>
                <a:lnTo>
                  <a:pt x="3134055" y="6442944"/>
                </a:lnTo>
                <a:lnTo>
                  <a:pt x="3134055" y="6435982"/>
                </a:lnTo>
                <a:close/>
                <a:moveTo>
                  <a:pt x="3002962" y="6434908"/>
                </a:moveTo>
                <a:lnTo>
                  <a:pt x="3002962" y="6444018"/>
                </a:lnTo>
                <a:lnTo>
                  <a:pt x="3012072" y="6444018"/>
                </a:lnTo>
                <a:lnTo>
                  <a:pt x="3012072" y="6434908"/>
                </a:lnTo>
                <a:close/>
                <a:moveTo>
                  <a:pt x="2878386" y="6433390"/>
                </a:moveTo>
                <a:lnTo>
                  <a:pt x="2878386" y="6445536"/>
                </a:lnTo>
                <a:lnTo>
                  <a:pt x="2890533" y="6445536"/>
                </a:lnTo>
                <a:lnTo>
                  <a:pt x="2890533" y="6433390"/>
                </a:lnTo>
                <a:close/>
                <a:moveTo>
                  <a:pt x="2753811" y="6431871"/>
                </a:moveTo>
                <a:lnTo>
                  <a:pt x="2753811" y="6447054"/>
                </a:lnTo>
                <a:lnTo>
                  <a:pt x="2768994" y="6447054"/>
                </a:lnTo>
                <a:lnTo>
                  <a:pt x="2768994" y="6431871"/>
                </a:lnTo>
                <a:close/>
                <a:moveTo>
                  <a:pt x="2629013" y="6430131"/>
                </a:moveTo>
                <a:lnTo>
                  <a:pt x="2629013" y="6448795"/>
                </a:lnTo>
                <a:lnTo>
                  <a:pt x="2647677" y="6448795"/>
                </a:lnTo>
                <a:lnTo>
                  <a:pt x="2647677" y="6430131"/>
                </a:lnTo>
                <a:close/>
                <a:moveTo>
                  <a:pt x="2503549" y="6427761"/>
                </a:moveTo>
                <a:lnTo>
                  <a:pt x="2503549" y="6451202"/>
                </a:lnTo>
                <a:lnTo>
                  <a:pt x="2526990" y="6451202"/>
                </a:lnTo>
                <a:lnTo>
                  <a:pt x="2526990" y="6427761"/>
                </a:lnTo>
                <a:close/>
                <a:moveTo>
                  <a:pt x="2378084" y="6425354"/>
                </a:moveTo>
                <a:lnTo>
                  <a:pt x="2378084" y="6453573"/>
                </a:lnTo>
                <a:lnTo>
                  <a:pt x="2406302" y="6453573"/>
                </a:lnTo>
                <a:lnTo>
                  <a:pt x="2406302" y="6425354"/>
                </a:lnTo>
                <a:close/>
                <a:moveTo>
                  <a:pt x="2252435" y="6422761"/>
                </a:moveTo>
                <a:lnTo>
                  <a:pt x="2252435" y="6456201"/>
                </a:lnTo>
                <a:lnTo>
                  <a:pt x="2285875" y="6456201"/>
                </a:lnTo>
                <a:lnTo>
                  <a:pt x="2285875" y="6422761"/>
                </a:lnTo>
                <a:close/>
                <a:moveTo>
                  <a:pt x="2126563" y="6419910"/>
                </a:moveTo>
                <a:lnTo>
                  <a:pt x="2126563" y="6459016"/>
                </a:lnTo>
                <a:lnTo>
                  <a:pt x="2165669" y="6459016"/>
                </a:lnTo>
                <a:lnTo>
                  <a:pt x="2165669" y="6419910"/>
                </a:lnTo>
                <a:close/>
                <a:moveTo>
                  <a:pt x="2000469" y="6416873"/>
                </a:moveTo>
                <a:lnTo>
                  <a:pt x="2000469" y="6462052"/>
                </a:lnTo>
                <a:lnTo>
                  <a:pt x="2045648" y="6462052"/>
                </a:lnTo>
                <a:lnTo>
                  <a:pt x="2045648" y="6416873"/>
                </a:lnTo>
                <a:close/>
                <a:moveTo>
                  <a:pt x="1874338" y="6413837"/>
                </a:moveTo>
                <a:lnTo>
                  <a:pt x="1874338" y="6465089"/>
                </a:lnTo>
                <a:lnTo>
                  <a:pt x="1925590" y="6465089"/>
                </a:lnTo>
                <a:lnTo>
                  <a:pt x="1925590" y="6413837"/>
                </a:lnTo>
                <a:close/>
                <a:moveTo>
                  <a:pt x="1748022" y="6410578"/>
                </a:moveTo>
                <a:lnTo>
                  <a:pt x="1748022" y="6468348"/>
                </a:lnTo>
                <a:lnTo>
                  <a:pt x="1805792" y="6468348"/>
                </a:lnTo>
                <a:lnTo>
                  <a:pt x="1805792" y="6410578"/>
                </a:lnTo>
                <a:close/>
                <a:moveTo>
                  <a:pt x="1621706" y="6407319"/>
                </a:moveTo>
                <a:lnTo>
                  <a:pt x="1621706" y="6471607"/>
                </a:lnTo>
                <a:lnTo>
                  <a:pt x="1685994" y="6471607"/>
                </a:lnTo>
                <a:lnTo>
                  <a:pt x="1685994" y="6407319"/>
                </a:lnTo>
                <a:close/>
                <a:moveTo>
                  <a:pt x="1495390" y="6404060"/>
                </a:moveTo>
                <a:lnTo>
                  <a:pt x="1495390" y="6474865"/>
                </a:lnTo>
                <a:lnTo>
                  <a:pt x="1566195" y="6474865"/>
                </a:lnTo>
                <a:lnTo>
                  <a:pt x="1566195" y="6404060"/>
                </a:lnTo>
                <a:close/>
                <a:moveTo>
                  <a:pt x="1369296" y="6401024"/>
                </a:moveTo>
                <a:lnTo>
                  <a:pt x="1369296" y="6477902"/>
                </a:lnTo>
                <a:lnTo>
                  <a:pt x="1446175" y="6477902"/>
                </a:lnTo>
                <a:lnTo>
                  <a:pt x="1446175" y="6401024"/>
                </a:lnTo>
                <a:close/>
                <a:moveTo>
                  <a:pt x="1243424" y="6398209"/>
                </a:moveTo>
                <a:lnTo>
                  <a:pt x="1243424" y="6480716"/>
                </a:lnTo>
                <a:lnTo>
                  <a:pt x="1325931" y="6480716"/>
                </a:lnTo>
                <a:lnTo>
                  <a:pt x="1325931" y="6398209"/>
                </a:lnTo>
                <a:close/>
                <a:moveTo>
                  <a:pt x="1117515" y="6395395"/>
                </a:moveTo>
                <a:lnTo>
                  <a:pt x="1117515" y="6483568"/>
                </a:lnTo>
                <a:lnTo>
                  <a:pt x="1205688" y="6483568"/>
                </a:lnTo>
                <a:lnTo>
                  <a:pt x="1205688" y="6395395"/>
                </a:lnTo>
                <a:close/>
                <a:moveTo>
                  <a:pt x="992088" y="6392988"/>
                </a:moveTo>
                <a:lnTo>
                  <a:pt x="992088" y="6485938"/>
                </a:lnTo>
                <a:lnTo>
                  <a:pt x="1085038" y="6485938"/>
                </a:lnTo>
                <a:lnTo>
                  <a:pt x="1085038" y="6392988"/>
                </a:lnTo>
                <a:close/>
                <a:moveTo>
                  <a:pt x="866845" y="6390840"/>
                </a:moveTo>
                <a:lnTo>
                  <a:pt x="866845" y="6488123"/>
                </a:lnTo>
                <a:lnTo>
                  <a:pt x="964128" y="6488123"/>
                </a:lnTo>
                <a:lnTo>
                  <a:pt x="964128" y="6390840"/>
                </a:lnTo>
                <a:close/>
                <a:moveTo>
                  <a:pt x="742048" y="6389099"/>
                </a:moveTo>
                <a:lnTo>
                  <a:pt x="742048" y="6489863"/>
                </a:lnTo>
                <a:lnTo>
                  <a:pt x="842812" y="6489863"/>
                </a:lnTo>
                <a:lnTo>
                  <a:pt x="842812" y="6389099"/>
                </a:lnTo>
                <a:close/>
                <a:moveTo>
                  <a:pt x="617472" y="6387581"/>
                </a:moveTo>
                <a:lnTo>
                  <a:pt x="617472" y="6491382"/>
                </a:lnTo>
                <a:lnTo>
                  <a:pt x="721273" y="6491382"/>
                </a:lnTo>
                <a:lnTo>
                  <a:pt x="721273" y="6387581"/>
                </a:lnTo>
                <a:close/>
                <a:moveTo>
                  <a:pt x="493119" y="6386248"/>
                </a:moveTo>
                <a:lnTo>
                  <a:pt x="493119" y="6492641"/>
                </a:lnTo>
                <a:lnTo>
                  <a:pt x="599512" y="6492641"/>
                </a:lnTo>
                <a:lnTo>
                  <a:pt x="599512" y="6386248"/>
                </a:lnTo>
                <a:close/>
                <a:moveTo>
                  <a:pt x="369172" y="6385396"/>
                </a:moveTo>
                <a:lnTo>
                  <a:pt x="369172" y="6493529"/>
                </a:lnTo>
                <a:lnTo>
                  <a:pt x="477305" y="6493529"/>
                </a:lnTo>
                <a:lnTo>
                  <a:pt x="477305" y="6385396"/>
                </a:lnTo>
                <a:close/>
                <a:moveTo>
                  <a:pt x="1" y="6385396"/>
                </a:moveTo>
                <a:lnTo>
                  <a:pt x="1" y="6493529"/>
                </a:lnTo>
                <a:lnTo>
                  <a:pt x="108134" y="6493529"/>
                </a:lnTo>
                <a:lnTo>
                  <a:pt x="108134" y="6385396"/>
                </a:lnTo>
                <a:close/>
                <a:moveTo>
                  <a:pt x="245486" y="6384730"/>
                </a:moveTo>
                <a:lnTo>
                  <a:pt x="245486" y="6494197"/>
                </a:lnTo>
                <a:lnTo>
                  <a:pt x="354953" y="6494197"/>
                </a:lnTo>
                <a:lnTo>
                  <a:pt x="354953" y="6384730"/>
                </a:lnTo>
                <a:close/>
                <a:moveTo>
                  <a:pt x="121984" y="6384322"/>
                </a:moveTo>
                <a:lnTo>
                  <a:pt x="121984" y="6494640"/>
                </a:lnTo>
                <a:lnTo>
                  <a:pt x="232302" y="6494640"/>
                </a:lnTo>
                <a:lnTo>
                  <a:pt x="232302" y="6384322"/>
                </a:lnTo>
                <a:close/>
                <a:moveTo>
                  <a:pt x="5714630" y="6316183"/>
                </a:moveTo>
                <a:lnTo>
                  <a:pt x="5714630" y="6316627"/>
                </a:lnTo>
                <a:lnTo>
                  <a:pt x="5715074" y="6316627"/>
                </a:lnTo>
                <a:lnTo>
                  <a:pt x="5715074" y="6316183"/>
                </a:lnTo>
                <a:close/>
                <a:moveTo>
                  <a:pt x="5591573" y="6316183"/>
                </a:moveTo>
                <a:lnTo>
                  <a:pt x="5591573" y="6316627"/>
                </a:lnTo>
                <a:lnTo>
                  <a:pt x="5592018" y="6316627"/>
                </a:lnTo>
                <a:lnTo>
                  <a:pt x="5592018" y="6316183"/>
                </a:lnTo>
                <a:close/>
                <a:moveTo>
                  <a:pt x="5468515" y="6316183"/>
                </a:moveTo>
                <a:lnTo>
                  <a:pt x="5468515" y="6316627"/>
                </a:lnTo>
                <a:lnTo>
                  <a:pt x="5468959" y="6316627"/>
                </a:lnTo>
                <a:lnTo>
                  <a:pt x="5468959" y="6316183"/>
                </a:lnTo>
                <a:close/>
                <a:moveTo>
                  <a:pt x="5345458" y="6316183"/>
                </a:moveTo>
                <a:lnTo>
                  <a:pt x="5345458" y="6316627"/>
                </a:lnTo>
                <a:lnTo>
                  <a:pt x="5345902" y="6316627"/>
                </a:lnTo>
                <a:lnTo>
                  <a:pt x="5345902" y="6316183"/>
                </a:lnTo>
                <a:close/>
                <a:moveTo>
                  <a:pt x="5222401" y="6316183"/>
                </a:moveTo>
                <a:lnTo>
                  <a:pt x="5222401" y="6316627"/>
                </a:lnTo>
                <a:lnTo>
                  <a:pt x="5222845" y="6316627"/>
                </a:lnTo>
                <a:lnTo>
                  <a:pt x="5222845" y="6316183"/>
                </a:lnTo>
                <a:close/>
                <a:moveTo>
                  <a:pt x="5099306" y="6316183"/>
                </a:moveTo>
                <a:lnTo>
                  <a:pt x="5099306" y="6316627"/>
                </a:lnTo>
                <a:lnTo>
                  <a:pt x="5099750" y="6316627"/>
                </a:lnTo>
                <a:lnTo>
                  <a:pt x="5099750" y="6316183"/>
                </a:lnTo>
                <a:close/>
                <a:moveTo>
                  <a:pt x="4976249" y="6316183"/>
                </a:moveTo>
                <a:lnTo>
                  <a:pt x="4976249" y="6316627"/>
                </a:lnTo>
                <a:lnTo>
                  <a:pt x="4976693" y="6316627"/>
                </a:lnTo>
                <a:lnTo>
                  <a:pt x="4976693" y="6316183"/>
                </a:lnTo>
                <a:close/>
                <a:moveTo>
                  <a:pt x="4853192" y="6316183"/>
                </a:moveTo>
                <a:lnTo>
                  <a:pt x="4853192" y="6316627"/>
                </a:lnTo>
                <a:lnTo>
                  <a:pt x="4853637" y="6316627"/>
                </a:lnTo>
                <a:lnTo>
                  <a:pt x="4853637" y="6316183"/>
                </a:lnTo>
                <a:close/>
                <a:moveTo>
                  <a:pt x="4730134" y="6316183"/>
                </a:moveTo>
                <a:lnTo>
                  <a:pt x="4730134" y="6316627"/>
                </a:lnTo>
                <a:lnTo>
                  <a:pt x="4730579" y="6316627"/>
                </a:lnTo>
                <a:lnTo>
                  <a:pt x="4730579" y="6316183"/>
                </a:lnTo>
                <a:close/>
                <a:moveTo>
                  <a:pt x="4360962" y="6316183"/>
                </a:moveTo>
                <a:lnTo>
                  <a:pt x="4360962" y="6316627"/>
                </a:lnTo>
                <a:lnTo>
                  <a:pt x="4361406" y="6316627"/>
                </a:lnTo>
                <a:lnTo>
                  <a:pt x="4361406" y="6316183"/>
                </a:lnTo>
                <a:close/>
                <a:moveTo>
                  <a:pt x="4237905" y="6316183"/>
                </a:moveTo>
                <a:lnTo>
                  <a:pt x="4237905" y="6316627"/>
                </a:lnTo>
                <a:lnTo>
                  <a:pt x="4238349" y="6316627"/>
                </a:lnTo>
                <a:lnTo>
                  <a:pt x="4238349" y="6316183"/>
                </a:lnTo>
                <a:close/>
                <a:moveTo>
                  <a:pt x="4114848" y="6316183"/>
                </a:moveTo>
                <a:lnTo>
                  <a:pt x="4114848" y="6316627"/>
                </a:lnTo>
                <a:lnTo>
                  <a:pt x="4115292" y="6316627"/>
                </a:lnTo>
                <a:lnTo>
                  <a:pt x="4115292" y="6316183"/>
                </a:lnTo>
                <a:close/>
                <a:moveTo>
                  <a:pt x="3991790" y="6316183"/>
                </a:moveTo>
                <a:lnTo>
                  <a:pt x="3991790" y="6316627"/>
                </a:lnTo>
                <a:lnTo>
                  <a:pt x="3992235" y="6316627"/>
                </a:lnTo>
                <a:lnTo>
                  <a:pt x="3992235" y="6316183"/>
                </a:lnTo>
                <a:close/>
                <a:moveTo>
                  <a:pt x="3868511" y="6315961"/>
                </a:moveTo>
                <a:lnTo>
                  <a:pt x="3868511" y="6316813"/>
                </a:lnTo>
                <a:lnTo>
                  <a:pt x="3869363" y="6316813"/>
                </a:lnTo>
                <a:lnTo>
                  <a:pt x="3869363" y="6315961"/>
                </a:lnTo>
                <a:close/>
                <a:moveTo>
                  <a:pt x="3745231" y="6315776"/>
                </a:moveTo>
                <a:lnTo>
                  <a:pt x="3745231" y="6317072"/>
                </a:lnTo>
                <a:lnTo>
                  <a:pt x="3746527" y="6317072"/>
                </a:lnTo>
                <a:lnTo>
                  <a:pt x="3746527" y="6315776"/>
                </a:lnTo>
                <a:close/>
                <a:moveTo>
                  <a:pt x="3621952" y="6315554"/>
                </a:moveTo>
                <a:lnTo>
                  <a:pt x="3621952" y="6317294"/>
                </a:lnTo>
                <a:lnTo>
                  <a:pt x="3623692" y="6317294"/>
                </a:lnTo>
                <a:lnTo>
                  <a:pt x="3623692" y="6315554"/>
                </a:lnTo>
                <a:close/>
                <a:moveTo>
                  <a:pt x="3498672" y="6315332"/>
                </a:moveTo>
                <a:lnTo>
                  <a:pt x="3498672" y="6317517"/>
                </a:lnTo>
                <a:lnTo>
                  <a:pt x="3500857" y="6317517"/>
                </a:lnTo>
                <a:lnTo>
                  <a:pt x="3500857" y="6315332"/>
                </a:lnTo>
                <a:close/>
                <a:moveTo>
                  <a:pt x="3374948" y="6314665"/>
                </a:moveTo>
                <a:lnTo>
                  <a:pt x="3374948" y="6318146"/>
                </a:lnTo>
                <a:lnTo>
                  <a:pt x="3378429" y="6318146"/>
                </a:lnTo>
                <a:lnTo>
                  <a:pt x="3378429" y="6314665"/>
                </a:lnTo>
                <a:close/>
                <a:moveTo>
                  <a:pt x="3251262" y="6314035"/>
                </a:moveTo>
                <a:lnTo>
                  <a:pt x="3251262" y="6318812"/>
                </a:lnTo>
                <a:lnTo>
                  <a:pt x="3256039" y="6318812"/>
                </a:lnTo>
                <a:lnTo>
                  <a:pt x="3256039" y="6314035"/>
                </a:lnTo>
                <a:close/>
                <a:moveTo>
                  <a:pt x="3127316" y="6313147"/>
                </a:moveTo>
                <a:lnTo>
                  <a:pt x="3127316" y="6319665"/>
                </a:lnTo>
                <a:lnTo>
                  <a:pt x="3133834" y="6319665"/>
                </a:lnTo>
                <a:lnTo>
                  <a:pt x="3133834" y="6313147"/>
                </a:lnTo>
                <a:close/>
                <a:moveTo>
                  <a:pt x="3003406" y="6312295"/>
                </a:moveTo>
                <a:lnTo>
                  <a:pt x="3003406" y="6320553"/>
                </a:lnTo>
                <a:lnTo>
                  <a:pt x="3011664" y="6320553"/>
                </a:lnTo>
                <a:lnTo>
                  <a:pt x="3011664" y="6312295"/>
                </a:lnTo>
                <a:close/>
                <a:moveTo>
                  <a:pt x="2879016" y="6310962"/>
                </a:moveTo>
                <a:lnTo>
                  <a:pt x="2879016" y="6321813"/>
                </a:lnTo>
                <a:lnTo>
                  <a:pt x="2889866" y="6321813"/>
                </a:lnTo>
                <a:lnTo>
                  <a:pt x="2889866" y="6310962"/>
                </a:lnTo>
                <a:close/>
                <a:moveTo>
                  <a:pt x="2754218" y="6309258"/>
                </a:moveTo>
                <a:lnTo>
                  <a:pt x="2754218" y="6323589"/>
                </a:lnTo>
                <a:lnTo>
                  <a:pt x="2768549" y="6323589"/>
                </a:lnTo>
                <a:lnTo>
                  <a:pt x="2768549" y="6309258"/>
                </a:lnTo>
                <a:close/>
                <a:moveTo>
                  <a:pt x="2629420" y="6307518"/>
                </a:moveTo>
                <a:lnTo>
                  <a:pt x="2629420" y="6325331"/>
                </a:lnTo>
                <a:lnTo>
                  <a:pt x="2647232" y="6325331"/>
                </a:lnTo>
                <a:lnTo>
                  <a:pt x="2647232" y="6307518"/>
                </a:lnTo>
                <a:close/>
                <a:moveTo>
                  <a:pt x="2504215" y="6305333"/>
                </a:moveTo>
                <a:lnTo>
                  <a:pt x="2504215" y="6327478"/>
                </a:lnTo>
                <a:lnTo>
                  <a:pt x="2526360" y="6327478"/>
                </a:lnTo>
                <a:lnTo>
                  <a:pt x="2526360" y="6305333"/>
                </a:lnTo>
                <a:close/>
                <a:moveTo>
                  <a:pt x="2378751" y="6302963"/>
                </a:moveTo>
                <a:lnTo>
                  <a:pt x="2378751" y="6329885"/>
                </a:lnTo>
                <a:lnTo>
                  <a:pt x="2405673" y="6329885"/>
                </a:lnTo>
                <a:lnTo>
                  <a:pt x="2405673" y="6302963"/>
                </a:lnTo>
                <a:close/>
                <a:moveTo>
                  <a:pt x="2252879" y="6300111"/>
                </a:moveTo>
                <a:lnTo>
                  <a:pt x="2252879" y="6332699"/>
                </a:lnTo>
                <a:lnTo>
                  <a:pt x="2285467" y="6332699"/>
                </a:lnTo>
                <a:lnTo>
                  <a:pt x="2285467" y="6300111"/>
                </a:lnTo>
                <a:close/>
                <a:moveTo>
                  <a:pt x="2126970" y="6297297"/>
                </a:moveTo>
                <a:lnTo>
                  <a:pt x="2126970" y="6335514"/>
                </a:lnTo>
                <a:lnTo>
                  <a:pt x="2165187" y="6335514"/>
                </a:lnTo>
                <a:lnTo>
                  <a:pt x="2165187" y="6297297"/>
                </a:lnTo>
                <a:close/>
                <a:moveTo>
                  <a:pt x="2000876" y="6294260"/>
                </a:moveTo>
                <a:lnTo>
                  <a:pt x="2000876" y="6338550"/>
                </a:lnTo>
                <a:lnTo>
                  <a:pt x="2045166" y="6338550"/>
                </a:lnTo>
                <a:lnTo>
                  <a:pt x="2045166" y="6294260"/>
                </a:lnTo>
                <a:close/>
                <a:moveTo>
                  <a:pt x="1874560" y="6291002"/>
                </a:moveTo>
                <a:lnTo>
                  <a:pt x="1874560" y="6341810"/>
                </a:lnTo>
                <a:lnTo>
                  <a:pt x="1925368" y="6341810"/>
                </a:lnTo>
                <a:lnTo>
                  <a:pt x="1925368" y="6291002"/>
                </a:lnTo>
                <a:close/>
                <a:moveTo>
                  <a:pt x="1748244" y="6287743"/>
                </a:moveTo>
                <a:lnTo>
                  <a:pt x="1748244" y="6345068"/>
                </a:lnTo>
                <a:lnTo>
                  <a:pt x="1805570" y="6345068"/>
                </a:lnTo>
                <a:lnTo>
                  <a:pt x="1805570" y="6287743"/>
                </a:lnTo>
                <a:close/>
                <a:moveTo>
                  <a:pt x="1621928" y="6284484"/>
                </a:moveTo>
                <a:lnTo>
                  <a:pt x="1621928" y="6348327"/>
                </a:lnTo>
                <a:lnTo>
                  <a:pt x="1685771" y="6348327"/>
                </a:lnTo>
                <a:lnTo>
                  <a:pt x="1685771" y="6284484"/>
                </a:lnTo>
                <a:close/>
                <a:moveTo>
                  <a:pt x="1495612" y="6281225"/>
                </a:moveTo>
                <a:lnTo>
                  <a:pt x="1495612" y="6351586"/>
                </a:lnTo>
                <a:lnTo>
                  <a:pt x="1565973" y="6351586"/>
                </a:lnTo>
                <a:lnTo>
                  <a:pt x="1565973" y="6281225"/>
                </a:lnTo>
                <a:close/>
                <a:moveTo>
                  <a:pt x="1369296" y="6277966"/>
                </a:moveTo>
                <a:lnTo>
                  <a:pt x="1369296" y="6354844"/>
                </a:lnTo>
                <a:lnTo>
                  <a:pt x="1446175" y="6354844"/>
                </a:lnTo>
                <a:lnTo>
                  <a:pt x="1446175" y="6277966"/>
                </a:lnTo>
                <a:close/>
                <a:moveTo>
                  <a:pt x="1243424" y="6275152"/>
                </a:moveTo>
                <a:lnTo>
                  <a:pt x="1243424" y="6357659"/>
                </a:lnTo>
                <a:lnTo>
                  <a:pt x="1325931" y="6357659"/>
                </a:lnTo>
                <a:lnTo>
                  <a:pt x="1325931" y="6275152"/>
                </a:lnTo>
                <a:close/>
                <a:moveTo>
                  <a:pt x="1117515" y="6272337"/>
                </a:moveTo>
                <a:lnTo>
                  <a:pt x="1117515" y="6360510"/>
                </a:lnTo>
                <a:lnTo>
                  <a:pt x="1205688" y="6360510"/>
                </a:lnTo>
                <a:lnTo>
                  <a:pt x="1205688" y="6272337"/>
                </a:lnTo>
                <a:close/>
                <a:moveTo>
                  <a:pt x="991865" y="6269708"/>
                </a:moveTo>
                <a:lnTo>
                  <a:pt x="991865" y="6363103"/>
                </a:lnTo>
                <a:lnTo>
                  <a:pt x="1085260" y="6363103"/>
                </a:lnTo>
                <a:lnTo>
                  <a:pt x="1085260" y="6269708"/>
                </a:lnTo>
                <a:close/>
                <a:moveTo>
                  <a:pt x="866623" y="6267560"/>
                </a:moveTo>
                <a:lnTo>
                  <a:pt x="866623" y="6365288"/>
                </a:lnTo>
                <a:lnTo>
                  <a:pt x="964350" y="6365288"/>
                </a:lnTo>
                <a:lnTo>
                  <a:pt x="964350" y="6267560"/>
                </a:lnTo>
                <a:close/>
                <a:moveTo>
                  <a:pt x="741603" y="6265598"/>
                </a:moveTo>
                <a:lnTo>
                  <a:pt x="741603" y="6367214"/>
                </a:lnTo>
                <a:lnTo>
                  <a:pt x="843219" y="6367214"/>
                </a:lnTo>
                <a:lnTo>
                  <a:pt x="843219" y="6265598"/>
                </a:lnTo>
                <a:close/>
                <a:moveTo>
                  <a:pt x="617250" y="6264302"/>
                </a:moveTo>
                <a:lnTo>
                  <a:pt x="617250" y="6368547"/>
                </a:lnTo>
                <a:lnTo>
                  <a:pt x="721495" y="6368547"/>
                </a:lnTo>
                <a:lnTo>
                  <a:pt x="721495" y="6264302"/>
                </a:lnTo>
                <a:close/>
                <a:moveTo>
                  <a:pt x="492896" y="6262968"/>
                </a:moveTo>
                <a:lnTo>
                  <a:pt x="492896" y="6369805"/>
                </a:lnTo>
                <a:lnTo>
                  <a:pt x="599733" y="6369805"/>
                </a:lnTo>
                <a:lnTo>
                  <a:pt x="599733" y="6262968"/>
                </a:lnTo>
                <a:close/>
                <a:moveTo>
                  <a:pt x="1" y="6262339"/>
                </a:moveTo>
                <a:lnTo>
                  <a:pt x="1" y="6370472"/>
                </a:lnTo>
                <a:lnTo>
                  <a:pt x="108134" y="6370472"/>
                </a:lnTo>
                <a:lnTo>
                  <a:pt x="108134" y="6262339"/>
                </a:lnTo>
                <a:close/>
                <a:moveTo>
                  <a:pt x="368950" y="6262117"/>
                </a:moveTo>
                <a:lnTo>
                  <a:pt x="368950" y="6370694"/>
                </a:lnTo>
                <a:lnTo>
                  <a:pt x="477528" y="6370694"/>
                </a:lnTo>
                <a:lnTo>
                  <a:pt x="477528" y="6262117"/>
                </a:lnTo>
                <a:close/>
                <a:moveTo>
                  <a:pt x="245263" y="6261450"/>
                </a:moveTo>
                <a:lnTo>
                  <a:pt x="245263" y="6371324"/>
                </a:lnTo>
                <a:lnTo>
                  <a:pt x="355137" y="6371324"/>
                </a:lnTo>
                <a:lnTo>
                  <a:pt x="355137" y="6261450"/>
                </a:lnTo>
                <a:close/>
                <a:moveTo>
                  <a:pt x="121762" y="6261043"/>
                </a:moveTo>
                <a:lnTo>
                  <a:pt x="121762" y="6371806"/>
                </a:lnTo>
                <a:lnTo>
                  <a:pt x="232525" y="6371806"/>
                </a:lnTo>
                <a:lnTo>
                  <a:pt x="232525" y="6261043"/>
                </a:lnTo>
                <a:close/>
                <a:moveTo>
                  <a:pt x="5714630" y="6193126"/>
                </a:moveTo>
                <a:lnTo>
                  <a:pt x="5714630" y="6193570"/>
                </a:lnTo>
                <a:lnTo>
                  <a:pt x="5715074" y="6193570"/>
                </a:lnTo>
                <a:lnTo>
                  <a:pt x="5715074" y="6193126"/>
                </a:lnTo>
                <a:close/>
                <a:moveTo>
                  <a:pt x="5591573" y="6193126"/>
                </a:moveTo>
                <a:lnTo>
                  <a:pt x="5591573" y="6193570"/>
                </a:lnTo>
                <a:lnTo>
                  <a:pt x="5592018" y="6193570"/>
                </a:lnTo>
                <a:lnTo>
                  <a:pt x="5592018" y="6193126"/>
                </a:lnTo>
                <a:close/>
                <a:moveTo>
                  <a:pt x="5468515" y="6193126"/>
                </a:moveTo>
                <a:lnTo>
                  <a:pt x="5468515" y="6193570"/>
                </a:lnTo>
                <a:lnTo>
                  <a:pt x="5468959" y="6193570"/>
                </a:lnTo>
                <a:lnTo>
                  <a:pt x="5468959" y="6193126"/>
                </a:lnTo>
                <a:close/>
                <a:moveTo>
                  <a:pt x="5345458" y="6193126"/>
                </a:moveTo>
                <a:lnTo>
                  <a:pt x="5345458" y="6193570"/>
                </a:lnTo>
                <a:lnTo>
                  <a:pt x="5345902" y="6193570"/>
                </a:lnTo>
                <a:lnTo>
                  <a:pt x="5345902" y="6193126"/>
                </a:lnTo>
                <a:close/>
                <a:moveTo>
                  <a:pt x="5222401" y="6193126"/>
                </a:moveTo>
                <a:lnTo>
                  <a:pt x="5222401" y="6193570"/>
                </a:lnTo>
                <a:lnTo>
                  <a:pt x="5222845" y="6193570"/>
                </a:lnTo>
                <a:lnTo>
                  <a:pt x="5222845" y="6193126"/>
                </a:lnTo>
                <a:close/>
                <a:moveTo>
                  <a:pt x="5099306" y="6193126"/>
                </a:moveTo>
                <a:lnTo>
                  <a:pt x="5099306" y="6193570"/>
                </a:lnTo>
                <a:lnTo>
                  <a:pt x="5099750" y="6193570"/>
                </a:lnTo>
                <a:lnTo>
                  <a:pt x="5099750" y="6193126"/>
                </a:lnTo>
                <a:close/>
                <a:moveTo>
                  <a:pt x="4976249" y="6193126"/>
                </a:moveTo>
                <a:lnTo>
                  <a:pt x="4976249" y="6193570"/>
                </a:lnTo>
                <a:lnTo>
                  <a:pt x="4976693" y="6193570"/>
                </a:lnTo>
                <a:lnTo>
                  <a:pt x="4976693" y="6193126"/>
                </a:lnTo>
                <a:close/>
                <a:moveTo>
                  <a:pt x="4853192" y="6193126"/>
                </a:moveTo>
                <a:lnTo>
                  <a:pt x="4853192" y="6193570"/>
                </a:lnTo>
                <a:lnTo>
                  <a:pt x="4853637" y="6193570"/>
                </a:lnTo>
                <a:lnTo>
                  <a:pt x="4853637" y="6193126"/>
                </a:lnTo>
                <a:close/>
                <a:moveTo>
                  <a:pt x="4730134" y="6193126"/>
                </a:moveTo>
                <a:lnTo>
                  <a:pt x="4730134" y="6193570"/>
                </a:lnTo>
                <a:lnTo>
                  <a:pt x="4730579" y="6193570"/>
                </a:lnTo>
                <a:lnTo>
                  <a:pt x="4730579" y="6193126"/>
                </a:lnTo>
                <a:close/>
                <a:moveTo>
                  <a:pt x="4360962" y="6193126"/>
                </a:moveTo>
                <a:lnTo>
                  <a:pt x="4360962" y="6193570"/>
                </a:lnTo>
                <a:lnTo>
                  <a:pt x="4361406" y="6193570"/>
                </a:lnTo>
                <a:lnTo>
                  <a:pt x="4361406" y="6193126"/>
                </a:lnTo>
                <a:close/>
                <a:moveTo>
                  <a:pt x="4237905" y="6193126"/>
                </a:moveTo>
                <a:lnTo>
                  <a:pt x="4237905" y="6193570"/>
                </a:lnTo>
                <a:lnTo>
                  <a:pt x="4238349" y="6193570"/>
                </a:lnTo>
                <a:lnTo>
                  <a:pt x="4238349" y="6193126"/>
                </a:lnTo>
                <a:close/>
                <a:moveTo>
                  <a:pt x="4114848" y="6193126"/>
                </a:moveTo>
                <a:lnTo>
                  <a:pt x="4114848" y="6193570"/>
                </a:lnTo>
                <a:lnTo>
                  <a:pt x="4115292" y="6193570"/>
                </a:lnTo>
                <a:lnTo>
                  <a:pt x="4115292" y="6193126"/>
                </a:lnTo>
                <a:close/>
                <a:moveTo>
                  <a:pt x="3991790" y="6193126"/>
                </a:moveTo>
                <a:lnTo>
                  <a:pt x="3991790" y="6193570"/>
                </a:lnTo>
                <a:lnTo>
                  <a:pt x="3992235" y="6193570"/>
                </a:lnTo>
                <a:lnTo>
                  <a:pt x="3992235" y="6193126"/>
                </a:lnTo>
                <a:close/>
                <a:moveTo>
                  <a:pt x="3868733" y="6193126"/>
                </a:moveTo>
                <a:lnTo>
                  <a:pt x="3868733" y="6193570"/>
                </a:lnTo>
                <a:lnTo>
                  <a:pt x="3869177" y="6193570"/>
                </a:lnTo>
                <a:lnTo>
                  <a:pt x="3869177" y="6193126"/>
                </a:lnTo>
                <a:close/>
                <a:moveTo>
                  <a:pt x="3745454" y="6192904"/>
                </a:moveTo>
                <a:lnTo>
                  <a:pt x="3745454" y="6193756"/>
                </a:lnTo>
                <a:lnTo>
                  <a:pt x="3746306" y="6193756"/>
                </a:lnTo>
                <a:lnTo>
                  <a:pt x="3746306" y="6192904"/>
                </a:lnTo>
                <a:close/>
                <a:moveTo>
                  <a:pt x="3622174" y="6192682"/>
                </a:moveTo>
                <a:lnTo>
                  <a:pt x="3622174" y="6193978"/>
                </a:lnTo>
                <a:lnTo>
                  <a:pt x="3623470" y="6193978"/>
                </a:lnTo>
                <a:lnTo>
                  <a:pt x="3623470" y="6192682"/>
                </a:lnTo>
                <a:close/>
                <a:moveTo>
                  <a:pt x="3498895" y="6192496"/>
                </a:moveTo>
                <a:lnTo>
                  <a:pt x="3498895" y="6194237"/>
                </a:lnTo>
                <a:lnTo>
                  <a:pt x="3500635" y="6194237"/>
                </a:lnTo>
                <a:lnTo>
                  <a:pt x="3500635" y="6192496"/>
                </a:lnTo>
                <a:close/>
                <a:moveTo>
                  <a:pt x="3375393" y="6192052"/>
                </a:moveTo>
                <a:lnTo>
                  <a:pt x="3375393" y="6194644"/>
                </a:lnTo>
                <a:lnTo>
                  <a:pt x="3377985" y="6194644"/>
                </a:lnTo>
                <a:lnTo>
                  <a:pt x="3377985" y="6192052"/>
                </a:lnTo>
                <a:close/>
                <a:moveTo>
                  <a:pt x="3251669" y="6191386"/>
                </a:moveTo>
                <a:lnTo>
                  <a:pt x="3251669" y="6195312"/>
                </a:lnTo>
                <a:lnTo>
                  <a:pt x="3255594" y="6195312"/>
                </a:lnTo>
                <a:lnTo>
                  <a:pt x="3255594" y="6191386"/>
                </a:lnTo>
                <a:close/>
                <a:moveTo>
                  <a:pt x="3127760" y="6190534"/>
                </a:moveTo>
                <a:lnTo>
                  <a:pt x="3127760" y="6196163"/>
                </a:lnTo>
                <a:lnTo>
                  <a:pt x="3133389" y="6196163"/>
                </a:lnTo>
                <a:lnTo>
                  <a:pt x="3133389" y="6190534"/>
                </a:lnTo>
                <a:close/>
                <a:moveTo>
                  <a:pt x="3003814" y="6189645"/>
                </a:moveTo>
                <a:lnTo>
                  <a:pt x="3003814" y="6197014"/>
                </a:lnTo>
                <a:lnTo>
                  <a:pt x="3011183" y="6197014"/>
                </a:lnTo>
                <a:lnTo>
                  <a:pt x="3011183" y="6189645"/>
                </a:lnTo>
                <a:close/>
                <a:moveTo>
                  <a:pt x="2879460" y="6188349"/>
                </a:moveTo>
                <a:lnTo>
                  <a:pt x="2879460" y="6198348"/>
                </a:lnTo>
                <a:lnTo>
                  <a:pt x="2889459" y="6198348"/>
                </a:lnTo>
                <a:lnTo>
                  <a:pt x="2889459" y="6188349"/>
                </a:lnTo>
                <a:close/>
                <a:moveTo>
                  <a:pt x="2754885" y="6186831"/>
                </a:moveTo>
                <a:lnTo>
                  <a:pt x="2754885" y="6199866"/>
                </a:lnTo>
                <a:lnTo>
                  <a:pt x="2767920" y="6199866"/>
                </a:lnTo>
                <a:lnTo>
                  <a:pt x="2767920" y="6186831"/>
                </a:lnTo>
                <a:close/>
                <a:moveTo>
                  <a:pt x="2630087" y="6185090"/>
                </a:moveTo>
                <a:lnTo>
                  <a:pt x="2630087" y="6201606"/>
                </a:lnTo>
                <a:lnTo>
                  <a:pt x="2646603" y="6201606"/>
                </a:lnTo>
                <a:lnTo>
                  <a:pt x="2646603" y="6185090"/>
                </a:lnTo>
                <a:close/>
                <a:moveTo>
                  <a:pt x="2504845" y="6182942"/>
                </a:moveTo>
                <a:lnTo>
                  <a:pt x="2504845" y="6203791"/>
                </a:lnTo>
                <a:lnTo>
                  <a:pt x="2525694" y="6203791"/>
                </a:lnTo>
                <a:lnTo>
                  <a:pt x="2525694" y="6182942"/>
                </a:lnTo>
                <a:close/>
                <a:moveTo>
                  <a:pt x="2379417" y="6180535"/>
                </a:moveTo>
                <a:lnTo>
                  <a:pt x="2379417" y="6206162"/>
                </a:lnTo>
                <a:lnTo>
                  <a:pt x="2405043" y="6206162"/>
                </a:lnTo>
                <a:lnTo>
                  <a:pt x="2405043" y="6180535"/>
                </a:lnTo>
                <a:close/>
                <a:moveTo>
                  <a:pt x="2253509" y="6177721"/>
                </a:moveTo>
                <a:lnTo>
                  <a:pt x="2253509" y="6208976"/>
                </a:lnTo>
                <a:lnTo>
                  <a:pt x="2284764" y="6208976"/>
                </a:lnTo>
                <a:lnTo>
                  <a:pt x="2284764" y="6177721"/>
                </a:lnTo>
                <a:close/>
                <a:moveTo>
                  <a:pt x="2127415" y="6174684"/>
                </a:moveTo>
                <a:lnTo>
                  <a:pt x="2127415" y="6212049"/>
                </a:lnTo>
                <a:lnTo>
                  <a:pt x="2164780" y="6212049"/>
                </a:lnTo>
                <a:lnTo>
                  <a:pt x="2164780" y="6174684"/>
                </a:lnTo>
                <a:close/>
                <a:moveTo>
                  <a:pt x="2001321" y="6171647"/>
                </a:moveTo>
                <a:lnTo>
                  <a:pt x="2001321" y="6215086"/>
                </a:lnTo>
                <a:lnTo>
                  <a:pt x="2044759" y="6215086"/>
                </a:lnTo>
                <a:lnTo>
                  <a:pt x="2044759" y="6171647"/>
                </a:lnTo>
                <a:close/>
                <a:moveTo>
                  <a:pt x="1875005" y="6168389"/>
                </a:moveTo>
                <a:lnTo>
                  <a:pt x="1875005" y="6218345"/>
                </a:lnTo>
                <a:lnTo>
                  <a:pt x="1924961" y="6218345"/>
                </a:lnTo>
                <a:lnTo>
                  <a:pt x="1924961" y="6168389"/>
                </a:lnTo>
                <a:close/>
                <a:moveTo>
                  <a:pt x="1748466" y="6164908"/>
                </a:moveTo>
                <a:lnTo>
                  <a:pt x="1748466" y="6221789"/>
                </a:lnTo>
                <a:lnTo>
                  <a:pt x="1805347" y="6221789"/>
                </a:lnTo>
                <a:lnTo>
                  <a:pt x="1805347" y="6164908"/>
                </a:lnTo>
                <a:close/>
                <a:moveTo>
                  <a:pt x="1622150" y="6161649"/>
                </a:moveTo>
                <a:lnTo>
                  <a:pt x="1622150" y="6225048"/>
                </a:lnTo>
                <a:lnTo>
                  <a:pt x="1685549" y="6225048"/>
                </a:lnTo>
                <a:lnTo>
                  <a:pt x="1685549" y="6161649"/>
                </a:lnTo>
                <a:close/>
                <a:moveTo>
                  <a:pt x="1495612" y="6158168"/>
                </a:moveTo>
                <a:lnTo>
                  <a:pt x="1495612" y="6228529"/>
                </a:lnTo>
                <a:lnTo>
                  <a:pt x="1565973" y="6228529"/>
                </a:lnTo>
                <a:lnTo>
                  <a:pt x="1565973" y="6158168"/>
                </a:lnTo>
                <a:close/>
                <a:moveTo>
                  <a:pt x="1369296" y="6154909"/>
                </a:moveTo>
                <a:lnTo>
                  <a:pt x="1369296" y="6231788"/>
                </a:lnTo>
                <a:lnTo>
                  <a:pt x="1446175" y="6231788"/>
                </a:lnTo>
                <a:lnTo>
                  <a:pt x="1446175" y="6154909"/>
                </a:lnTo>
                <a:close/>
                <a:moveTo>
                  <a:pt x="1243202" y="6151872"/>
                </a:moveTo>
                <a:lnTo>
                  <a:pt x="1243202" y="6234824"/>
                </a:lnTo>
                <a:lnTo>
                  <a:pt x="1326154" y="6234824"/>
                </a:lnTo>
                <a:lnTo>
                  <a:pt x="1326154" y="6151872"/>
                </a:lnTo>
                <a:close/>
                <a:moveTo>
                  <a:pt x="1117330" y="6149058"/>
                </a:moveTo>
                <a:lnTo>
                  <a:pt x="1117330" y="6237676"/>
                </a:lnTo>
                <a:lnTo>
                  <a:pt x="1205948" y="6237676"/>
                </a:lnTo>
                <a:lnTo>
                  <a:pt x="1205948" y="6149058"/>
                </a:lnTo>
                <a:close/>
                <a:moveTo>
                  <a:pt x="991643" y="6146429"/>
                </a:moveTo>
                <a:lnTo>
                  <a:pt x="991643" y="6240231"/>
                </a:lnTo>
                <a:lnTo>
                  <a:pt x="1085445" y="6240231"/>
                </a:lnTo>
                <a:lnTo>
                  <a:pt x="1085445" y="6146429"/>
                </a:lnTo>
                <a:close/>
                <a:moveTo>
                  <a:pt x="866216" y="6144059"/>
                </a:moveTo>
                <a:lnTo>
                  <a:pt x="866216" y="6242638"/>
                </a:lnTo>
                <a:lnTo>
                  <a:pt x="964795" y="6242638"/>
                </a:lnTo>
                <a:lnTo>
                  <a:pt x="964795" y="6144059"/>
                </a:lnTo>
                <a:close/>
                <a:moveTo>
                  <a:pt x="741418" y="6142318"/>
                </a:moveTo>
                <a:lnTo>
                  <a:pt x="741418" y="6244378"/>
                </a:lnTo>
                <a:lnTo>
                  <a:pt x="843478" y="6244378"/>
                </a:lnTo>
                <a:lnTo>
                  <a:pt x="843478" y="6142318"/>
                </a:lnTo>
                <a:close/>
                <a:moveTo>
                  <a:pt x="616805" y="6140800"/>
                </a:moveTo>
                <a:lnTo>
                  <a:pt x="616805" y="6245897"/>
                </a:lnTo>
                <a:lnTo>
                  <a:pt x="721902" y="6245897"/>
                </a:lnTo>
                <a:lnTo>
                  <a:pt x="721902" y="6140800"/>
                </a:lnTo>
                <a:close/>
                <a:moveTo>
                  <a:pt x="492674" y="6139726"/>
                </a:moveTo>
                <a:lnTo>
                  <a:pt x="492674" y="6247008"/>
                </a:lnTo>
                <a:lnTo>
                  <a:pt x="599956" y="6247008"/>
                </a:lnTo>
                <a:lnTo>
                  <a:pt x="599956" y="6139726"/>
                </a:lnTo>
                <a:close/>
                <a:moveTo>
                  <a:pt x="1" y="6139281"/>
                </a:moveTo>
                <a:lnTo>
                  <a:pt x="1" y="6247414"/>
                </a:lnTo>
                <a:lnTo>
                  <a:pt x="108134" y="6247414"/>
                </a:lnTo>
                <a:lnTo>
                  <a:pt x="108134" y="6139281"/>
                </a:lnTo>
                <a:close/>
                <a:moveTo>
                  <a:pt x="368765" y="6138837"/>
                </a:moveTo>
                <a:lnTo>
                  <a:pt x="368765" y="6247859"/>
                </a:lnTo>
                <a:lnTo>
                  <a:pt x="477787" y="6247859"/>
                </a:lnTo>
                <a:lnTo>
                  <a:pt x="477787" y="6138837"/>
                </a:lnTo>
                <a:close/>
                <a:moveTo>
                  <a:pt x="245263" y="6138393"/>
                </a:moveTo>
                <a:lnTo>
                  <a:pt x="245263" y="6248267"/>
                </a:lnTo>
                <a:lnTo>
                  <a:pt x="355137" y="6248267"/>
                </a:lnTo>
                <a:lnTo>
                  <a:pt x="355137" y="6138393"/>
                </a:lnTo>
                <a:close/>
                <a:moveTo>
                  <a:pt x="121762" y="6137985"/>
                </a:moveTo>
                <a:lnTo>
                  <a:pt x="121762" y="6248748"/>
                </a:lnTo>
                <a:lnTo>
                  <a:pt x="232525" y="6248748"/>
                </a:lnTo>
                <a:lnTo>
                  <a:pt x="232525" y="6137985"/>
                </a:lnTo>
                <a:close/>
                <a:moveTo>
                  <a:pt x="5714630" y="6070069"/>
                </a:moveTo>
                <a:lnTo>
                  <a:pt x="5714630" y="6070513"/>
                </a:lnTo>
                <a:lnTo>
                  <a:pt x="5715074" y="6070513"/>
                </a:lnTo>
                <a:lnTo>
                  <a:pt x="5715074" y="6070069"/>
                </a:lnTo>
                <a:close/>
                <a:moveTo>
                  <a:pt x="5591573" y="6070069"/>
                </a:moveTo>
                <a:lnTo>
                  <a:pt x="5591573" y="6070513"/>
                </a:lnTo>
                <a:lnTo>
                  <a:pt x="5592018" y="6070513"/>
                </a:lnTo>
                <a:lnTo>
                  <a:pt x="5592018" y="6070069"/>
                </a:lnTo>
                <a:close/>
                <a:moveTo>
                  <a:pt x="5468515" y="6070069"/>
                </a:moveTo>
                <a:lnTo>
                  <a:pt x="5468515" y="6070513"/>
                </a:lnTo>
                <a:lnTo>
                  <a:pt x="5468959" y="6070513"/>
                </a:lnTo>
                <a:lnTo>
                  <a:pt x="5468959" y="6070069"/>
                </a:lnTo>
                <a:close/>
                <a:moveTo>
                  <a:pt x="5345458" y="6070069"/>
                </a:moveTo>
                <a:lnTo>
                  <a:pt x="5345458" y="6070513"/>
                </a:lnTo>
                <a:lnTo>
                  <a:pt x="5345902" y="6070513"/>
                </a:lnTo>
                <a:lnTo>
                  <a:pt x="5345902" y="6070069"/>
                </a:lnTo>
                <a:close/>
                <a:moveTo>
                  <a:pt x="5222401" y="6070069"/>
                </a:moveTo>
                <a:lnTo>
                  <a:pt x="5222401" y="6070513"/>
                </a:lnTo>
                <a:lnTo>
                  <a:pt x="5222845" y="6070513"/>
                </a:lnTo>
                <a:lnTo>
                  <a:pt x="5222845" y="6070069"/>
                </a:lnTo>
                <a:close/>
                <a:moveTo>
                  <a:pt x="5099306" y="6070069"/>
                </a:moveTo>
                <a:lnTo>
                  <a:pt x="5099306" y="6070513"/>
                </a:lnTo>
                <a:lnTo>
                  <a:pt x="5099750" y="6070513"/>
                </a:lnTo>
                <a:lnTo>
                  <a:pt x="5099750" y="6070069"/>
                </a:lnTo>
                <a:close/>
                <a:moveTo>
                  <a:pt x="4976249" y="6070069"/>
                </a:moveTo>
                <a:lnTo>
                  <a:pt x="4976249" y="6070513"/>
                </a:lnTo>
                <a:lnTo>
                  <a:pt x="4976693" y="6070513"/>
                </a:lnTo>
                <a:lnTo>
                  <a:pt x="4976693" y="6070069"/>
                </a:lnTo>
                <a:close/>
                <a:moveTo>
                  <a:pt x="4853192" y="6070069"/>
                </a:moveTo>
                <a:lnTo>
                  <a:pt x="4853192" y="6070513"/>
                </a:lnTo>
                <a:lnTo>
                  <a:pt x="4853637" y="6070513"/>
                </a:lnTo>
                <a:lnTo>
                  <a:pt x="4853637" y="6070069"/>
                </a:lnTo>
                <a:close/>
                <a:moveTo>
                  <a:pt x="4730134" y="6070069"/>
                </a:moveTo>
                <a:lnTo>
                  <a:pt x="4730134" y="6070513"/>
                </a:lnTo>
                <a:lnTo>
                  <a:pt x="4730579" y="6070513"/>
                </a:lnTo>
                <a:lnTo>
                  <a:pt x="4730579" y="6070069"/>
                </a:lnTo>
                <a:close/>
                <a:moveTo>
                  <a:pt x="4360962" y="6070069"/>
                </a:moveTo>
                <a:lnTo>
                  <a:pt x="4360962" y="6070513"/>
                </a:lnTo>
                <a:lnTo>
                  <a:pt x="4361406" y="6070513"/>
                </a:lnTo>
                <a:lnTo>
                  <a:pt x="4361406" y="6070069"/>
                </a:lnTo>
                <a:close/>
                <a:moveTo>
                  <a:pt x="4237905" y="6070069"/>
                </a:moveTo>
                <a:lnTo>
                  <a:pt x="4237905" y="6070513"/>
                </a:lnTo>
                <a:lnTo>
                  <a:pt x="4238349" y="6070513"/>
                </a:lnTo>
                <a:lnTo>
                  <a:pt x="4238349" y="6070069"/>
                </a:lnTo>
                <a:close/>
                <a:moveTo>
                  <a:pt x="4114848" y="6070069"/>
                </a:moveTo>
                <a:lnTo>
                  <a:pt x="4114848" y="6070513"/>
                </a:lnTo>
                <a:lnTo>
                  <a:pt x="4115292" y="6070513"/>
                </a:lnTo>
                <a:lnTo>
                  <a:pt x="4115292" y="6070069"/>
                </a:lnTo>
                <a:close/>
                <a:moveTo>
                  <a:pt x="3991790" y="6070069"/>
                </a:moveTo>
                <a:lnTo>
                  <a:pt x="3991790" y="6070513"/>
                </a:lnTo>
                <a:lnTo>
                  <a:pt x="3992235" y="6070513"/>
                </a:lnTo>
                <a:lnTo>
                  <a:pt x="3992235" y="6070069"/>
                </a:lnTo>
                <a:close/>
                <a:moveTo>
                  <a:pt x="3868733" y="6070069"/>
                </a:moveTo>
                <a:lnTo>
                  <a:pt x="3868733" y="6070513"/>
                </a:lnTo>
                <a:lnTo>
                  <a:pt x="3869177" y="6070513"/>
                </a:lnTo>
                <a:lnTo>
                  <a:pt x="3869177" y="6070069"/>
                </a:lnTo>
                <a:close/>
                <a:moveTo>
                  <a:pt x="3745676" y="6070069"/>
                </a:moveTo>
                <a:lnTo>
                  <a:pt x="3745676" y="6070513"/>
                </a:lnTo>
                <a:lnTo>
                  <a:pt x="3746120" y="6070513"/>
                </a:lnTo>
                <a:lnTo>
                  <a:pt x="3746120" y="6070069"/>
                </a:lnTo>
                <a:close/>
                <a:moveTo>
                  <a:pt x="3622174" y="6069624"/>
                </a:moveTo>
                <a:lnTo>
                  <a:pt x="3622174" y="6070920"/>
                </a:lnTo>
                <a:lnTo>
                  <a:pt x="3623470" y="6070920"/>
                </a:lnTo>
                <a:lnTo>
                  <a:pt x="3623470" y="6069624"/>
                </a:lnTo>
                <a:close/>
                <a:moveTo>
                  <a:pt x="3498895" y="6069402"/>
                </a:moveTo>
                <a:lnTo>
                  <a:pt x="3498895" y="6071143"/>
                </a:lnTo>
                <a:lnTo>
                  <a:pt x="3500635" y="6071143"/>
                </a:lnTo>
                <a:lnTo>
                  <a:pt x="3500635" y="6069402"/>
                </a:lnTo>
                <a:close/>
                <a:moveTo>
                  <a:pt x="3375615" y="6069217"/>
                </a:moveTo>
                <a:lnTo>
                  <a:pt x="3375615" y="6071402"/>
                </a:lnTo>
                <a:lnTo>
                  <a:pt x="3377800" y="6071402"/>
                </a:lnTo>
                <a:lnTo>
                  <a:pt x="3377800" y="6069217"/>
                </a:lnTo>
                <a:close/>
                <a:moveTo>
                  <a:pt x="3251891" y="6068550"/>
                </a:moveTo>
                <a:lnTo>
                  <a:pt x="3251891" y="6072031"/>
                </a:lnTo>
                <a:lnTo>
                  <a:pt x="3255372" y="6072031"/>
                </a:lnTo>
                <a:lnTo>
                  <a:pt x="3255372" y="6068550"/>
                </a:lnTo>
                <a:close/>
                <a:moveTo>
                  <a:pt x="3128204" y="6067884"/>
                </a:moveTo>
                <a:lnTo>
                  <a:pt x="3128204" y="6072661"/>
                </a:lnTo>
                <a:lnTo>
                  <a:pt x="3132981" y="6072661"/>
                </a:lnTo>
                <a:lnTo>
                  <a:pt x="3132981" y="6067884"/>
                </a:lnTo>
                <a:close/>
                <a:moveTo>
                  <a:pt x="3004258" y="6067032"/>
                </a:moveTo>
                <a:lnTo>
                  <a:pt x="3004258" y="6073550"/>
                </a:lnTo>
                <a:lnTo>
                  <a:pt x="3010776" y="6073550"/>
                </a:lnTo>
                <a:lnTo>
                  <a:pt x="3010776" y="6067032"/>
                </a:lnTo>
                <a:close/>
                <a:moveTo>
                  <a:pt x="2880127" y="6065958"/>
                </a:moveTo>
                <a:lnTo>
                  <a:pt x="2880127" y="6074660"/>
                </a:lnTo>
                <a:lnTo>
                  <a:pt x="2888829" y="6074660"/>
                </a:lnTo>
                <a:lnTo>
                  <a:pt x="2888829" y="6065958"/>
                </a:lnTo>
                <a:close/>
                <a:moveTo>
                  <a:pt x="2755551" y="6064440"/>
                </a:moveTo>
                <a:lnTo>
                  <a:pt x="2755551" y="6076179"/>
                </a:lnTo>
                <a:lnTo>
                  <a:pt x="2767290" y="6076179"/>
                </a:lnTo>
                <a:lnTo>
                  <a:pt x="2767290" y="6064440"/>
                </a:lnTo>
                <a:close/>
                <a:moveTo>
                  <a:pt x="2630754" y="6062699"/>
                </a:moveTo>
                <a:lnTo>
                  <a:pt x="2630754" y="6077882"/>
                </a:lnTo>
                <a:lnTo>
                  <a:pt x="2645937" y="6077882"/>
                </a:lnTo>
                <a:lnTo>
                  <a:pt x="2645937" y="6062699"/>
                </a:lnTo>
                <a:close/>
                <a:moveTo>
                  <a:pt x="2505511" y="6060514"/>
                </a:moveTo>
                <a:lnTo>
                  <a:pt x="2505511" y="6080067"/>
                </a:lnTo>
                <a:lnTo>
                  <a:pt x="2525064" y="6080067"/>
                </a:lnTo>
                <a:lnTo>
                  <a:pt x="2525064" y="6060514"/>
                </a:lnTo>
                <a:close/>
                <a:moveTo>
                  <a:pt x="2380047" y="6058144"/>
                </a:moveTo>
                <a:lnTo>
                  <a:pt x="2380047" y="6082474"/>
                </a:lnTo>
                <a:lnTo>
                  <a:pt x="2404377" y="6082474"/>
                </a:lnTo>
                <a:lnTo>
                  <a:pt x="2404377" y="6058144"/>
                </a:lnTo>
                <a:close/>
                <a:moveTo>
                  <a:pt x="2254175" y="6055293"/>
                </a:moveTo>
                <a:lnTo>
                  <a:pt x="2254175" y="6085252"/>
                </a:lnTo>
                <a:lnTo>
                  <a:pt x="2284134" y="6085252"/>
                </a:lnTo>
                <a:lnTo>
                  <a:pt x="2284134" y="6055293"/>
                </a:lnTo>
                <a:close/>
                <a:moveTo>
                  <a:pt x="2128081" y="6052256"/>
                </a:moveTo>
                <a:lnTo>
                  <a:pt x="2128081" y="6088288"/>
                </a:lnTo>
                <a:lnTo>
                  <a:pt x="2164113" y="6088288"/>
                </a:lnTo>
                <a:lnTo>
                  <a:pt x="2164113" y="6052256"/>
                </a:lnTo>
                <a:close/>
                <a:moveTo>
                  <a:pt x="2001765" y="6048997"/>
                </a:moveTo>
                <a:lnTo>
                  <a:pt x="2001765" y="6091547"/>
                </a:lnTo>
                <a:lnTo>
                  <a:pt x="2044315" y="6091547"/>
                </a:lnTo>
                <a:lnTo>
                  <a:pt x="2044315" y="6048997"/>
                </a:lnTo>
                <a:close/>
                <a:moveTo>
                  <a:pt x="1875449" y="6045739"/>
                </a:moveTo>
                <a:lnTo>
                  <a:pt x="1875449" y="6094807"/>
                </a:lnTo>
                <a:lnTo>
                  <a:pt x="1924516" y="6094807"/>
                </a:lnTo>
                <a:lnTo>
                  <a:pt x="1924516" y="6045739"/>
                </a:lnTo>
                <a:close/>
                <a:moveTo>
                  <a:pt x="1748911" y="6042258"/>
                </a:moveTo>
                <a:lnTo>
                  <a:pt x="1748911" y="6098287"/>
                </a:lnTo>
                <a:lnTo>
                  <a:pt x="1804940" y="6098287"/>
                </a:lnTo>
                <a:lnTo>
                  <a:pt x="1804940" y="6042258"/>
                </a:lnTo>
                <a:close/>
                <a:moveTo>
                  <a:pt x="1622372" y="6038814"/>
                </a:moveTo>
                <a:lnTo>
                  <a:pt x="1622372" y="6101806"/>
                </a:lnTo>
                <a:lnTo>
                  <a:pt x="1685363" y="6101806"/>
                </a:lnTo>
                <a:lnTo>
                  <a:pt x="1685363" y="6038814"/>
                </a:lnTo>
                <a:close/>
                <a:moveTo>
                  <a:pt x="1495834" y="6035333"/>
                </a:moveTo>
                <a:lnTo>
                  <a:pt x="1495834" y="6105249"/>
                </a:lnTo>
                <a:lnTo>
                  <a:pt x="1565750" y="6105249"/>
                </a:lnTo>
                <a:lnTo>
                  <a:pt x="1565750" y="6035333"/>
                </a:lnTo>
                <a:close/>
                <a:moveTo>
                  <a:pt x="1369296" y="6031852"/>
                </a:moveTo>
                <a:lnTo>
                  <a:pt x="1369296" y="6108731"/>
                </a:lnTo>
                <a:lnTo>
                  <a:pt x="1446175" y="6108731"/>
                </a:lnTo>
                <a:lnTo>
                  <a:pt x="1446175" y="6031852"/>
                </a:lnTo>
                <a:close/>
                <a:moveTo>
                  <a:pt x="1242979" y="6028593"/>
                </a:moveTo>
                <a:lnTo>
                  <a:pt x="1242979" y="6111989"/>
                </a:lnTo>
                <a:lnTo>
                  <a:pt x="1326375" y="6111989"/>
                </a:lnTo>
                <a:lnTo>
                  <a:pt x="1326375" y="6028593"/>
                </a:lnTo>
                <a:close/>
                <a:moveTo>
                  <a:pt x="1117108" y="6025778"/>
                </a:moveTo>
                <a:lnTo>
                  <a:pt x="1117108" y="6114803"/>
                </a:lnTo>
                <a:lnTo>
                  <a:pt x="1206133" y="6114803"/>
                </a:lnTo>
                <a:lnTo>
                  <a:pt x="1206133" y="6025778"/>
                </a:lnTo>
                <a:close/>
                <a:moveTo>
                  <a:pt x="991199" y="6022964"/>
                </a:moveTo>
                <a:lnTo>
                  <a:pt x="991199" y="6117655"/>
                </a:lnTo>
                <a:lnTo>
                  <a:pt x="1085890" y="6117655"/>
                </a:lnTo>
                <a:lnTo>
                  <a:pt x="1085890" y="6022964"/>
                </a:lnTo>
                <a:close/>
                <a:moveTo>
                  <a:pt x="865994" y="6020779"/>
                </a:moveTo>
                <a:lnTo>
                  <a:pt x="865994" y="6119803"/>
                </a:lnTo>
                <a:lnTo>
                  <a:pt x="965018" y="6119803"/>
                </a:lnTo>
                <a:lnTo>
                  <a:pt x="965018" y="6020779"/>
                </a:lnTo>
                <a:close/>
                <a:moveTo>
                  <a:pt x="740974" y="6018816"/>
                </a:moveTo>
                <a:lnTo>
                  <a:pt x="740974" y="6121765"/>
                </a:lnTo>
                <a:lnTo>
                  <a:pt x="843923" y="6121765"/>
                </a:lnTo>
                <a:lnTo>
                  <a:pt x="843923" y="6018816"/>
                </a:lnTo>
                <a:close/>
                <a:moveTo>
                  <a:pt x="616398" y="6017298"/>
                </a:moveTo>
                <a:lnTo>
                  <a:pt x="616398" y="6123283"/>
                </a:lnTo>
                <a:lnTo>
                  <a:pt x="722384" y="6123283"/>
                </a:lnTo>
                <a:lnTo>
                  <a:pt x="722384" y="6017298"/>
                </a:lnTo>
                <a:close/>
                <a:moveTo>
                  <a:pt x="492230" y="6016224"/>
                </a:moveTo>
                <a:lnTo>
                  <a:pt x="492230" y="6124357"/>
                </a:lnTo>
                <a:lnTo>
                  <a:pt x="600363" y="6124357"/>
                </a:lnTo>
                <a:lnTo>
                  <a:pt x="600363" y="6016224"/>
                </a:lnTo>
                <a:close/>
                <a:moveTo>
                  <a:pt x="1" y="6016224"/>
                </a:moveTo>
                <a:lnTo>
                  <a:pt x="1" y="6124357"/>
                </a:lnTo>
                <a:lnTo>
                  <a:pt x="108134" y="6124357"/>
                </a:lnTo>
                <a:lnTo>
                  <a:pt x="108134" y="6016224"/>
                </a:lnTo>
                <a:close/>
                <a:moveTo>
                  <a:pt x="368543" y="6015558"/>
                </a:moveTo>
                <a:lnTo>
                  <a:pt x="368543" y="6125025"/>
                </a:lnTo>
                <a:lnTo>
                  <a:pt x="478010" y="6125025"/>
                </a:lnTo>
                <a:lnTo>
                  <a:pt x="478010" y="6015558"/>
                </a:lnTo>
                <a:close/>
                <a:moveTo>
                  <a:pt x="245041" y="6015113"/>
                </a:moveTo>
                <a:lnTo>
                  <a:pt x="245041" y="6125432"/>
                </a:lnTo>
                <a:lnTo>
                  <a:pt x="355359" y="6125432"/>
                </a:lnTo>
                <a:lnTo>
                  <a:pt x="355359" y="6015113"/>
                </a:lnTo>
                <a:close/>
                <a:moveTo>
                  <a:pt x="121762" y="6014928"/>
                </a:moveTo>
                <a:lnTo>
                  <a:pt x="121762" y="6125691"/>
                </a:lnTo>
                <a:lnTo>
                  <a:pt x="232525" y="6125691"/>
                </a:lnTo>
                <a:lnTo>
                  <a:pt x="232525" y="6014928"/>
                </a:lnTo>
                <a:close/>
                <a:moveTo>
                  <a:pt x="5714630" y="5947011"/>
                </a:moveTo>
                <a:lnTo>
                  <a:pt x="5714630" y="5947455"/>
                </a:lnTo>
                <a:lnTo>
                  <a:pt x="5715074" y="5947455"/>
                </a:lnTo>
                <a:lnTo>
                  <a:pt x="5715074" y="5947011"/>
                </a:lnTo>
                <a:close/>
                <a:moveTo>
                  <a:pt x="5591573" y="5947011"/>
                </a:moveTo>
                <a:lnTo>
                  <a:pt x="5591573" y="5947455"/>
                </a:lnTo>
                <a:lnTo>
                  <a:pt x="5592018" y="5947455"/>
                </a:lnTo>
                <a:lnTo>
                  <a:pt x="5592018" y="5947011"/>
                </a:lnTo>
                <a:close/>
                <a:moveTo>
                  <a:pt x="5468515" y="5947011"/>
                </a:moveTo>
                <a:lnTo>
                  <a:pt x="5468515" y="5947455"/>
                </a:lnTo>
                <a:lnTo>
                  <a:pt x="5468959" y="5947455"/>
                </a:lnTo>
                <a:lnTo>
                  <a:pt x="5468959" y="5947011"/>
                </a:lnTo>
                <a:close/>
                <a:moveTo>
                  <a:pt x="5345458" y="5947011"/>
                </a:moveTo>
                <a:lnTo>
                  <a:pt x="5345458" y="5947455"/>
                </a:lnTo>
                <a:lnTo>
                  <a:pt x="5345902" y="5947455"/>
                </a:lnTo>
                <a:lnTo>
                  <a:pt x="5345902" y="5947011"/>
                </a:lnTo>
                <a:close/>
                <a:moveTo>
                  <a:pt x="5222401" y="5947011"/>
                </a:moveTo>
                <a:lnTo>
                  <a:pt x="5222401" y="5947455"/>
                </a:lnTo>
                <a:lnTo>
                  <a:pt x="5222845" y="5947455"/>
                </a:lnTo>
                <a:lnTo>
                  <a:pt x="5222845" y="5947011"/>
                </a:lnTo>
                <a:close/>
                <a:moveTo>
                  <a:pt x="5099306" y="5947011"/>
                </a:moveTo>
                <a:lnTo>
                  <a:pt x="5099306" y="5947455"/>
                </a:lnTo>
                <a:lnTo>
                  <a:pt x="5099750" y="5947455"/>
                </a:lnTo>
                <a:lnTo>
                  <a:pt x="5099750" y="5947011"/>
                </a:lnTo>
                <a:close/>
                <a:moveTo>
                  <a:pt x="4976249" y="5947011"/>
                </a:moveTo>
                <a:lnTo>
                  <a:pt x="4976249" y="5947455"/>
                </a:lnTo>
                <a:lnTo>
                  <a:pt x="4976693" y="5947455"/>
                </a:lnTo>
                <a:lnTo>
                  <a:pt x="4976693" y="5947011"/>
                </a:lnTo>
                <a:close/>
                <a:moveTo>
                  <a:pt x="4853192" y="5947011"/>
                </a:moveTo>
                <a:lnTo>
                  <a:pt x="4853192" y="5947455"/>
                </a:lnTo>
                <a:lnTo>
                  <a:pt x="4853637" y="5947455"/>
                </a:lnTo>
                <a:lnTo>
                  <a:pt x="4853637" y="5947011"/>
                </a:lnTo>
                <a:close/>
                <a:moveTo>
                  <a:pt x="4730134" y="5947011"/>
                </a:moveTo>
                <a:lnTo>
                  <a:pt x="4730134" y="5947455"/>
                </a:lnTo>
                <a:lnTo>
                  <a:pt x="4730579" y="5947455"/>
                </a:lnTo>
                <a:lnTo>
                  <a:pt x="4730579" y="5947011"/>
                </a:lnTo>
                <a:close/>
                <a:moveTo>
                  <a:pt x="4607077" y="5947011"/>
                </a:moveTo>
                <a:lnTo>
                  <a:pt x="4607077" y="5947455"/>
                </a:lnTo>
                <a:lnTo>
                  <a:pt x="4607521" y="5947455"/>
                </a:lnTo>
                <a:lnTo>
                  <a:pt x="4607521" y="5947011"/>
                </a:lnTo>
                <a:close/>
                <a:moveTo>
                  <a:pt x="4237905" y="5947011"/>
                </a:moveTo>
                <a:lnTo>
                  <a:pt x="4237905" y="5947455"/>
                </a:lnTo>
                <a:lnTo>
                  <a:pt x="4238349" y="5947455"/>
                </a:lnTo>
                <a:lnTo>
                  <a:pt x="4238349" y="5947011"/>
                </a:lnTo>
                <a:close/>
                <a:moveTo>
                  <a:pt x="4114848" y="5947011"/>
                </a:moveTo>
                <a:lnTo>
                  <a:pt x="4114848" y="5947455"/>
                </a:lnTo>
                <a:lnTo>
                  <a:pt x="4115292" y="5947455"/>
                </a:lnTo>
                <a:lnTo>
                  <a:pt x="4115292" y="5947011"/>
                </a:lnTo>
                <a:close/>
                <a:moveTo>
                  <a:pt x="3991790" y="5947011"/>
                </a:moveTo>
                <a:lnTo>
                  <a:pt x="3991790" y="5947455"/>
                </a:lnTo>
                <a:lnTo>
                  <a:pt x="3992235" y="5947455"/>
                </a:lnTo>
                <a:lnTo>
                  <a:pt x="3992235" y="5947011"/>
                </a:lnTo>
                <a:close/>
                <a:moveTo>
                  <a:pt x="3868733" y="5947011"/>
                </a:moveTo>
                <a:lnTo>
                  <a:pt x="3868733" y="5947455"/>
                </a:lnTo>
                <a:lnTo>
                  <a:pt x="3869177" y="5947455"/>
                </a:lnTo>
                <a:lnTo>
                  <a:pt x="3869177" y="5947011"/>
                </a:lnTo>
                <a:close/>
                <a:moveTo>
                  <a:pt x="3745676" y="5947011"/>
                </a:moveTo>
                <a:lnTo>
                  <a:pt x="3745676" y="5947455"/>
                </a:lnTo>
                <a:lnTo>
                  <a:pt x="3746120" y="5947455"/>
                </a:lnTo>
                <a:lnTo>
                  <a:pt x="3746120" y="5947011"/>
                </a:lnTo>
                <a:close/>
                <a:moveTo>
                  <a:pt x="3622396" y="5946789"/>
                </a:moveTo>
                <a:lnTo>
                  <a:pt x="3622396" y="5947640"/>
                </a:lnTo>
                <a:lnTo>
                  <a:pt x="3623248" y="5947640"/>
                </a:lnTo>
                <a:lnTo>
                  <a:pt x="3623248" y="5946789"/>
                </a:lnTo>
                <a:close/>
                <a:moveTo>
                  <a:pt x="3499117" y="5946567"/>
                </a:moveTo>
                <a:lnTo>
                  <a:pt x="3499117" y="5947863"/>
                </a:lnTo>
                <a:lnTo>
                  <a:pt x="3500413" y="5947863"/>
                </a:lnTo>
                <a:lnTo>
                  <a:pt x="3500413" y="5946567"/>
                </a:lnTo>
                <a:close/>
                <a:moveTo>
                  <a:pt x="3375837" y="5946345"/>
                </a:moveTo>
                <a:lnTo>
                  <a:pt x="3375837" y="5948085"/>
                </a:lnTo>
                <a:lnTo>
                  <a:pt x="3377577" y="5948085"/>
                </a:lnTo>
                <a:lnTo>
                  <a:pt x="3377577" y="5946345"/>
                </a:lnTo>
                <a:close/>
                <a:moveTo>
                  <a:pt x="3252336" y="5945937"/>
                </a:moveTo>
                <a:lnTo>
                  <a:pt x="3252336" y="5948529"/>
                </a:lnTo>
                <a:lnTo>
                  <a:pt x="3254928" y="5948529"/>
                </a:lnTo>
                <a:lnTo>
                  <a:pt x="3254928" y="5945937"/>
                </a:lnTo>
                <a:close/>
                <a:moveTo>
                  <a:pt x="3128612" y="5945271"/>
                </a:moveTo>
                <a:lnTo>
                  <a:pt x="3128612" y="5949197"/>
                </a:lnTo>
                <a:lnTo>
                  <a:pt x="3132537" y="5949197"/>
                </a:lnTo>
                <a:lnTo>
                  <a:pt x="3132537" y="5945271"/>
                </a:lnTo>
                <a:close/>
                <a:moveTo>
                  <a:pt x="3004925" y="5944604"/>
                </a:moveTo>
                <a:lnTo>
                  <a:pt x="3004925" y="5949826"/>
                </a:lnTo>
                <a:lnTo>
                  <a:pt x="3010146" y="5949826"/>
                </a:lnTo>
                <a:lnTo>
                  <a:pt x="3010146" y="5944604"/>
                </a:lnTo>
                <a:close/>
                <a:moveTo>
                  <a:pt x="2880757" y="5943530"/>
                </a:moveTo>
                <a:lnTo>
                  <a:pt x="2880757" y="5950900"/>
                </a:lnTo>
                <a:lnTo>
                  <a:pt x="2888126" y="5950900"/>
                </a:lnTo>
                <a:lnTo>
                  <a:pt x="2888126" y="5943530"/>
                </a:lnTo>
                <a:close/>
                <a:moveTo>
                  <a:pt x="2756403" y="5942234"/>
                </a:moveTo>
                <a:lnTo>
                  <a:pt x="2756403" y="5952232"/>
                </a:lnTo>
                <a:lnTo>
                  <a:pt x="2766402" y="5952232"/>
                </a:lnTo>
                <a:lnTo>
                  <a:pt x="2766402" y="5942234"/>
                </a:lnTo>
                <a:close/>
                <a:moveTo>
                  <a:pt x="2631605" y="5940494"/>
                </a:moveTo>
                <a:lnTo>
                  <a:pt x="2631605" y="5953974"/>
                </a:lnTo>
                <a:lnTo>
                  <a:pt x="2645085" y="5953974"/>
                </a:lnTo>
                <a:lnTo>
                  <a:pt x="2645085" y="5940494"/>
                </a:lnTo>
                <a:close/>
                <a:moveTo>
                  <a:pt x="2506363" y="5938309"/>
                </a:moveTo>
                <a:lnTo>
                  <a:pt x="2506363" y="5956122"/>
                </a:lnTo>
                <a:lnTo>
                  <a:pt x="2524175" y="5956122"/>
                </a:lnTo>
                <a:lnTo>
                  <a:pt x="2524175" y="5938309"/>
                </a:lnTo>
                <a:close/>
                <a:moveTo>
                  <a:pt x="2380936" y="5935939"/>
                </a:moveTo>
                <a:lnTo>
                  <a:pt x="2380936" y="5958528"/>
                </a:lnTo>
                <a:lnTo>
                  <a:pt x="2403525" y="5958528"/>
                </a:lnTo>
                <a:lnTo>
                  <a:pt x="2403525" y="5935939"/>
                </a:lnTo>
                <a:close/>
                <a:moveTo>
                  <a:pt x="2255027" y="5933124"/>
                </a:moveTo>
                <a:lnTo>
                  <a:pt x="2255027" y="5961342"/>
                </a:lnTo>
                <a:lnTo>
                  <a:pt x="2283245" y="5961342"/>
                </a:lnTo>
                <a:lnTo>
                  <a:pt x="2283245" y="5933124"/>
                </a:lnTo>
                <a:close/>
                <a:moveTo>
                  <a:pt x="2128711" y="5929866"/>
                </a:moveTo>
                <a:lnTo>
                  <a:pt x="2128711" y="5964602"/>
                </a:lnTo>
                <a:lnTo>
                  <a:pt x="2163447" y="5964602"/>
                </a:lnTo>
                <a:lnTo>
                  <a:pt x="2163447" y="5929866"/>
                </a:lnTo>
                <a:close/>
                <a:moveTo>
                  <a:pt x="2002395" y="5926607"/>
                </a:moveTo>
                <a:lnTo>
                  <a:pt x="2002395" y="5967861"/>
                </a:lnTo>
                <a:lnTo>
                  <a:pt x="2043649" y="5967861"/>
                </a:lnTo>
                <a:lnTo>
                  <a:pt x="2043649" y="5926607"/>
                </a:lnTo>
                <a:close/>
                <a:moveTo>
                  <a:pt x="1875856" y="5923126"/>
                </a:moveTo>
                <a:lnTo>
                  <a:pt x="1875856" y="5971342"/>
                </a:lnTo>
                <a:lnTo>
                  <a:pt x="1924072" y="5971342"/>
                </a:lnTo>
                <a:lnTo>
                  <a:pt x="1924072" y="5923126"/>
                </a:lnTo>
                <a:close/>
                <a:moveTo>
                  <a:pt x="1749133" y="5919423"/>
                </a:moveTo>
                <a:lnTo>
                  <a:pt x="1749133" y="5975008"/>
                </a:lnTo>
                <a:lnTo>
                  <a:pt x="1804718" y="5975008"/>
                </a:lnTo>
                <a:lnTo>
                  <a:pt x="1804718" y="5919423"/>
                </a:lnTo>
                <a:close/>
                <a:moveTo>
                  <a:pt x="1622594" y="5915942"/>
                </a:moveTo>
                <a:lnTo>
                  <a:pt x="1622594" y="5978489"/>
                </a:lnTo>
                <a:lnTo>
                  <a:pt x="1685141" y="5978489"/>
                </a:lnTo>
                <a:lnTo>
                  <a:pt x="1685141" y="5915942"/>
                </a:lnTo>
                <a:close/>
                <a:moveTo>
                  <a:pt x="1495834" y="5912275"/>
                </a:moveTo>
                <a:lnTo>
                  <a:pt x="1495834" y="5982191"/>
                </a:lnTo>
                <a:lnTo>
                  <a:pt x="1565750" y="5982191"/>
                </a:lnTo>
                <a:lnTo>
                  <a:pt x="1565750" y="5912275"/>
                </a:lnTo>
                <a:close/>
                <a:moveTo>
                  <a:pt x="1369296" y="5908794"/>
                </a:moveTo>
                <a:lnTo>
                  <a:pt x="1369296" y="5985673"/>
                </a:lnTo>
                <a:lnTo>
                  <a:pt x="1446175" y="5985673"/>
                </a:lnTo>
                <a:lnTo>
                  <a:pt x="1446175" y="5908794"/>
                </a:lnTo>
                <a:close/>
                <a:moveTo>
                  <a:pt x="1242979" y="5905536"/>
                </a:moveTo>
                <a:lnTo>
                  <a:pt x="1242979" y="5988932"/>
                </a:lnTo>
                <a:lnTo>
                  <a:pt x="1326375" y="5988932"/>
                </a:lnTo>
                <a:lnTo>
                  <a:pt x="1326375" y="5905536"/>
                </a:lnTo>
                <a:close/>
                <a:moveTo>
                  <a:pt x="1116886" y="5902499"/>
                </a:moveTo>
                <a:lnTo>
                  <a:pt x="1116886" y="5991968"/>
                </a:lnTo>
                <a:lnTo>
                  <a:pt x="1206355" y="5991968"/>
                </a:lnTo>
                <a:lnTo>
                  <a:pt x="1206355" y="5902499"/>
                </a:lnTo>
                <a:close/>
                <a:moveTo>
                  <a:pt x="991014" y="5899684"/>
                </a:moveTo>
                <a:lnTo>
                  <a:pt x="991014" y="5994819"/>
                </a:lnTo>
                <a:lnTo>
                  <a:pt x="1086149" y="5994819"/>
                </a:lnTo>
                <a:lnTo>
                  <a:pt x="1086149" y="5899684"/>
                </a:lnTo>
                <a:close/>
                <a:moveTo>
                  <a:pt x="865549" y="5897277"/>
                </a:moveTo>
                <a:lnTo>
                  <a:pt x="865549" y="5997189"/>
                </a:lnTo>
                <a:lnTo>
                  <a:pt x="965461" y="5997189"/>
                </a:lnTo>
                <a:lnTo>
                  <a:pt x="965461" y="5897277"/>
                </a:lnTo>
                <a:close/>
                <a:moveTo>
                  <a:pt x="740529" y="5895315"/>
                </a:moveTo>
                <a:lnTo>
                  <a:pt x="740529" y="5999116"/>
                </a:lnTo>
                <a:lnTo>
                  <a:pt x="844330" y="5999116"/>
                </a:lnTo>
                <a:lnTo>
                  <a:pt x="844330" y="5895315"/>
                </a:lnTo>
                <a:close/>
                <a:moveTo>
                  <a:pt x="615954" y="5893796"/>
                </a:moveTo>
                <a:lnTo>
                  <a:pt x="615954" y="6000633"/>
                </a:lnTo>
                <a:lnTo>
                  <a:pt x="722791" y="6000633"/>
                </a:lnTo>
                <a:lnTo>
                  <a:pt x="722791" y="5893796"/>
                </a:lnTo>
                <a:close/>
                <a:moveTo>
                  <a:pt x="1" y="5893167"/>
                </a:moveTo>
                <a:lnTo>
                  <a:pt x="1" y="6001300"/>
                </a:lnTo>
                <a:lnTo>
                  <a:pt x="108134" y="6001300"/>
                </a:lnTo>
                <a:lnTo>
                  <a:pt x="108134" y="5893167"/>
                </a:lnTo>
                <a:close/>
                <a:moveTo>
                  <a:pt x="492008" y="5892945"/>
                </a:moveTo>
                <a:lnTo>
                  <a:pt x="492008" y="6001523"/>
                </a:lnTo>
                <a:lnTo>
                  <a:pt x="600586" y="6001523"/>
                </a:lnTo>
                <a:lnTo>
                  <a:pt x="600586" y="5892945"/>
                </a:lnTo>
                <a:close/>
                <a:moveTo>
                  <a:pt x="368321" y="5892278"/>
                </a:moveTo>
                <a:lnTo>
                  <a:pt x="368321" y="6002152"/>
                </a:lnTo>
                <a:lnTo>
                  <a:pt x="478195" y="6002152"/>
                </a:lnTo>
                <a:lnTo>
                  <a:pt x="478195" y="5892278"/>
                </a:lnTo>
                <a:close/>
                <a:moveTo>
                  <a:pt x="244819" y="5891834"/>
                </a:moveTo>
                <a:lnTo>
                  <a:pt x="244819" y="6002597"/>
                </a:lnTo>
                <a:lnTo>
                  <a:pt x="355582" y="6002597"/>
                </a:lnTo>
                <a:lnTo>
                  <a:pt x="355582" y="5891834"/>
                </a:lnTo>
                <a:close/>
                <a:moveTo>
                  <a:pt x="121762" y="5891834"/>
                </a:moveTo>
                <a:lnTo>
                  <a:pt x="121762" y="6002597"/>
                </a:lnTo>
                <a:lnTo>
                  <a:pt x="232525" y="6002597"/>
                </a:lnTo>
                <a:lnTo>
                  <a:pt x="232525" y="5891834"/>
                </a:lnTo>
                <a:close/>
                <a:moveTo>
                  <a:pt x="5714630" y="5823954"/>
                </a:moveTo>
                <a:lnTo>
                  <a:pt x="5714630" y="5824398"/>
                </a:lnTo>
                <a:lnTo>
                  <a:pt x="5715074" y="5824398"/>
                </a:lnTo>
                <a:lnTo>
                  <a:pt x="5715074" y="5823954"/>
                </a:lnTo>
                <a:close/>
                <a:moveTo>
                  <a:pt x="5591573" y="5823954"/>
                </a:moveTo>
                <a:lnTo>
                  <a:pt x="5591573" y="5824398"/>
                </a:lnTo>
                <a:lnTo>
                  <a:pt x="5592018" y="5824398"/>
                </a:lnTo>
                <a:lnTo>
                  <a:pt x="5592018" y="5823954"/>
                </a:lnTo>
                <a:close/>
                <a:moveTo>
                  <a:pt x="5468515" y="5823954"/>
                </a:moveTo>
                <a:lnTo>
                  <a:pt x="5468515" y="5824398"/>
                </a:lnTo>
                <a:lnTo>
                  <a:pt x="5468959" y="5824398"/>
                </a:lnTo>
                <a:lnTo>
                  <a:pt x="5468959" y="5823954"/>
                </a:lnTo>
                <a:close/>
                <a:moveTo>
                  <a:pt x="5345458" y="5823954"/>
                </a:moveTo>
                <a:lnTo>
                  <a:pt x="5345458" y="5824398"/>
                </a:lnTo>
                <a:lnTo>
                  <a:pt x="5345902" y="5824398"/>
                </a:lnTo>
                <a:lnTo>
                  <a:pt x="5345902" y="5823954"/>
                </a:lnTo>
                <a:close/>
                <a:moveTo>
                  <a:pt x="5222401" y="5823954"/>
                </a:moveTo>
                <a:lnTo>
                  <a:pt x="5222401" y="5824398"/>
                </a:lnTo>
                <a:lnTo>
                  <a:pt x="5222845" y="5824398"/>
                </a:lnTo>
                <a:lnTo>
                  <a:pt x="5222845" y="5823954"/>
                </a:lnTo>
                <a:close/>
                <a:moveTo>
                  <a:pt x="5099306" y="5823954"/>
                </a:moveTo>
                <a:lnTo>
                  <a:pt x="5099306" y="5824398"/>
                </a:lnTo>
                <a:lnTo>
                  <a:pt x="5099750" y="5824398"/>
                </a:lnTo>
                <a:lnTo>
                  <a:pt x="5099750" y="5823954"/>
                </a:lnTo>
                <a:close/>
                <a:moveTo>
                  <a:pt x="4976249" y="5823954"/>
                </a:moveTo>
                <a:lnTo>
                  <a:pt x="4976249" y="5824398"/>
                </a:lnTo>
                <a:lnTo>
                  <a:pt x="4976693" y="5824398"/>
                </a:lnTo>
                <a:lnTo>
                  <a:pt x="4976693" y="5823954"/>
                </a:lnTo>
                <a:close/>
                <a:moveTo>
                  <a:pt x="4853192" y="5823954"/>
                </a:moveTo>
                <a:lnTo>
                  <a:pt x="4853192" y="5824398"/>
                </a:lnTo>
                <a:lnTo>
                  <a:pt x="4853637" y="5824398"/>
                </a:lnTo>
                <a:lnTo>
                  <a:pt x="4853637" y="5823954"/>
                </a:lnTo>
                <a:close/>
                <a:moveTo>
                  <a:pt x="4730134" y="5823954"/>
                </a:moveTo>
                <a:lnTo>
                  <a:pt x="4730134" y="5824398"/>
                </a:lnTo>
                <a:lnTo>
                  <a:pt x="4730579" y="5824398"/>
                </a:lnTo>
                <a:lnTo>
                  <a:pt x="4730579" y="5823954"/>
                </a:lnTo>
                <a:close/>
                <a:moveTo>
                  <a:pt x="4607077" y="5823954"/>
                </a:moveTo>
                <a:lnTo>
                  <a:pt x="4607077" y="5824398"/>
                </a:lnTo>
                <a:lnTo>
                  <a:pt x="4607521" y="5824398"/>
                </a:lnTo>
                <a:lnTo>
                  <a:pt x="4607521" y="5823954"/>
                </a:lnTo>
                <a:close/>
                <a:moveTo>
                  <a:pt x="4114848" y="5823954"/>
                </a:moveTo>
                <a:lnTo>
                  <a:pt x="4114848" y="5824398"/>
                </a:lnTo>
                <a:lnTo>
                  <a:pt x="4115292" y="5824398"/>
                </a:lnTo>
                <a:lnTo>
                  <a:pt x="4115292" y="5823954"/>
                </a:lnTo>
                <a:close/>
                <a:moveTo>
                  <a:pt x="3991790" y="5823954"/>
                </a:moveTo>
                <a:lnTo>
                  <a:pt x="3991790" y="5824398"/>
                </a:lnTo>
                <a:lnTo>
                  <a:pt x="3992235" y="5824398"/>
                </a:lnTo>
                <a:lnTo>
                  <a:pt x="3992235" y="5823954"/>
                </a:lnTo>
                <a:close/>
                <a:moveTo>
                  <a:pt x="3868733" y="5823954"/>
                </a:moveTo>
                <a:lnTo>
                  <a:pt x="3868733" y="5824398"/>
                </a:lnTo>
                <a:lnTo>
                  <a:pt x="3869177" y="5824398"/>
                </a:lnTo>
                <a:lnTo>
                  <a:pt x="3869177" y="5823954"/>
                </a:lnTo>
                <a:close/>
                <a:moveTo>
                  <a:pt x="3745676" y="5823954"/>
                </a:moveTo>
                <a:lnTo>
                  <a:pt x="3745676" y="5824398"/>
                </a:lnTo>
                <a:lnTo>
                  <a:pt x="3746120" y="5824398"/>
                </a:lnTo>
                <a:lnTo>
                  <a:pt x="3746120" y="5823954"/>
                </a:lnTo>
                <a:close/>
                <a:moveTo>
                  <a:pt x="3622618" y="5823954"/>
                </a:moveTo>
                <a:lnTo>
                  <a:pt x="3622618" y="5824398"/>
                </a:lnTo>
                <a:lnTo>
                  <a:pt x="3623062" y="5824398"/>
                </a:lnTo>
                <a:lnTo>
                  <a:pt x="3623062" y="5823954"/>
                </a:lnTo>
                <a:close/>
                <a:moveTo>
                  <a:pt x="3499339" y="5823732"/>
                </a:moveTo>
                <a:lnTo>
                  <a:pt x="3499339" y="5824584"/>
                </a:lnTo>
                <a:lnTo>
                  <a:pt x="3500191" y="5824584"/>
                </a:lnTo>
                <a:lnTo>
                  <a:pt x="3500191" y="5823732"/>
                </a:lnTo>
                <a:close/>
                <a:moveTo>
                  <a:pt x="3376059" y="5823510"/>
                </a:moveTo>
                <a:lnTo>
                  <a:pt x="3376059" y="5824806"/>
                </a:lnTo>
                <a:lnTo>
                  <a:pt x="3377355" y="5824806"/>
                </a:lnTo>
                <a:lnTo>
                  <a:pt x="3377355" y="5823510"/>
                </a:lnTo>
                <a:close/>
                <a:moveTo>
                  <a:pt x="3252780" y="5823287"/>
                </a:moveTo>
                <a:lnTo>
                  <a:pt x="3252780" y="5825027"/>
                </a:lnTo>
                <a:lnTo>
                  <a:pt x="3254520" y="5825027"/>
                </a:lnTo>
                <a:lnTo>
                  <a:pt x="3254520" y="5823287"/>
                </a:lnTo>
                <a:close/>
                <a:moveTo>
                  <a:pt x="3129056" y="5822658"/>
                </a:moveTo>
                <a:lnTo>
                  <a:pt x="3129056" y="5825695"/>
                </a:lnTo>
                <a:lnTo>
                  <a:pt x="3132093" y="5825695"/>
                </a:lnTo>
                <a:lnTo>
                  <a:pt x="3132093" y="5822658"/>
                </a:lnTo>
                <a:close/>
                <a:moveTo>
                  <a:pt x="3005554" y="5822214"/>
                </a:moveTo>
                <a:lnTo>
                  <a:pt x="3005554" y="5826140"/>
                </a:lnTo>
                <a:lnTo>
                  <a:pt x="3009479" y="5826140"/>
                </a:lnTo>
                <a:lnTo>
                  <a:pt x="3009479" y="5822214"/>
                </a:lnTo>
                <a:close/>
                <a:moveTo>
                  <a:pt x="2881645" y="5821362"/>
                </a:moveTo>
                <a:lnTo>
                  <a:pt x="2881645" y="5826991"/>
                </a:lnTo>
                <a:lnTo>
                  <a:pt x="2887274" y="5826991"/>
                </a:lnTo>
                <a:lnTo>
                  <a:pt x="2887274" y="5821362"/>
                </a:lnTo>
                <a:close/>
                <a:moveTo>
                  <a:pt x="2757255" y="5820029"/>
                </a:moveTo>
                <a:lnTo>
                  <a:pt x="2757255" y="5828287"/>
                </a:lnTo>
                <a:lnTo>
                  <a:pt x="2765513" y="5828287"/>
                </a:lnTo>
                <a:lnTo>
                  <a:pt x="2765513" y="5820029"/>
                </a:lnTo>
                <a:close/>
                <a:moveTo>
                  <a:pt x="2632457" y="5818288"/>
                </a:moveTo>
                <a:lnTo>
                  <a:pt x="2632457" y="5830027"/>
                </a:lnTo>
                <a:lnTo>
                  <a:pt x="2644196" y="5830027"/>
                </a:lnTo>
                <a:lnTo>
                  <a:pt x="2644196" y="5818288"/>
                </a:lnTo>
                <a:close/>
                <a:moveTo>
                  <a:pt x="2507474" y="5816362"/>
                </a:moveTo>
                <a:lnTo>
                  <a:pt x="2507474" y="5831989"/>
                </a:lnTo>
                <a:lnTo>
                  <a:pt x="2523101" y="5831989"/>
                </a:lnTo>
                <a:lnTo>
                  <a:pt x="2523101" y="5816362"/>
                </a:lnTo>
                <a:close/>
                <a:moveTo>
                  <a:pt x="2381787" y="5813733"/>
                </a:moveTo>
                <a:lnTo>
                  <a:pt x="2381787" y="5834582"/>
                </a:lnTo>
                <a:lnTo>
                  <a:pt x="2402636" y="5834582"/>
                </a:lnTo>
                <a:lnTo>
                  <a:pt x="2402636" y="5813733"/>
                </a:lnTo>
                <a:close/>
                <a:moveTo>
                  <a:pt x="2255916" y="5810919"/>
                </a:moveTo>
                <a:lnTo>
                  <a:pt x="2255916" y="5837397"/>
                </a:lnTo>
                <a:lnTo>
                  <a:pt x="2282394" y="5837397"/>
                </a:lnTo>
                <a:lnTo>
                  <a:pt x="2282394" y="5810919"/>
                </a:lnTo>
                <a:close/>
                <a:moveTo>
                  <a:pt x="2129600" y="5807660"/>
                </a:moveTo>
                <a:lnTo>
                  <a:pt x="2129600" y="5840656"/>
                </a:lnTo>
                <a:lnTo>
                  <a:pt x="2162595" y="5840656"/>
                </a:lnTo>
                <a:lnTo>
                  <a:pt x="2162595" y="5807660"/>
                </a:lnTo>
                <a:close/>
                <a:moveTo>
                  <a:pt x="2003061" y="5804179"/>
                </a:moveTo>
                <a:lnTo>
                  <a:pt x="2003061" y="5844137"/>
                </a:lnTo>
                <a:lnTo>
                  <a:pt x="2043019" y="5844137"/>
                </a:lnTo>
                <a:lnTo>
                  <a:pt x="2043019" y="5804179"/>
                </a:lnTo>
                <a:close/>
                <a:moveTo>
                  <a:pt x="1876523" y="5800698"/>
                </a:moveTo>
                <a:lnTo>
                  <a:pt x="1876523" y="5847618"/>
                </a:lnTo>
                <a:lnTo>
                  <a:pt x="1923443" y="5847618"/>
                </a:lnTo>
                <a:lnTo>
                  <a:pt x="1923443" y="5800698"/>
                </a:lnTo>
                <a:close/>
                <a:moveTo>
                  <a:pt x="1749762" y="5797032"/>
                </a:moveTo>
                <a:lnTo>
                  <a:pt x="1749762" y="5851321"/>
                </a:lnTo>
                <a:lnTo>
                  <a:pt x="1804051" y="5851321"/>
                </a:lnTo>
                <a:lnTo>
                  <a:pt x="1804051" y="5797032"/>
                </a:lnTo>
                <a:close/>
                <a:moveTo>
                  <a:pt x="1622817" y="5793106"/>
                </a:moveTo>
                <a:lnTo>
                  <a:pt x="1622817" y="5855209"/>
                </a:lnTo>
                <a:lnTo>
                  <a:pt x="1684920" y="5855209"/>
                </a:lnTo>
                <a:lnTo>
                  <a:pt x="1684920" y="5793106"/>
                </a:lnTo>
                <a:close/>
                <a:moveTo>
                  <a:pt x="1496056" y="5789440"/>
                </a:moveTo>
                <a:lnTo>
                  <a:pt x="1496056" y="5858949"/>
                </a:lnTo>
                <a:lnTo>
                  <a:pt x="1565565" y="5858949"/>
                </a:lnTo>
                <a:lnTo>
                  <a:pt x="1565565" y="5789440"/>
                </a:lnTo>
                <a:close/>
                <a:moveTo>
                  <a:pt x="1369518" y="5785959"/>
                </a:moveTo>
                <a:lnTo>
                  <a:pt x="1369518" y="5862393"/>
                </a:lnTo>
                <a:lnTo>
                  <a:pt x="1445952" y="5862393"/>
                </a:lnTo>
                <a:lnTo>
                  <a:pt x="1445952" y="5785959"/>
                </a:lnTo>
                <a:close/>
                <a:moveTo>
                  <a:pt x="1242979" y="5782478"/>
                </a:moveTo>
                <a:lnTo>
                  <a:pt x="1242979" y="5865874"/>
                </a:lnTo>
                <a:lnTo>
                  <a:pt x="1326375" y="5865874"/>
                </a:lnTo>
                <a:lnTo>
                  <a:pt x="1326375" y="5782478"/>
                </a:lnTo>
                <a:close/>
                <a:moveTo>
                  <a:pt x="1116663" y="5779219"/>
                </a:moveTo>
                <a:lnTo>
                  <a:pt x="1116663" y="5869133"/>
                </a:lnTo>
                <a:lnTo>
                  <a:pt x="1206577" y="5869133"/>
                </a:lnTo>
                <a:lnTo>
                  <a:pt x="1206577" y="5779219"/>
                </a:lnTo>
                <a:close/>
                <a:moveTo>
                  <a:pt x="990569" y="5776183"/>
                </a:moveTo>
                <a:lnTo>
                  <a:pt x="990569" y="5872170"/>
                </a:lnTo>
                <a:lnTo>
                  <a:pt x="1086556" y="5872170"/>
                </a:lnTo>
                <a:lnTo>
                  <a:pt x="1086556" y="5776183"/>
                </a:lnTo>
                <a:close/>
                <a:moveTo>
                  <a:pt x="865105" y="5773776"/>
                </a:moveTo>
                <a:lnTo>
                  <a:pt x="865105" y="5874540"/>
                </a:lnTo>
                <a:lnTo>
                  <a:pt x="965869" y="5874540"/>
                </a:lnTo>
                <a:lnTo>
                  <a:pt x="965869" y="5773776"/>
                </a:lnTo>
                <a:close/>
                <a:moveTo>
                  <a:pt x="740307" y="5772035"/>
                </a:moveTo>
                <a:lnTo>
                  <a:pt x="740307" y="5876280"/>
                </a:lnTo>
                <a:lnTo>
                  <a:pt x="844552" y="5876280"/>
                </a:lnTo>
                <a:lnTo>
                  <a:pt x="844552" y="5772035"/>
                </a:lnTo>
                <a:close/>
                <a:moveTo>
                  <a:pt x="615509" y="5770295"/>
                </a:moveTo>
                <a:lnTo>
                  <a:pt x="615509" y="5878021"/>
                </a:lnTo>
                <a:lnTo>
                  <a:pt x="723235" y="5878021"/>
                </a:lnTo>
                <a:lnTo>
                  <a:pt x="723235" y="5770295"/>
                </a:lnTo>
                <a:close/>
                <a:moveTo>
                  <a:pt x="1" y="5770110"/>
                </a:moveTo>
                <a:lnTo>
                  <a:pt x="1" y="5878243"/>
                </a:lnTo>
                <a:lnTo>
                  <a:pt x="108134" y="5878243"/>
                </a:lnTo>
                <a:lnTo>
                  <a:pt x="108134" y="5770110"/>
                </a:lnTo>
                <a:close/>
                <a:moveTo>
                  <a:pt x="491822" y="5769665"/>
                </a:moveTo>
                <a:lnTo>
                  <a:pt x="491822" y="5878687"/>
                </a:lnTo>
                <a:lnTo>
                  <a:pt x="600844" y="5878687"/>
                </a:lnTo>
                <a:lnTo>
                  <a:pt x="600844" y="5769665"/>
                </a:lnTo>
                <a:close/>
                <a:moveTo>
                  <a:pt x="368099" y="5768999"/>
                </a:moveTo>
                <a:lnTo>
                  <a:pt x="368099" y="5879318"/>
                </a:lnTo>
                <a:lnTo>
                  <a:pt x="478417" y="5879318"/>
                </a:lnTo>
                <a:lnTo>
                  <a:pt x="478417" y="5768999"/>
                </a:lnTo>
                <a:close/>
                <a:moveTo>
                  <a:pt x="244819" y="5768776"/>
                </a:moveTo>
                <a:lnTo>
                  <a:pt x="244819" y="5879539"/>
                </a:lnTo>
                <a:lnTo>
                  <a:pt x="355582" y="5879539"/>
                </a:lnTo>
                <a:lnTo>
                  <a:pt x="355582" y="5768776"/>
                </a:lnTo>
                <a:close/>
                <a:moveTo>
                  <a:pt x="121762" y="5768776"/>
                </a:moveTo>
                <a:lnTo>
                  <a:pt x="121762" y="5879539"/>
                </a:lnTo>
                <a:lnTo>
                  <a:pt x="232525" y="5879539"/>
                </a:lnTo>
                <a:lnTo>
                  <a:pt x="232525" y="5768776"/>
                </a:lnTo>
                <a:close/>
                <a:moveTo>
                  <a:pt x="5714630" y="5700897"/>
                </a:moveTo>
                <a:lnTo>
                  <a:pt x="5714630" y="5701342"/>
                </a:lnTo>
                <a:lnTo>
                  <a:pt x="5715074" y="5701342"/>
                </a:lnTo>
                <a:lnTo>
                  <a:pt x="5715074" y="5700897"/>
                </a:lnTo>
                <a:close/>
                <a:moveTo>
                  <a:pt x="5591573" y="5700897"/>
                </a:moveTo>
                <a:lnTo>
                  <a:pt x="5591573" y="5701342"/>
                </a:lnTo>
                <a:lnTo>
                  <a:pt x="5592018" y="5701342"/>
                </a:lnTo>
                <a:lnTo>
                  <a:pt x="5592018" y="5700897"/>
                </a:lnTo>
                <a:close/>
                <a:moveTo>
                  <a:pt x="5468515" y="5700897"/>
                </a:moveTo>
                <a:lnTo>
                  <a:pt x="5468515" y="5701342"/>
                </a:lnTo>
                <a:lnTo>
                  <a:pt x="5468959" y="5701342"/>
                </a:lnTo>
                <a:lnTo>
                  <a:pt x="5468959" y="5700897"/>
                </a:lnTo>
                <a:close/>
                <a:moveTo>
                  <a:pt x="5222401" y="5700897"/>
                </a:moveTo>
                <a:lnTo>
                  <a:pt x="5222401" y="5701342"/>
                </a:lnTo>
                <a:lnTo>
                  <a:pt x="5222845" y="5701342"/>
                </a:lnTo>
                <a:lnTo>
                  <a:pt x="5222845" y="5700897"/>
                </a:lnTo>
                <a:close/>
                <a:moveTo>
                  <a:pt x="5099306" y="5700897"/>
                </a:moveTo>
                <a:lnTo>
                  <a:pt x="5099306" y="5701342"/>
                </a:lnTo>
                <a:lnTo>
                  <a:pt x="5099750" y="5701342"/>
                </a:lnTo>
                <a:lnTo>
                  <a:pt x="5099750" y="5700897"/>
                </a:lnTo>
                <a:close/>
                <a:moveTo>
                  <a:pt x="4976249" y="5700897"/>
                </a:moveTo>
                <a:lnTo>
                  <a:pt x="4976249" y="5701342"/>
                </a:lnTo>
                <a:lnTo>
                  <a:pt x="4976693" y="5701342"/>
                </a:lnTo>
                <a:lnTo>
                  <a:pt x="4976693" y="5700897"/>
                </a:lnTo>
                <a:close/>
                <a:moveTo>
                  <a:pt x="4853192" y="5700897"/>
                </a:moveTo>
                <a:lnTo>
                  <a:pt x="4853192" y="5701342"/>
                </a:lnTo>
                <a:lnTo>
                  <a:pt x="4853637" y="5701342"/>
                </a:lnTo>
                <a:lnTo>
                  <a:pt x="4853637" y="5700897"/>
                </a:lnTo>
                <a:close/>
                <a:moveTo>
                  <a:pt x="4730134" y="5700897"/>
                </a:moveTo>
                <a:lnTo>
                  <a:pt x="4730134" y="5701342"/>
                </a:lnTo>
                <a:lnTo>
                  <a:pt x="4730579" y="5701342"/>
                </a:lnTo>
                <a:lnTo>
                  <a:pt x="4730579" y="5700897"/>
                </a:lnTo>
                <a:close/>
                <a:moveTo>
                  <a:pt x="3991790" y="5700897"/>
                </a:moveTo>
                <a:lnTo>
                  <a:pt x="3991790" y="5701342"/>
                </a:lnTo>
                <a:lnTo>
                  <a:pt x="3992235" y="5701342"/>
                </a:lnTo>
                <a:lnTo>
                  <a:pt x="3992235" y="5700897"/>
                </a:lnTo>
                <a:close/>
                <a:moveTo>
                  <a:pt x="3868733" y="5700897"/>
                </a:moveTo>
                <a:lnTo>
                  <a:pt x="3868733" y="5701342"/>
                </a:lnTo>
                <a:lnTo>
                  <a:pt x="3869177" y="5701342"/>
                </a:lnTo>
                <a:lnTo>
                  <a:pt x="3869177" y="5700897"/>
                </a:lnTo>
                <a:close/>
                <a:moveTo>
                  <a:pt x="3745676" y="5700897"/>
                </a:moveTo>
                <a:lnTo>
                  <a:pt x="3745676" y="5701342"/>
                </a:lnTo>
                <a:lnTo>
                  <a:pt x="3746120" y="5701342"/>
                </a:lnTo>
                <a:lnTo>
                  <a:pt x="3746120" y="5700897"/>
                </a:lnTo>
                <a:close/>
                <a:moveTo>
                  <a:pt x="3622618" y="5700897"/>
                </a:moveTo>
                <a:lnTo>
                  <a:pt x="3622618" y="5701342"/>
                </a:lnTo>
                <a:lnTo>
                  <a:pt x="3623062" y="5701342"/>
                </a:lnTo>
                <a:lnTo>
                  <a:pt x="3623062" y="5700897"/>
                </a:lnTo>
                <a:close/>
                <a:moveTo>
                  <a:pt x="3499524" y="5700897"/>
                </a:moveTo>
                <a:lnTo>
                  <a:pt x="3499524" y="5701342"/>
                </a:lnTo>
                <a:lnTo>
                  <a:pt x="3499968" y="5701342"/>
                </a:lnTo>
                <a:lnTo>
                  <a:pt x="3499968" y="5700897"/>
                </a:lnTo>
                <a:close/>
                <a:moveTo>
                  <a:pt x="3376282" y="5700675"/>
                </a:moveTo>
                <a:lnTo>
                  <a:pt x="3376282" y="5701527"/>
                </a:lnTo>
                <a:lnTo>
                  <a:pt x="3377134" y="5701527"/>
                </a:lnTo>
                <a:lnTo>
                  <a:pt x="3377134" y="5700675"/>
                </a:lnTo>
                <a:close/>
                <a:moveTo>
                  <a:pt x="3253002" y="5700452"/>
                </a:moveTo>
                <a:lnTo>
                  <a:pt x="3253002" y="5701748"/>
                </a:lnTo>
                <a:lnTo>
                  <a:pt x="3254298" y="5701748"/>
                </a:lnTo>
                <a:lnTo>
                  <a:pt x="3254298" y="5700452"/>
                </a:lnTo>
                <a:close/>
                <a:moveTo>
                  <a:pt x="3129723" y="5700230"/>
                </a:moveTo>
                <a:lnTo>
                  <a:pt x="3129723" y="5701970"/>
                </a:lnTo>
                <a:lnTo>
                  <a:pt x="3131463" y="5701970"/>
                </a:lnTo>
                <a:lnTo>
                  <a:pt x="3131463" y="5700230"/>
                </a:lnTo>
                <a:close/>
                <a:moveTo>
                  <a:pt x="3005999" y="5699601"/>
                </a:moveTo>
                <a:lnTo>
                  <a:pt x="3005999" y="5702637"/>
                </a:lnTo>
                <a:lnTo>
                  <a:pt x="3009036" y="5702637"/>
                </a:lnTo>
                <a:lnTo>
                  <a:pt x="3009036" y="5699601"/>
                </a:lnTo>
                <a:close/>
                <a:moveTo>
                  <a:pt x="2882275" y="5698934"/>
                </a:moveTo>
                <a:lnTo>
                  <a:pt x="2882275" y="5703267"/>
                </a:lnTo>
                <a:lnTo>
                  <a:pt x="2886608" y="5703267"/>
                </a:lnTo>
                <a:lnTo>
                  <a:pt x="2886608" y="5698934"/>
                </a:lnTo>
                <a:close/>
                <a:moveTo>
                  <a:pt x="2758144" y="5697860"/>
                </a:moveTo>
                <a:lnTo>
                  <a:pt x="2758144" y="5704378"/>
                </a:lnTo>
                <a:lnTo>
                  <a:pt x="2764662" y="5704378"/>
                </a:lnTo>
                <a:lnTo>
                  <a:pt x="2764662" y="5697860"/>
                </a:lnTo>
                <a:close/>
                <a:moveTo>
                  <a:pt x="2633568" y="5696342"/>
                </a:moveTo>
                <a:lnTo>
                  <a:pt x="2633568" y="5705896"/>
                </a:lnTo>
                <a:lnTo>
                  <a:pt x="2643122" y="5705896"/>
                </a:lnTo>
                <a:lnTo>
                  <a:pt x="2643122" y="5696342"/>
                </a:lnTo>
                <a:close/>
                <a:moveTo>
                  <a:pt x="2508548" y="5694379"/>
                </a:moveTo>
                <a:lnTo>
                  <a:pt x="2508548" y="5707859"/>
                </a:lnTo>
                <a:lnTo>
                  <a:pt x="2522028" y="5707859"/>
                </a:lnTo>
                <a:lnTo>
                  <a:pt x="2522028" y="5694379"/>
                </a:lnTo>
                <a:close/>
                <a:moveTo>
                  <a:pt x="2382676" y="5691565"/>
                </a:moveTo>
                <a:lnTo>
                  <a:pt x="2382676" y="5710674"/>
                </a:lnTo>
                <a:lnTo>
                  <a:pt x="2401784" y="5710674"/>
                </a:lnTo>
                <a:lnTo>
                  <a:pt x="2401784" y="5691565"/>
                </a:lnTo>
                <a:close/>
                <a:moveTo>
                  <a:pt x="2256767" y="5688713"/>
                </a:moveTo>
                <a:lnTo>
                  <a:pt x="2256767" y="5713487"/>
                </a:lnTo>
                <a:lnTo>
                  <a:pt x="2281541" y="5713487"/>
                </a:lnTo>
                <a:lnTo>
                  <a:pt x="2281541" y="5688713"/>
                </a:lnTo>
                <a:close/>
                <a:moveTo>
                  <a:pt x="2130229" y="5685269"/>
                </a:moveTo>
                <a:lnTo>
                  <a:pt x="2130229" y="5716968"/>
                </a:lnTo>
                <a:lnTo>
                  <a:pt x="2161928" y="5716968"/>
                </a:lnTo>
                <a:lnTo>
                  <a:pt x="2161928" y="5685269"/>
                </a:lnTo>
                <a:close/>
                <a:moveTo>
                  <a:pt x="2003913" y="5682010"/>
                </a:moveTo>
                <a:lnTo>
                  <a:pt x="2003913" y="5720227"/>
                </a:lnTo>
                <a:lnTo>
                  <a:pt x="2042130" y="5720227"/>
                </a:lnTo>
                <a:lnTo>
                  <a:pt x="2042130" y="5682010"/>
                </a:lnTo>
                <a:close/>
                <a:moveTo>
                  <a:pt x="1876967" y="5678085"/>
                </a:moveTo>
                <a:lnTo>
                  <a:pt x="1876967" y="5724116"/>
                </a:lnTo>
                <a:lnTo>
                  <a:pt x="1922998" y="5724116"/>
                </a:lnTo>
                <a:lnTo>
                  <a:pt x="1922998" y="5678085"/>
                </a:lnTo>
                <a:close/>
                <a:moveTo>
                  <a:pt x="1750207" y="5674382"/>
                </a:moveTo>
                <a:lnTo>
                  <a:pt x="1750207" y="5727819"/>
                </a:lnTo>
                <a:lnTo>
                  <a:pt x="1803644" y="5727819"/>
                </a:lnTo>
                <a:lnTo>
                  <a:pt x="1803644" y="5674382"/>
                </a:lnTo>
                <a:close/>
                <a:moveTo>
                  <a:pt x="1623224" y="5670493"/>
                </a:moveTo>
                <a:lnTo>
                  <a:pt x="1623224" y="5731744"/>
                </a:lnTo>
                <a:lnTo>
                  <a:pt x="1684475" y="5731744"/>
                </a:lnTo>
                <a:lnTo>
                  <a:pt x="1684475" y="5670493"/>
                </a:lnTo>
                <a:close/>
                <a:moveTo>
                  <a:pt x="1496500" y="5666790"/>
                </a:moveTo>
                <a:lnTo>
                  <a:pt x="1496500" y="5735410"/>
                </a:lnTo>
                <a:lnTo>
                  <a:pt x="1565120" y="5735410"/>
                </a:lnTo>
                <a:lnTo>
                  <a:pt x="1565120" y="5666790"/>
                </a:lnTo>
                <a:close/>
                <a:moveTo>
                  <a:pt x="1369740" y="5663087"/>
                </a:moveTo>
                <a:lnTo>
                  <a:pt x="1369740" y="5739077"/>
                </a:lnTo>
                <a:lnTo>
                  <a:pt x="1445730" y="5739077"/>
                </a:lnTo>
                <a:lnTo>
                  <a:pt x="1445730" y="5663087"/>
                </a:lnTo>
                <a:close/>
                <a:moveTo>
                  <a:pt x="1242979" y="5659421"/>
                </a:moveTo>
                <a:lnTo>
                  <a:pt x="1242979" y="5742817"/>
                </a:lnTo>
                <a:lnTo>
                  <a:pt x="1326375" y="5742817"/>
                </a:lnTo>
                <a:lnTo>
                  <a:pt x="1326375" y="5659421"/>
                </a:lnTo>
                <a:close/>
                <a:moveTo>
                  <a:pt x="1116663" y="5656162"/>
                </a:moveTo>
                <a:lnTo>
                  <a:pt x="1116663" y="5746076"/>
                </a:lnTo>
                <a:lnTo>
                  <a:pt x="1206577" y="5746076"/>
                </a:lnTo>
                <a:lnTo>
                  <a:pt x="1206577" y="5656162"/>
                </a:lnTo>
                <a:close/>
                <a:moveTo>
                  <a:pt x="990569" y="5653125"/>
                </a:moveTo>
                <a:lnTo>
                  <a:pt x="990569" y="5749112"/>
                </a:lnTo>
                <a:lnTo>
                  <a:pt x="1086556" y="5749112"/>
                </a:lnTo>
                <a:lnTo>
                  <a:pt x="1086556" y="5653125"/>
                </a:lnTo>
                <a:close/>
                <a:moveTo>
                  <a:pt x="864698" y="5650274"/>
                </a:moveTo>
                <a:lnTo>
                  <a:pt x="864698" y="5751890"/>
                </a:lnTo>
                <a:lnTo>
                  <a:pt x="966314" y="5751890"/>
                </a:lnTo>
                <a:lnTo>
                  <a:pt x="966314" y="5650274"/>
                </a:lnTo>
                <a:close/>
                <a:moveTo>
                  <a:pt x="739678" y="5648348"/>
                </a:moveTo>
                <a:lnTo>
                  <a:pt x="739678" y="5753889"/>
                </a:lnTo>
                <a:lnTo>
                  <a:pt x="845219" y="5753889"/>
                </a:lnTo>
                <a:lnTo>
                  <a:pt x="845219" y="5648348"/>
                </a:lnTo>
                <a:close/>
                <a:moveTo>
                  <a:pt x="1" y="5647052"/>
                </a:moveTo>
                <a:lnTo>
                  <a:pt x="1" y="5755185"/>
                </a:lnTo>
                <a:lnTo>
                  <a:pt x="108134" y="5755185"/>
                </a:lnTo>
                <a:lnTo>
                  <a:pt x="108134" y="5647052"/>
                </a:lnTo>
                <a:close/>
                <a:moveTo>
                  <a:pt x="615102" y="5646830"/>
                </a:moveTo>
                <a:lnTo>
                  <a:pt x="615102" y="5755407"/>
                </a:lnTo>
                <a:lnTo>
                  <a:pt x="723680" y="5755407"/>
                </a:lnTo>
                <a:lnTo>
                  <a:pt x="723680" y="5646830"/>
                </a:lnTo>
                <a:close/>
                <a:moveTo>
                  <a:pt x="491378" y="5646163"/>
                </a:moveTo>
                <a:lnTo>
                  <a:pt x="491378" y="5756037"/>
                </a:lnTo>
                <a:lnTo>
                  <a:pt x="601252" y="5756037"/>
                </a:lnTo>
                <a:lnTo>
                  <a:pt x="601252" y="5646163"/>
                </a:lnTo>
                <a:close/>
                <a:moveTo>
                  <a:pt x="367876" y="5645719"/>
                </a:moveTo>
                <a:lnTo>
                  <a:pt x="367876" y="5756482"/>
                </a:lnTo>
                <a:lnTo>
                  <a:pt x="478639" y="5756482"/>
                </a:lnTo>
                <a:lnTo>
                  <a:pt x="478639" y="5645719"/>
                </a:lnTo>
                <a:close/>
                <a:moveTo>
                  <a:pt x="244819" y="5645719"/>
                </a:moveTo>
                <a:lnTo>
                  <a:pt x="244819" y="5756482"/>
                </a:lnTo>
                <a:lnTo>
                  <a:pt x="355582" y="5756482"/>
                </a:lnTo>
                <a:lnTo>
                  <a:pt x="355582" y="5645719"/>
                </a:lnTo>
                <a:close/>
                <a:moveTo>
                  <a:pt x="121762" y="5645719"/>
                </a:moveTo>
                <a:lnTo>
                  <a:pt x="121762" y="5756482"/>
                </a:lnTo>
                <a:lnTo>
                  <a:pt x="232525" y="5756482"/>
                </a:lnTo>
                <a:lnTo>
                  <a:pt x="232525" y="5645719"/>
                </a:lnTo>
                <a:close/>
                <a:moveTo>
                  <a:pt x="5714630" y="5577839"/>
                </a:moveTo>
                <a:lnTo>
                  <a:pt x="5714630" y="5578284"/>
                </a:lnTo>
                <a:lnTo>
                  <a:pt x="5715074" y="5578284"/>
                </a:lnTo>
                <a:lnTo>
                  <a:pt x="5715074" y="5577839"/>
                </a:lnTo>
                <a:close/>
                <a:moveTo>
                  <a:pt x="5591573" y="5577839"/>
                </a:moveTo>
                <a:lnTo>
                  <a:pt x="5591573" y="5578284"/>
                </a:lnTo>
                <a:lnTo>
                  <a:pt x="5592018" y="5578284"/>
                </a:lnTo>
                <a:lnTo>
                  <a:pt x="5592018" y="5577839"/>
                </a:lnTo>
                <a:close/>
                <a:moveTo>
                  <a:pt x="5468515" y="5577839"/>
                </a:moveTo>
                <a:lnTo>
                  <a:pt x="5468515" y="5578284"/>
                </a:lnTo>
                <a:lnTo>
                  <a:pt x="5468959" y="5578284"/>
                </a:lnTo>
                <a:lnTo>
                  <a:pt x="5468959" y="5577839"/>
                </a:lnTo>
                <a:close/>
                <a:moveTo>
                  <a:pt x="4976249" y="5577839"/>
                </a:moveTo>
                <a:lnTo>
                  <a:pt x="4976249" y="5578284"/>
                </a:lnTo>
                <a:lnTo>
                  <a:pt x="4976693" y="5578284"/>
                </a:lnTo>
                <a:lnTo>
                  <a:pt x="4976693" y="5577839"/>
                </a:lnTo>
                <a:close/>
                <a:moveTo>
                  <a:pt x="3991790" y="5577839"/>
                </a:moveTo>
                <a:lnTo>
                  <a:pt x="3991790" y="5578284"/>
                </a:lnTo>
                <a:lnTo>
                  <a:pt x="3992235" y="5578284"/>
                </a:lnTo>
                <a:lnTo>
                  <a:pt x="3992235" y="5577839"/>
                </a:lnTo>
                <a:close/>
                <a:moveTo>
                  <a:pt x="3868733" y="5577839"/>
                </a:moveTo>
                <a:lnTo>
                  <a:pt x="3868733" y="5578284"/>
                </a:lnTo>
                <a:lnTo>
                  <a:pt x="3869177" y="5578284"/>
                </a:lnTo>
                <a:lnTo>
                  <a:pt x="3869177" y="5577839"/>
                </a:lnTo>
                <a:close/>
                <a:moveTo>
                  <a:pt x="3745676" y="5577839"/>
                </a:moveTo>
                <a:lnTo>
                  <a:pt x="3745676" y="5578284"/>
                </a:lnTo>
                <a:lnTo>
                  <a:pt x="3746120" y="5578284"/>
                </a:lnTo>
                <a:lnTo>
                  <a:pt x="3746120" y="5577839"/>
                </a:lnTo>
                <a:close/>
                <a:moveTo>
                  <a:pt x="3622618" y="5577839"/>
                </a:moveTo>
                <a:lnTo>
                  <a:pt x="3622618" y="5578284"/>
                </a:lnTo>
                <a:lnTo>
                  <a:pt x="3623062" y="5578284"/>
                </a:lnTo>
                <a:lnTo>
                  <a:pt x="3623062" y="5577839"/>
                </a:lnTo>
                <a:close/>
                <a:moveTo>
                  <a:pt x="3499524" y="5577839"/>
                </a:moveTo>
                <a:lnTo>
                  <a:pt x="3499524" y="5578284"/>
                </a:lnTo>
                <a:lnTo>
                  <a:pt x="3499968" y="5578284"/>
                </a:lnTo>
                <a:lnTo>
                  <a:pt x="3499968" y="5577839"/>
                </a:lnTo>
                <a:close/>
                <a:moveTo>
                  <a:pt x="3376467" y="5577839"/>
                </a:moveTo>
                <a:lnTo>
                  <a:pt x="3376467" y="5578284"/>
                </a:lnTo>
                <a:lnTo>
                  <a:pt x="3376911" y="5578284"/>
                </a:lnTo>
                <a:lnTo>
                  <a:pt x="3376911" y="5577839"/>
                </a:lnTo>
                <a:close/>
                <a:moveTo>
                  <a:pt x="3253187" y="5577617"/>
                </a:moveTo>
                <a:lnTo>
                  <a:pt x="3253187" y="5578469"/>
                </a:lnTo>
                <a:lnTo>
                  <a:pt x="3254039" y="5578469"/>
                </a:lnTo>
                <a:lnTo>
                  <a:pt x="3254039" y="5577617"/>
                </a:lnTo>
                <a:close/>
                <a:moveTo>
                  <a:pt x="3129945" y="5577395"/>
                </a:moveTo>
                <a:lnTo>
                  <a:pt x="3129945" y="5578691"/>
                </a:lnTo>
                <a:lnTo>
                  <a:pt x="3131241" y="5578691"/>
                </a:lnTo>
                <a:lnTo>
                  <a:pt x="3131241" y="5577395"/>
                </a:lnTo>
                <a:close/>
                <a:moveTo>
                  <a:pt x="3006443" y="5576951"/>
                </a:moveTo>
                <a:lnTo>
                  <a:pt x="3006443" y="5579136"/>
                </a:lnTo>
                <a:lnTo>
                  <a:pt x="3008628" y="5579136"/>
                </a:lnTo>
                <a:lnTo>
                  <a:pt x="3008628" y="5576951"/>
                </a:lnTo>
                <a:close/>
                <a:moveTo>
                  <a:pt x="2882941" y="5576543"/>
                </a:moveTo>
                <a:lnTo>
                  <a:pt x="2882941" y="5579579"/>
                </a:lnTo>
                <a:lnTo>
                  <a:pt x="2885978" y="5579579"/>
                </a:lnTo>
                <a:lnTo>
                  <a:pt x="2885978" y="5576543"/>
                </a:lnTo>
                <a:close/>
                <a:moveTo>
                  <a:pt x="2758995" y="5575654"/>
                </a:moveTo>
                <a:lnTo>
                  <a:pt x="2758995" y="5580431"/>
                </a:lnTo>
                <a:lnTo>
                  <a:pt x="2763772" y="5580431"/>
                </a:lnTo>
                <a:lnTo>
                  <a:pt x="2763772" y="5575654"/>
                </a:lnTo>
                <a:close/>
                <a:moveTo>
                  <a:pt x="2634420" y="5574136"/>
                </a:moveTo>
                <a:lnTo>
                  <a:pt x="2634420" y="5581950"/>
                </a:lnTo>
                <a:lnTo>
                  <a:pt x="2642234" y="5581950"/>
                </a:lnTo>
                <a:lnTo>
                  <a:pt x="2642234" y="5574136"/>
                </a:lnTo>
                <a:close/>
                <a:moveTo>
                  <a:pt x="2509400" y="5572173"/>
                </a:moveTo>
                <a:lnTo>
                  <a:pt x="2509400" y="5583912"/>
                </a:lnTo>
                <a:lnTo>
                  <a:pt x="2521139" y="5583912"/>
                </a:lnTo>
                <a:lnTo>
                  <a:pt x="2521139" y="5572173"/>
                </a:lnTo>
                <a:close/>
                <a:moveTo>
                  <a:pt x="2383750" y="5569581"/>
                </a:moveTo>
                <a:lnTo>
                  <a:pt x="2383750" y="5586504"/>
                </a:lnTo>
                <a:lnTo>
                  <a:pt x="2400674" y="5586504"/>
                </a:lnTo>
                <a:lnTo>
                  <a:pt x="2400674" y="5569581"/>
                </a:lnTo>
                <a:close/>
                <a:moveTo>
                  <a:pt x="2257656" y="5566545"/>
                </a:moveTo>
                <a:lnTo>
                  <a:pt x="2257656" y="5589579"/>
                </a:lnTo>
                <a:lnTo>
                  <a:pt x="2280690" y="5589579"/>
                </a:lnTo>
                <a:lnTo>
                  <a:pt x="2280690" y="5566545"/>
                </a:lnTo>
                <a:close/>
                <a:moveTo>
                  <a:pt x="2131118" y="5563064"/>
                </a:moveTo>
                <a:lnTo>
                  <a:pt x="2131118" y="5593023"/>
                </a:lnTo>
                <a:lnTo>
                  <a:pt x="2161077" y="5593023"/>
                </a:lnTo>
                <a:lnTo>
                  <a:pt x="2161077" y="5563064"/>
                </a:lnTo>
                <a:close/>
                <a:moveTo>
                  <a:pt x="2004579" y="5559583"/>
                </a:moveTo>
                <a:lnTo>
                  <a:pt x="2004579" y="5596504"/>
                </a:lnTo>
                <a:lnTo>
                  <a:pt x="2041500" y="5596504"/>
                </a:lnTo>
                <a:lnTo>
                  <a:pt x="2041500" y="5559583"/>
                </a:lnTo>
                <a:close/>
                <a:moveTo>
                  <a:pt x="1877597" y="5555694"/>
                </a:moveTo>
                <a:lnTo>
                  <a:pt x="1877597" y="5600428"/>
                </a:lnTo>
                <a:lnTo>
                  <a:pt x="1922332" y="5600428"/>
                </a:lnTo>
                <a:lnTo>
                  <a:pt x="1922332" y="5555694"/>
                </a:lnTo>
                <a:close/>
                <a:moveTo>
                  <a:pt x="1750873" y="5551991"/>
                </a:moveTo>
                <a:lnTo>
                  <a:pt x="1750873" y="5604095"/>
                </a:lnTo>
                <a:lnTo>
                  <a:pt x="1802977" y="5604095"/>
                </a:lnTo>
                <a:lnTo>
                  <a:pt x="1802977" y="5551991"/>
                </a:lnTo>
                <a:close/>
                <a:moveTo>
                  <a:pt x="1623891" y="5548066"/>
                </a:moveTo>
                <a:lnTo>
                  <a:pt x="1623891" y="5608021"/>
                </a:lnTo>
                <a:lnTo>
                  <a:pt x="1683846" y="5608021"/>
                </a:lnTo>
                <a:lnTo>
                  <a:pt x="1683846" y="5548066"/>
                </a:lnTo>
                <a:close/>
                <a:moveTo>
                  <a:pt x="1496908" y="5544177"/>
                </a:moveTo>
                <a:lnTo>
                  <a:pt x="1496908" y="5611946"/>
                </a:lnTo>
                <a:lnTo>
                  <a:pt x="1564677" y="5611946"/>
                </a:lnTo>
                <a:lnTo>
                  <a:pt x="1564677" y="5544177"/>
                </a:lnTo>
                <a:close/>
                <a:moveTo>
                  <a:pt x="1369962" y="5540252"/>
                </a:moveTo>
                <a:lnTo>
                  <a:pt x="1369962" y="5615835"/>
                </a:lnTo>
                <a:lnTo>
                  <a:pt x="1445544" y="5615835"/>
                </a:lnTo>
                <a:lnTo>
                  <a:pt x="1445544" y="5540252"/>
                </a:lnTo>
                <a:close/>
                <a:moveTo>
                  <a:pt x="1243202" y="5536586"/>
                </a:moveTo>
                <a:lnTo>
                  <a:pt x="1243202" y="5619538"/>
                </a:lnTo>
                <a:lnTo>
                  <a:pt x="1326154" y="5619538"/>
                </a:lnTo>
                <a:lnTo>
                  <a:pt x="1326154" y="5536586"/>
                </a:lnTo>
                <a:close/>
                <a:moveTo>
                  <a:pt x="1116663" y="5533105"/>
                </a:moveTo>
                <a:lnTo>
                  <a:pt x="1116663" y="5623019"/>
                </a:lnTo>
                <a:lnTo>
                  <a:pt x="1206577" y="5623019"/>
                </a:lnTo>
                <a:lnTo>
                  <a:pt x="1206577" y="5533105"/>
                </a:lnTo>
                <a:close/>
                <a:moveTo>
                  <a:pt x="990347" y="5529846"/>
                </a:moveTo>
                <a:lnTo>
                  <a:pt x="990347" y="5626277"/>
                </a:lnTo>
                <a:lnTo>
                  <a:pt x="1086778" y="5626277"/>
                </a:lnTo>
                <a:lnTo>
                  <a:pt x="1086778" y="5529846"/>
                </a:lnTo>
                <a:close/>
                <a:moveTo>
                  <a:pt x="864475" y="5527031"/>
                </a:moveTo>
                <a:lnTo>
                  <a:pt x="864475" y="5629091"/>
                </a:lnTo>
                <a:lnTo>
                  <a:pt x="966535" y="5629091"/>
                </a:lnTo>
                <a:lnTo>
                  <a:pt x="966535" y="5527031"/>
                </a:lnTo>
                <a:close/>
                <a:moveTo>
                  <a:pt x="739233" y="5524847"/>
                </a:moveTo>
                <a:lnTo>
                  <a:pt x="739233" y="5631240"/>
                </a:lnTo>
                <a:lnTo>
                  <a:pt x="845626" y="5631240"/>
                </a:lnTo>
                <a:lnTo>
                  <a:pt x="845626" y="5524847"/>
                </a:lnTo>
                <a:close/>
                <a:moveTo>
                  <a:pt x="1" y="5523958"/>
                </a:moveTo>
                <a:lnTo>
                  <a:pt x="1" y="5632091"/>
                </a:lnTo>
                <a:lnTo>
                  <a:pt x="108134" y="5632091"/>
                </a:lnTo>
                <a:lnTo>
                  <a:pt x="108134" y="5523958"/>
                </a:lnTo>
                <a:close/>
                <a:moveTo>
                  <a:pt x="614658" y="5523328"/>
                </a:moveTo>
                <a:lnTo>
                  <a:pt x="614658" y="5632795"/>
                </a:lnTo>
                <a:lnTo>
                  <a:pt x="724125" y="5632795"/>
                </a:lnTo>
                <a:lnTo>
                  <a:pt x="724125" y="5523328"/>
                </a:lnTo>
                <a:close/>
                <a:moveTo>
                  <a:pt x="490934" y="5522662"/>
                </a:moveTo>
                <a:lnTo>
                  <a:pt x="490934" y="5633425"/>
                </a:lnTo>
                <a:lnTo>
                  <a:pt x="601697" y="5633425"/>
                </a:lnTo>
                <a:lnTo>
                  <a:pt x="601697" y="5522662"/>
                </a:lnTo>
                <a:close/>
                <a:moveTo>
                  <a:pt x="367876" y="5522662"/>
                </a:moveTo>
                <a:lnTo>
                  <a:pt x="367876" y="5633425"/>
                </a:lnTo>
                <a:lnTo>
                  <a:pt x="478639" y="5633425"/>
                </a:lnTo>
                <a:lnTo>
                  <a:pt x="478639" y="5522662"/>
                </a:lnTo>
                <a:close/>
                <a:moveTo>
                  <a:pt x="244819" y="5522662"/>
                </a:moveTo>
                <a:lnTo>
                  <a:pt x="244819" y="5633425"/>
                </a:lnTo>
                <a:lnTo>
                  <a:pt x="355582" y="5633425"/>
                </a:lnTo>
                <a:lnTo>
                  <a:pt x="355582" y="5522662"/>
                </a:lnTo>
                <a:close/>
                <a:moveTo>
                  <a:pt x="121762" y="5522662"/>
                </a:moveTo>
                <a:lnTo>
                  <a:pt x="121762" y="5633425"/>
                </a:lnTo>
                <a:lnTo>
                  <a:pt x="232525" y="5633425"/>
                </a:lnTo>
                <a:lnTo>
                  <a:pt x="232525" y="5522662"/>
                </a:lnTo>
                <a:close/>
                <a:moveTo>
                  <a:pt x="5714630" y="5454782"/>
                </a:moveTo>
                <a:lnTo>
                  <a:pt x="5714630" y="5455226"/>
                </a:lnTo>
                <a:lnTo>
                  <a:pt x="5715074" y="5455226"/>
                </a:lnTo>
                <a:lnTo>
                  <a:pt x="5715074" y="5454782"/>
                </a:lnTo>
                <a:close/>
                <a:moveTo>
                  <a:pt x="5591573" y="5454782"/>
                </a:moveTo>
                <a:lnTo>
                  <a:pt x="5591573" y="5455226"/>
                </a:lnTo>
                <a:lnTo>
                  <a:pt x="5592018" y="5455226"/>
                </a:lnTo>
                <a:lnTo>
                  <a:pt x="5592018" y="5454782"/>
                </a:lnTo>
                <a:close/>
                <a:moveTo>
                  <a:pt x="3745676" y="5454782"/>
                </a:moveTo>
                <a:lnTo>
                  <a:pt x="3745676" y="5455226"/>
                </a:lnTo>
                <a:lnTo>
                  <a:pt x="3746120" y="5455226"/>
                </a:lnTo>
                <a:lnTo>
                  <a:pt x="3746120" y="5454782"/>
                </a:lnTo>
                <a:close/>
                <a:moveTo>
                  <a:pt x="3622618" y="5454782"/>
                </a:moveTo>
                <a:lnTo>
                  <a:pt x="3622618" y="5455226"/>
                </a:lnTo>
                <a:lnTo>
                  <a:pt x="3623062" y="5455226"/>
                </a:lnTo>
                <a:lnTo>
                  <a:pt x="3623062" y="5454782"/>
                </a:lnTo>
                <a:close/>
                <a:moveTo>
                  <a:pt x="3499524" y="5454782"/>
                </a:moveTo>
                <a:lnTo>
                  <a:pt x="3499524" y="5455226"/>
                </a:lnTo>
                <a:lnTo>
                  <a:pt x="3499968" y="5455226"/>
                </a:lnTo>
                <a:lnTo>
                  <a:pt x="3499968" y="5454782"/>
                </a:lnTo>
                <a:close/>
                <a:moveTo>
                  <a:pt x="3376467" y="5454782"/>
                </a:moveTo>
                <a:lnTo>
                  <a:pt x="3376467" y="5455226"/>
                </a:lnTo>
                <a:lnTo>
                  <a:pt x="3376911" y="5455226"/>
                </a:lnTo>
                <a:lnTo>
                  <a:pt x="3376911" y="5454782"/>
                </a:lnTo>
                <a:close/>
                <a:moveTo>
                  <a:pt x="3253409" y="5454782"/>
                </a:moveTo>
                <a:lnTo>
                  <a:pt x="3253409" y="5455226"/>
                </a:lnTo>
                <a:lnTo>
                  <a:pt x="3253853" y="5455226"/>
                </a:lnTo>
                <a:lnTo>
                  <a:pt x="3253853" y="5454782"/>
                </a:lnTo>
                <a:close/>
                <a:moveTo>
                  <a:pt x="3130352" y="5454782"/>
                </a:moveTo>
                <a:lnTo>
                  <a:pt x="3130352" y="5455226"/>
                </a:lnTo>
                <a:lnTo>
                  <a:pt x="3130796" y="5455226"/>
                </a:lnTo>
                <a:lnTo>
                  <a:pt x="3130796" y="5454782"/>
                </a:lnTo>
                <a:close/>
                <a:moveTo>
                  <a:pt x="3006850" y="5454338"/>
                </a:moveTo>
                <a:lnTo>
                  <a:pt x="3006850" y="5455634"/>
                </a:lnTo>
                <a:lnTo>
                  <a:pt x="3008146" y="5455634"/>
                </a:lnTo>
                <a:lnTo>
                  <a:pt x="3008146" y="5454338"/>
                </a:lnTo>
                <a:close/>
                <a:moveTo>
                  <a:pt x="2883386" y="5453893"/>
                </a:moveTo>
                <a:lnTo>
                  <a:pt x="2883386" y="5456078"/>
                </a:lnTo>
                <a:lnTo>
                  <a:pt x="2885571" y="5456078"/>
                </a:lnTo>
                <a:lnTo>
                  <a:pt x="2885571" y="5453893"/>
                </a:lnTo>
                <a:close/>
                <a:moveTo>
                  <a:pt x="2759884" y="5453486"/>
                </a:moveTo>
                <a:lnTo>
                  <a:pt x="2759884" y="5456522"/>
                </a:lnTo>
                <a:lnTo>
                  <a:pt x="2762921" y="5456522"/>
                </a:lnTo>
                <a:lnTo>
                  <a:pt x="2762921" y="5453486"/>
                </a:lnTo>
                <a:close/>
                <a:moveTo>
                  <a:pt x="2635531" y="5452153"/>
                </a:moveTo>
                <a:lnTo>
                  <a:pt x="2635531" y="5457782"/>
                </a:lnTo>
                <a:lnTo>
                  <a:pt x="2641160" y="5457782"/>
                </a:lnTo>
                <a:lnTo>
                  <a:pt x="2641160" y="5452153"/>
                </a:lnTo>
                <a:close/>
                <a:moveTo>
                  <a:pt x="2510288" y="5450005"/>
                </a:moveTo>
                <a:lnTo>
                  <a:pt x="2510288" y="5460004"/>
                </a:lnTo>
                <a:lnTo>
                  <a:pt x="2520287" y="5460004"/>
                </a:lnTo>
                <a:lnTo>
                  <a:pt x="2520287" y="5450005"/>
                </a:lnTo>
                <a:close/>
                <a:moveTo>
                  <a:pt x="2384602" y="5447376"/>
                </a:moveTo>
                <a:lnTo>
                  <a:pt x="2384602" y="5462559"/>
                </a:lnTo>
                <a:lnTo>
                  <a:pt x="2399785" y="5462559"/>
                </a:lnTo>
                <a:lnTo>
                  <a:pt x="2399785" y="5447376"/>
                </a:lnTo>
                <a:close/>
                <a:moveTo>
                  <a:pt x="2258508" y="5444339"/>
                </a:moveTo>
                <a:lnTo>
                  <a:pt x="2258508" y="5465632"/>
                </a:lnTo>
                <a:lnTo>
                  <a:pt x="2279801" y="5465632"/>
                </a:lnTo>
                <a:lnTo>
                  <a:pt x="2279801" y="5444339"/>
                </a:lnTo>
                <a:close/>
                <a:moveTo>
                  <a:pt x="2131970" y="5440858"/>
                </a:moveTo>
                <a:lnTo>
                  <a:pt x="2131970" y="5469076"/>
                </a:lnTo>
                <a:lnTo>
                  <a:pt x="2160188" y="5469076"/>
                </a:lnTo>
                <a:lnTo>
                  <a:pt x="2160188" y="5440858"/>
                </a:lnTo>
                <a:close/>
                <a:moveTo>
                  <a:pt x="2005246" y="5437192"/>
                </a:moveTo>
                <a:lnTo>
                  <a:pt x="2005246" y="5472817"/>
                </a:lnTo>
                <a:lnTo>
                  <a:pt x="2040871" y="5472817"/>
                </a:lnTo>
                <a:lnTo>
                  <a:pt x="2040871" y="5437192"/>
                </a:lnTo>
                <a:close/>
                <a:moveTo>
                  <a:pt x="1878263" y="5433266"/>
                </a:moveTo>
                <a:lnTo>
                  <a:pt x="1878263" y="5476705"/>
                </a:lnTo>
                <a:lnTo>
                  <a:pt x="1921702" y="5476705"/>
                </a:lnTo>
                <a:lnTo>
                  <a:pt x="1921702" y="5433266"/>
                </a:lnTo>
                <a:close/>
                <a:moveTo>
                  <a:pt x="1751281" y="5429378"/>
                </a:moveTo>
                <a:lnTo>
                  <a:pt x="1751281" y="5480630"/>
                </a:lnTo>
                <a:lnTo>
                  <a:pt x="1802533" y="5480630"/>
                </a:lnTo>
                <a:lnTo>
                  <a:pt x="1802533" y="5429378"/>
                </a:lnTo>
                <a:close/>
                <a:moveTo>
                  <a:pt x="1624335" y="5425453"/>
                </a:moveTo>
                <a:lnTo>
                  <a:pt x="1624335" y="5484519"/>
                </a:lnTo>
                <a:lnTo>
                  <a:pt x="1683401" y="5484519"/>
                </a:lnTo>
                <a:lnTo>
                  <a:pt x="1683401" y="5425453"/>
                </a:lnTo>
                <a:close/>
                <a:moveTo>
                  <a:pt x="1497352" y="5421527"/>
                </a:moveTo>
                <a:lnTo>
                  <a:pt x="1497352" y="5488407"/>
                </a:lnTo>
                <a:lnTo>
                  <a:pt x="1564232" y="5488407"/>
                </a:lnTo>
                <a:lnTo>
                  <a:pt x="1564232" y="5421527"/>
                </a:lnTo>
                <a:close/>
                <a:moveTo>
                  <a:pt x="1370370" y="5417639"/>
                </a:moveTo>
                <a:lnTo>
                  <a:pt x="1370370" y="5492333"/>
                </a:lnTo>
                <a:lnTo>
                  <a:pt x="1445064" y="5492333"/>
                </a:lnTo>
                <a:lnTo>
                  <a:pt x="1445064" y="5417639"/>
                </a:lnTo>
                <a:close/>
                <a:moveTo>
                  <a:pt x="1243646" y="5413936"/>
                </a:moveTo>
                <a:lnTo>
                  <a:pt x="1243646" y="5496036"/>
                </a:lnTo>
                <a:lnTo>
                  <a:pt x="1325746" y="5496036"/>
                </a:lnTo>
                <a:lnTo>
                  <a:pt x="1325746" y="5413936"/>
                </a:lnTo>
                <a:close/>
                <a:moveTo>
                  <a:pt x="1117108" y="5410455"/>
                </a:moveTo>
                <a:lnTo>
                  <a:pt x="1117108" y="5499480"/>
                </a:lnTo>
                <a:lnTo>
                  <a:pt x="1206133" y="5499480"/>
                </a:lnTo>
                <a:lnTo>
                  <a:pt x="1206133" y="5410455"/>
                </a:lnTo>
                <a:close/>
                <a:moveTo>
                  <a:pt x="990792" y="5407196"/>
                </a:moveTo>
                <a:lnTo>
                  <a:pt x="990792" y="5502739"/>
                </a:lnTo>
                <a:lnTo>
                  <a:pt x="1086334" y="5502739"/>
                </a:lnTo>
                <a:lnTo>
                  <a:pt x="1086334" y="5407196"/>
                </a:lnTo>
                <a:close/>
                <a:moveTo>
                  <a:pt x="864883" y="5404382"/>
                </a:moveTo>
                <a:lnTo>
                  <a:pt x="864883" y="5505590"/>
                </a:lnTo>
                <a:lnTo>
                  <a:pt x="966091" y="5505590"/>
                </a:lnTo>
                <a:lnTo>
                  <a:pt x="966091" y="5404382"/>
                </a:lnTo>
                <a:close/>
                <a:moveTo>
                  <a:pt x="739233" y="5401789"/>
                </a:moveTo>
                <a:lnTo>
                  <a:pt x="739233" y="5508182"/>
                </a:lnTo>
                <a:lnTo>
                  <a:pt x="845626" y="5508182"/>
                </a:lnTo>
                <a:lnTo>
                  <a:pt x="845626" y="5401789"/>
                </a:lnTo>
                <a:close/>
                <a:moveTo>
                  <a:pt x="223" y="5401123"/>
                </a:moveTo>
                <a:lnTo>
                  <a:pt x="223" y="5508849"/>
                </a:lnTo>
                <a:lnTo>
                  <a:pt x="107949" y="5508849"/>
                </a:lnTo>
                <a:lnTo>
                  <a:pt x="107949" y="5401123"/>
                </a:lnTo>
                <a:close/>
                <a:moveTo>
                  <a:pt x="614213" y="5399827"/>
                </a:moveTo>
                <a:lnTo>
                  <a:pt x="614213" y="5510145"/>
                </a:lnTo>
                <a:lnTo>
                  <a:pt x="724531" y="5510145"/>
                </a:lnTo>
                <a:lnTo>
                  <a:pt x="724531" y="5399827"/>
                </a:lnTo>
                <a:close/>
                <a:moveTo>
                  <a:pt x="121984" y="5399827"/>
                </a:moveTo>
                <a:lnTo>
                  <a:pt x="121984" y="5510145"/>
                </a:lnTo>
                <a:lnTo>
                  <a:pt x="232302" y="5510145"/>
                </a:lnTo>
                <a:lnTo>
                  <a:pt x="232302" y="5399827"/>
                </a:lnTo>
                <a:close/>
                <a:moveTo>
                  <a:pt x="490934" y="5399604"/>
                </a:moveTo>
                <a:lnTo>
                  <a:pt x="490934" y="5510367"/>
                </a:lnTo>
                <a:lnTo>
                  <a:pt x="601697" y="5510367"/>
                </a:lnTo>
                <a:lnTo>
                  <a:pt x="601697" y="5399604"/>
                </a:lnTo>
                <a:close/>
                <a:moveTo>
                  <a:pt x="367876" y="5399604"/>
                </a:moveTo>
                <a:lnTo>
                  <a:pt x="367876" y="5510367"/>
                </a:lnTo>
                <a:lnTo>
                  <a:pt x="478639" y="5510367"/>
                </a:lnTo>
                <a:lnTo>
                  <a:pt x="478639" y="5399604"/>
                </a:lnTo>
                <a:close/>
                <a:moveTo>
                  <a:pt x="244819" y="5399604"/>
                </a:moveTo>
                <a:lnTo>
                  <a:pt x="244819" y="5510367"/>
                </a:lnTo>
                <a:lnTo>
                  <a:pt x="355582" y="5510367"/>
                </a:lnTo>
                <a:lnTo>
                  <a:pt x="355582" y="5399604"/>
                </a:lnTo>
                <a:close/>
                <a:moveTo>
                  <a:pt x="3622618" y="5331725"/>
                </a:moveTo>
                <a:lnTo>
                  <a:pt x="3622618" y="5332169"/>
                </a:lnTo>
                <a:lnTo>
                  <a:pt x="3623062" y="5332169"/>
                </a:lnTo>
                <a:lnTo>
                  <a:pt x="3623062" y="5331725"/>
                </a:lnTo>
                <a:close/>
                <a:moveTo>
                  <a:pt x="3499524" y="5331725"/>
                </a:moveTo>
                <a:lnTo>
                  <a:pt x="3499524" y="5332169"/>
                </a:lnTo>
                <a:lnTo>
                  <a:pt x="3499968" y="5332169"/>
                </a:lnTo>
                <a:lnTo>
                  <a:pt x="3499968" y="5331725"/>
                </a:lnTo>
                <a:close/>
                <a:moveTo>
                  <a:pt x="3376467" y="5331725"/>
                </a:moveTo>
                <a:lnTo>
                  <a:pt x="3376467" y="5332169"/>
                </a:lnTo>
                <a:lnTo>
                  <a:pt x="3376911" y="5332169"/>
                </a:lnTo>
                <a:lnTo>
                  <a:pt x="3376911" y="5331725"/>
                </a:lnTo>
                <a:close/>
                <a:moveTo>
                  <a:pt x="3253409" y="5331725"/>
                </a:moveTo>
                <a:lnTo>
                  <a:pt x="3253409" y="5332169"/>
                </a:lnTo>
                <a:lnTo>
                  <a:pt x="3253853" y="5332169"/>
                </a:lnTo>
                <a:lnTo>
                  <a:pt x="3253853" y="5331725"/>
                </a:lnTo>
                <a:close/>
                <a:moveTo>
                  <a:pt x="3130352" y="5331725"/>
                </a:moveTo>
                <a:lnTo>
                  <a:pt x="3130352" y="5332169"/>
                </a:lnTo>
                <a:lnTo>
                  <a:pt x="3130796" y="5332169"/>
                </a:lnTo>
                <a:lnTo>
                  <a:pt x="3130796" y="5331725"/>
                </a:lnTo>
                <a:close/>
                <a:moveTo>
                  <a:pt x="3007295" y="5331725"/>
                </a:moveTo>
                <a:lnTo>
                  <a:pt x="3007295" y="5332169"/>
                </a:lnTo>
                <a:lnTo>
                  <a:pt x="3007739" y="5332169"/>
                </a:lnTo>
                <a:lnTo>
                  <a:pt x="3007739" y="5331725"/>
                </a:lnTo>
                <a:close/>
                <a:moveTo>
                  <a:pt x="2883793" y="5331280"/>
                </a:moveTo>
                <a:lnTo>
                  <a:pt x="2883793" y="5332576"/>
                </a:lnTo>
                <a:lnTo>
                  <a:pt x="2885089" y="5332576"/>
                </a:lnTo>
                <a:lnTo>
                  <a:pt x="2885089" y="5331280"/>
                </a:lnTo>
                <a:close/>
                <a:moveTo>
                  <a:pt x="2760736" y="5331280"/>
                </a:moveTo>
                <a:lnTo>
                  <a:pt x="2760736" y="5332576"/>
                </a:lnTo>
                <a:lnTo>
                  <a:pt x="2762032" y="5332576"/>
                </a:lnTo>
                <a:lnTo>
                  <a:pt x="2762032" y="5331280"/>
                </a:lnTo>
                <a:close/>
                <a:moveTo>
                  <a:pt x="2636382" y="5329984"/>
                </a:moveTo>
                <a:lnTo>
                  <a:pt x="2636382" y="5333910"/>
                </a:lnTo>
                <a:lnTo>
                  <a:pt x="2640307" y="5333910"/>
                </a:lnTo>
                <a:lnTo>
                  <a:pt x="2640307" y="5329984"/>
                </a:lnTo>
                <a:close/>
                <a:moveTo>
                  <a:pt x="2511140" y="5327799"/>
                </a:moveTo>
                <a:lnTo>
                  <a:pt x="2511140" y="5336057"/>
                </a:lnTo>
                <a:lnTo>
                  <a:pt x="2519398" y="5336057"/>
                </a:lnTo>
                <a:lnTo>
                  <a:pt x="2519398" y="5327799"/>
                </a:lnTo>
                <a:close/>
                <a:moveTo>
                  <a:pt x="2385046" y="5324763"/>
                </a:moveTo>
                <a:lnTo>
                  <a:pt x="2385046" y="5339094"/>
                </a:lnTo>
                <a:lnTo>
                  <a:pt x="2399377" y="5339094"/>
                </a:lnTo>
                <a:lnTo>
                  <a:pt x="2399377" y="5324763"/>
                </a:lnTo>
                <a:close/>
                <a:moveTo>
                  <a:pt x="2258952" y="5321726"/>
                </a:moveTo>
                <a:lnTo>
                  <a:pt x="2258952" y="5342131"/>
                </a:lnTo>
                <a:lnTo>
                  <a:pt x="2279357" y="5342131"/>
                </a:lnTo>
                <a:lnTo>
                  <a:pt x="2279357" y="5321726"/>
                </a:lnTo>
                <a:close/>
                <a:moveTo>
                  <a:pt x="2132414" y="5318245"/>
                </a:moveTo>
                <a:lnTo>
                  <a:pt x="2132414" y="5345612"/>
                </a:lnTo>
                <a:lnTo>
                  <a:pt x="2159781" y="5345612"/>
                </a:lnTo>
                <a:lnTo>
                  <a:pt x="2159781" y="5318245"/>
                </a:lnTo>
                <a:close/>
                <a:moveTo>
                  <a:pt x="2005876" y="5314764"/>
                </a:moveTo>
                <a:lnTo>
                  <a:pt x="2005876" y="5349093"/>
                </a:lnTo>
                <a:lnTo>
                  <a:pt x="2040205" y="5349093"/>
                </a:lnTo>
                <a:lnTo>
                  <a:pt x="2040205" y="5314764"/>
                </a:lnTo>
                <a:close/>
                <a:moveTo>
                  <a:pt x="1878930" y="5310876"/>
                </a:moveTo>
                <a:lnTo>
                  <a:pt x="1878930" y="5353018"/>
                </a:lnTo>
                <a:lnTo>
                  <a:pt x="1921072" y="5353018"/>
                </a:lnTo>
                <a:lnTo>
                  <a:pt x="1921072" y="5310876"/>
                </a:lnTo>
                <a:close/>
                <a:moveTo>
                  <a:pt x="1751947" y="5306950"/>
                </a:moveTo>
                <a:lnTo>
                  <a:pt x="1751947" y="5356906"/>
                </a:lnTo>
                <a:lnTo>
                  <a:pt x="1801903" y="5356906"/>
                </a:lnTo>
                <a:lnTo>
                  <a:pt x="1801903" y="5306950"/>
                </a:lnTo>
                <a:close/>
                <a:moveTo>
                  <a:pt x="1624964" y="5303062"/>
                </a:moveTo>
                <a:lnTo>
                  <a:pt x="1624964" y="5360832"/>
                </a:lnTo>
                <a:lnTo>
                  <a:pt x="1682734" y="5360832"/>
                </a:lnTo>
                <a:lnTo>
                  <a:pt x="1682734" y="5303062"/>
                </a:lnTo>
                <a:close/>
                <a:moveTo>
                  <a:pt x="1498019" y="5299137"/>
                </a:moveTo>
                <a:lnTo>
                  <a:pt x="1498019" y="5364721"/>
                </a:lnTo>
                <a:lnTo>
                  <a:pt x="1563603" y="5364721"/>
                </a:lnTo>
                <a:lnTo>
                  <a:pt x="1563603" y="5299137"/>
                </a:lnTo>
                <a:close/>
                <a:moveTo>
                  <a:pt x="1371036" y="5295211"/>
                </a:moveTo>
                <a:lnTo>
                  <a:pt x="1371036" y="5368608"/>
                </a:lnTo>
                <a:lnTo>
                  <a:pt x="1444433" y="5368608"/>
                </a:lnTo>
                <a:lnTo>
                  <a:pt x="1444433" y="5295211"/>
                </a:lnTo>
                <a:close/>
                <a:moveTo>
                  <a:pt x="1244276" y="5291545"/>
                </a:moveTo>
                <a:lnTo>
                  <a:pt x="1244276" y="5372349"/>
                </a:lnTo>
                <a:lnTo>
                  <a:pt x="1325080" y="5372349"/>
                </a:lnTo>
                <a:lnTo>
                  <a:pt x="1325080" y="5291545"/>
                </a:lnTo>
                <a:close/>
                <a:moveTo>
                  <a:pt x="1117737" y="5288064"/>
                </a:moveTo>
                <a:lnTo>
                  <a:pt x="1117737" y="5375793"/>
                </a:lnTo>
                <a:lnTo>
                  <a:pt x="1205466" y="5375793"/>
                </a:lnTo>
                <a:lnTo>
                  <a:pt x="1205466" y="5288064"/>
                </a:lnTo>
                <a:close/>
                <a:moveTo>
                  <a:pt x="991421" y="5284805"/>
                </a:moveTo>
                <a:lnTo>
                  <a:pt x="991421" y="5379051"/>
                </a:lnTo>
                <a:lnTo>
                  <a:pt x="1085667" y="5379051"/>
                </a:lnTo>
                <a:lnTo>
                  <a:pt x="1085667" y="5284805"/>
                </a:lnTo>
                <a:close/>
                <a:moveTo>
                  <a:pt x="865327" y="5281769"/>
                </a:moveTo>
                <a:lnTo>
                  <a:pt x="865327" y="5382089"/>
                </a:lnTo>
                <a:lnTo>
                  <a:pt x="965647" y="5382089"/>
                </a:lnTo>
                <a:lnTo>
                  <a:pt x="965647" y="5281769"/>
                </a:lnTo>
                <a:close/>
                <a:moveTo>
                  <a:pt x="739900" y="5279361"/>
                </a:moveTo>
                <a:lnTo>
                  <a:pt x="739900" y="5384458"/>
                </a:lnTo>
                <a:lnTo>
                  <a:pt x="844997" y="5384458"/>
                </a:lnTo>
                <a:lnTo>
                  <a:pt x="844997" y="5279361"/>
                </a:lnTo>
                <a:close/>
                <a:moveTo>
                  <a:pt x="445" y="5278288"/>
                </a:moveTo>
                <a:lnTo>
                  <a:pt x="445" y="5385570"/>
                </a:lnTo>
                <a:lnTo>
                  <a:pt x="107727" y="5385570"/>
                </a:lnTo>
                <a:lnTo>
                  <a:pt x="107727" y="5278288"/>
                </a:lnTo>
                <a:close/>
                <a:moveTo>
                  <a:pt x="615102" y="5277621"/>
                </a:moveTo>
                <a:lnTo>
                  <a:pt x="615102" y="5386199"/>
                </a:lnTo>
                <a:lnTo>
                  <a:pt x="723680" y="5386199"/>
                </a:lnTo>
                <a:lnTo>
                  <a:pt x="723680" y="5277621"/>
                </a:lnTo>
                <a:close/>
                <a:moveTo>
                  <a:pt x="491378" y="5276991"/>
                </a:moveTo>
                <a:lnTo>
                  <a:pt x="491378" y="5386865"/>
                </a:lnTo>
                <a:lnTo>
                  <a:pt x="601252" y="5386865"/>
                </a:lnTo>
                <a:lnTo>
                  <a:pt x="601252" y="5276991"/>
                </a:lnTo>
                <a:close/>
                <a:moveTo>
                  <a:pt x="368321" y="5276991"/>
                </a:moveTo>
                <a:lnTo>
                  <a:pt x="368321" y="5386865"/>
                </a:lnTo>
                <a:lnTo>
                  <a:pt x="478195" y="5386865"/>
                </a:lnTo>
                <a:lnTo>
                  <a:pt x="478195" y="5276991"/>
                </a:lnTo>
                <a:close/>
                <a:moveTo>
                  <a:pt x="245263" y="5276991"/>
                </a:moveTo>
                <a:lnTo>
                  <a:pt x="245263" y="5386865"/>
                </a:lnTo>
                <a:lnTo>
                  <a:pt x="355137" y="5386865"/>
                </a:lnTo>
                <a:lnTo>
                  <a:pt x="355137" y="5276991"/>
                </a:lnTo>
                <a:close/>
                <a:moveTo>
                  <a:pt x="122206" y="5276991"/>
                </a:moveTo>
                <a:lnTo>
                  <a:pt x="122206" y="5386865"/>
                </a:lnTo>
                <a:lnTo>
                  <a:pt x="232080" y="5386865"/>
                </a:lnTo>
                <a:lnTo>
                  <a:pt x="232080" y="5276991"/>
                </a:lnTo>
                <a:close/>
                <a:moveTo>
                  <a:pt x="3130352" y="5208667"/>
                </a:moveTo>
                <a:lnTo>
                  <a:pt x="3130352" y="5209111"/>
                </a:lnTo>
                <a:lnTo>
                  <a:pt x="3130796" y="5209111"/>
                </a:lnTo>
                <a:lnTo>
                  <a:pt x="3130796" y="5208667"/>
                </a:lnTo>
                <a:close/>
                <a:moveTo>
                  <a:pt x="3007295" y="5208667"/>
                </a:moveTo>
                <a:lnTo>
                  <a:pt x="3007295" y="5209111"/>
                </a:lnTo>
                <a:lnTo>
                  <a:pt x="3007739" y="5209111"/>
                </a:lnTo>
                <a:lnTo>
                  <a:pt x="3007739" y="5208667"/>
                </a:lnTo>
                <a:close/>
                <a:moveTo>
                  <a:pt x="2884238" y="5208667"/>
                </a:moveTo>
                <a:lnTo>
                  <a:pt x="2884238" y="5209111"/>
                </a:lnTo>
                <a:lnTo>
                  <a:pt x="2884682" y="5209111"/>
                </a:lnTo>
                <a:lnTo>
                  <a:pt x="2884682" y="5208667"/>
                </a:lnTo>
                <a:close/>
                <a:moveTo>
                  <a:pt x="2761180" y="5208667"/>
                </a:moveTo>
                <a:lnTo>
                  <a:pt x="2761180" y="5209111"/>
                </a:lnTo>
                <a:lnTo>
                  <a:pt x="2761624" y="5209111"/>
                </a:lnTo>
                <a:lnTo>
                  <a:pt x="2761624" y="5208667"/>
                </a:lnTo>
                <a:close/>
                <a:moveTo>
                  <a:pt x="2636827" y="5207334"/>
                </a:moveTo>
                <a:lnTo>
                  <a:pt x="2636827" y="5210370"/>
                </a:lnTo>
                <a:lnTo>
                  <a:pt x="2639864" y="5210370"/>
                </a:lnTo>
                <a:lnTo>
                  <a:pt x="2639864" y="5207334"/>
                </a:lnTo>
                <a:close/>
                <a:moveTo>
                  <a:pt x="2511585" y="5205186"/>
                </a:moveTo>
                <a:lnTo>
                  <a:pt x="2511585" y="5212556"/>
                </a:lnTo>
                <a:lnTo>
                  <a:pt x="2518954" y="5212556"/>
                </a:lnTo>
                <a:lnTo>
                  <a:pt x="2518954" y="5205186"/>
                </a:lnTo>
                <a:close/>
                <a:moveTo>
                  <a:pt x="2385491" y="5202150"/>
                </a:moveTo>
                <a:lnTo>
                  <a:pt x="2385491" y="5215630"/>
                </a:lnTo>
                <a:lnTo>
                  <a:pt x="2398971" y="5215630"/>
                </a:lnTo>
                <a:lnTo>
                  <a:pt x="2398971" y="5202150"/>
                </a:lnTo>
                <a:close/>
                <a:moveTo>
                  <a:pt x="2259174" y="5198891"/>
                </a:moveTo>
                <a:lnTo>
                  <a:pt x="2259174" y="5218888"/>
                </a:lnTo>
                <a:lnTo>
                  <a:pt x="2279171" y="5218888"/>
                </a:lnTo>
                <a:lnTo>
                  <a:pt x="2279171" y="5198891"/>
                </a:lnTo>
                <a:close/>
                <a:moveTo>
                  <a:pt x="2133081" y="5195854"/>
                </a:moveTo>
                <a:lnTo>
                  <a:pt x="2133081" y="5221925"/>
                </a:lnTo>
                <a:lnTo>
                  <a:pt x="2159151" y="5221925"/>
                </a:lnTo>
                <a:lnTo>
                  <a:pt x="2159151" y="5195854"/>
                </a:lnTo>
                <a:close/>
                <a:moveTo>
                  <a:pt x="2006320" y="5192151"/>
                </a:moveTo>
                <a:lnTo>
                  <a:pt x="2006320" y="5225591"/>
                </a:lnTo>
                <a:lnTo>
                  <a:pt x="2039760" y="5225591"/>
                </a:lnTo>
                <a:lnTo>
                  <a:pt x="2039760" y="5192151"/>
                </a:lnTo>
                <a:close/>
                <a:moveTo>
                  <a:pt x="1879559" y="5188448"/>
                </a:moveTo>
                <a:lnTo>
                  <a:pt x="1879559" y="5229257"/>
                </a:lnTo>
                <a:lnTo>
                  <a:pt x="1920368" y="5229257"/>
                </a:lnTo>
                <a:lnTo>
                  <a:pt x="1920368" y="5188448"/>
                </a:lnTo>
                <a:close/>
                <a:moveTo>
                  <a:pt x="1752577" y="5184560"/>
                </a:moveTo>
                <a:lnTo>
                  <a:pt x="1752577" y="5233220"/>
                </a:lnTo>
                <a:lnTo>
                  <a:pt x="1801237" y="5233220"/>
                </a:lnTo>
                <a:lnTo>
                  <a:pt x="1801237" y="5184560"/>
                </a:lnTo>
                <a:close/>
                <a:moveTo>
                  <a:pt x="1625631" y="5180634"/>
                </a:moveTo>
                <a:lnTo>
                  <a:pt x="1625631" y="5237108"/>
                </a:lnTo>
                <a:lnTo>
                  <a:pt x="1682105" y="5237108"/>
                </a:lnTo>
                <a:lnTo>
                  <a:pt x="1682105" y="5180634"/>
                </a:lnTo>
                <a:close/>
                <a:moveTo>
                  <a:pt x="1498871" y="5176931"/>
                </a:moveTo>
                <a:lnTo>
                  <a:pt x="1498871" y="5240774"/>
                </a:lnTo>
                <a:lnTo>
                  <a:pt x="1562714" y="5240774"/>
                </a:lnTo>
                <a:lnTo>
                  <a:pt x="1562714" y="5176931"/>
                </a:lnTo>
                <a:close/>
                <a:moveTo>
                  <a:pt x="1371888" y="5173043"/>
                </a:moveTo>
                <a:lnTo>
                  <a:pt x="1371888" y="5244700"/>
                </a:lnTo>
                <a:lnTo>
                  <a:pt x="1443545" y="5244700"/>
                </a:lnTo>
                <a:lnTo>
                  <a:pt x="1443545" y="5173043"/>
                </a:lnTo>
                <a:close/>
                <a:moveTo>
                  <a:pt x="1245387" y="5169562"/>
                </a:moveTo>
                <a:lnTo>
                  <a:pt x="1245387" y="5248181"/>
                </a:lnTo>
                <a:lnTo>
                  <a:pt x="1324006" y="5248181"/>
                </a:lnTo>
                <a:lnTo>
                  <a:pt x="1324006" y="5169562"/>
                </a:lnTo>
                <a:close/>
                <a:moveTo>
                  <a:pt x="1118848" y="5166081"/>
                </a:moveTo>
                <a:lnTo>
                  <a:pt x="1118848" y="5251662"/>
                </a:lnTo>
                <a:lnTo>
                  <a:pt x="1204429" y="5251662"/>
                </a:lnTo>
                <a:lnTo>
                  <a:pt x="1204429" y="5166081"/>
                </a:lnTo>
                <a:close/>
                <a:moveTo>
                  <a:pt x="992532" y="5162822"/>
                </a:moveTo>
                <a:lnTo>
                  <a:pt x="992532" y="5254883"/>
                </a:lnTo>
                <a:lnTo>
                  <a:pt x="1084593" y="5254883"/>
                </a:lnTo>
                <a:lnTo>
                  <a:pt x="1084593" y="5162822"/>
                </a:lnTo>
                <a:close/>
                <a:moveTo>
                  <a:pt x="866401" y="5159785"/>
                </a:moveTo>
                <a:lnTo>
                  <a:pt x="866401" y="5257957"/>
                </a:lnTo>
                <a:lnTo>
                  <a:pt x="964573" y="5257957"/>
                </a:lnTo>
                <a:lnTo>
                  <a:pt x="964573" y="5159785"/>
                </a:lnTo>
                <a:close/>
                <a:moveTo>
                  <a:pt x="740974" y="5157415"/>
                </a:moveTo>
                <a:lnTo>
                  <a:pt x="740974" y="5260364"/>
                </a:lnTo>
                <a:lnTo>
                  <a:pt x="843923" y="5260364"/>
                </a:lnTo>
                <a:lnTo>
                  <a:pt x="843923" y="5157415"/>
                </a:lnTo>
                <a:close/>
                <a:moveTo>
                  <a:pt x="616620" y="5156082"/>
                </a:moveTo>
                <a:lnTo>
                  <a:pt x="616620" y="5261623"/>
                </a:lnTo>
                <a:lnTo>
                  <a:pt x="722161" y="5261623"/>
                </a:lnTo>
                <a:lnTo>
                  <a:pt x="722161" y="5156082"/>
                </a:lnTo>
                <a:close/>
                <a:moveTo>
                  <a:pt x="1074" y="5155897"/>
                </a:moveTo>
                <a:lnTo>
                  <a:pt x="1074" y="5261883"/>
                </a:lnTo>
                <a:lnTo>
                  <a:pt x="107060" y="5261883"/>
                </a:lnTo>
                <a:lnTo>
                  <a:pt x="107060" y="5155897"/>
                </a:lnTo>
                <a:close/>
                <a:moveTo>
                  <a:pt x="492896" y="5155452"/>
                </a:moveTo>
                <a:lnTo>
                  <a:pt x="492896" y="5262289"/>
                </a:lnTo>
                <a:lnTo>
                  <a:pt x="599733" y="5262289"/>
                </a:lnTo>
                <a:lnTo>
                  <a:pt x="599733" y="5155452"/>
                </a:lnTo>
                <a:close/>
                <a:moveTo>
                  <a:pt x="369172" y="5154786"/>
                </a:moveTo>
                <a:lnTo>
                  <a:pt x="369172" y="5262919"/>
                </a:lnTo>
                <a:lnTo>
                  <a:pt x="477305" y="5262919"/>
                </a:lnTo>
                <a:lnTo>
                  <a:pt x="477305" y="5154786"/>
                </a:lnTo>
                <a:close/>
                <a:moveTo>
                  <a:pt x="245893" y="5154564"/>
                </a:moveTo>
                <a:lnTo>
                  <a:pt x="245893" y="5263142"/>
                </a:lnTo>
                <a:lnTo>
                  <a:pt x="354471" y="5263142"/>
                </a:lnTo>
                <a:lnTo>
                  <a:pt x="354471" y="5154564"/>
                </a:lnTo>
                <a:close/>
                <a:moveTo>
                  <a:pt x="122836" y="5154564"/>
                </a:moveTo>
                <a:lnTo>
                  <a:pt x="122836" y="5263142"/>
                </a:lnTo>
                <a:lnTo>
                  <a:pt x="231414" y="5263142"/>
                </a:lnTo>
                <a:lnTo>
                  <a:pt x="231414" y="5154564"/>
                </a:lnTo>
                <a:close/>
                <a:moveTo>
                  <a:pt x="3253409" y="5085573"/>
                </a:moveTo>
                <a:lnTo>
                  <a:pt x="3253409" y="5086017"/>
                </a:lnTo>
                <a:lnTo>
                  <a:pt x="3253853" y="5086017"/>
                </a:lnTo>
                <a:lnTo>
                  <a:pt x="3253853" y="5085573"/>
                </a:lnTo>
                <a:close/>
                <a:moveTo>
                  <a:pt x="3130352" y="5085573"/>
                </a:moveTo>
                <a:lnTo>
                  <a:pt x="3130352" y="5086017"/>
                </a:lnTo>
                <a:lnTo>
                  <a:pt x="3130796" y="5086017"/>
                </a:lnTo>
                <a:lnTo>
                  <a:pt x="3130796" y="5085573"/>
                </a:lnTo>
                <a:close/>
                <a:moveTo>
                  <a:pt x="3007295" y="5085573"/>
                </a:moveTo>
                <a:lnTo>
                  <a:pt x="3007295" y="5086017"/>
                </a:lnTo>
                <a:lnTo>
                  <a:pt x="3007739" y="5086017"/>
                </a:lnTo>
                <a:lnTo>
                  <a:pt x="3007739" y="5085573"/>
                </a:lnTo>
                <a:close/>
                <a:moveTo>
                  <a:pt x="2884238" y="5085573"/>
                </a:moveTo>
                <a:lnTo>
                  <a:pt x="2884238" y="5086017"/>
                </a:lnTo>
                <a:lnTo>
                  <a:pt x="2884682" y="5086017"/>
                </a:lnTo>
                <a:lnTo>
                  <a:pt x="2884682" y="5085573"/>
                </a:lnTo>
                <a:close/>
                <a:moveTo>
                  <a:pt x="2760736" y="5085166"/>
                </a:moveTo>
                <a:lnTo>
                  <a:pt x="2760736" y="5086462"/>
                </a:lnTo>
                <a:lnTo>
                  <a:pt x="2762032" y="5086462"/>
                </a:lnTo>
                <a:lnTo>
                  <a:pt x="2762032" y="5085166"/>
                </a:lnTo>
                <a:close/>
                <a:moveTo>
                  <a:pt x="2636382" y="5083870"/>
                </a:moveTo>
                <a:lnTo>
                  <a:pt x="2636382" y="5087796"/>
                </a:lnTo>
                <a:lnTo>
                  <a:pt x="2640307" y="5087796"/>
                </a:lnTo>
                <a:lnTo>
                  <a:pt x="2640307" y="5083870"/>
                </a:lnTo>
                <a:close/>
                <a:moveTo>
                  <a:pt x="2511585" y="5082129"/>
                </a:moveTo>
                <a:lnTo>
                  <a:pt x="2511585" y="5089498"/>
                </a:lnTo>
                <a:lnTo>
                  <a:pt x="2518954" y="5089498"/>
                </a:lnTo>
                <a:lnTo>
                  <a:pt x="2518954" y="5082129"/>
                </a:lnTo>
                <a:close/>
                <a:moveTo>
                  <a:pt x="2385713" y="5079278"/>
                </a:moveTo>
                <a:lnTo>
                  <a:pt x="2385713" y="5092314"/>
                </a:lnTo>
                <a:lnTo>
                  <a:pt x="2398748" y="5092314"/>
                </a:lnTo>
                <a:lnTo>
                  <a:pt x="2398748" y="5079278"/>
                </a:lnTo>
                <a:close/>
                <a:moveTo>
                  <a:pt x="2259619" y="5076241"/>
                </a:moveTo>
                <a:lnTo>
                  <a:pt x="2259619" y="5095350"/>
                </a:lnTo>
                <a:lnTo>
                  <a:pt x="2278727" y="5095350"/>
                </a:lnTo>
                <a:lnTo>
                  <a:pt x="2278727" y="5076241"/>
                </a:lnTo>
                <a:close/>
                <a:moveTo>
                  <a:pt x="2133303" y="5072982"/>
                </a:moveTo>
                <a:lnTo>
                  <a:pt x="2133303" y="5098608"/>
                </a:lnTo>
                <a:lnTo>
                  <a:pt x="2158929" y="5098608"/>
                </a:lnTo>
                <a:lnTo>
                  <a:pt x="2158929" y="5072982"/>
                </a:lnTo>
                <a:close/>
                <a:moveTo>
                  <a:pt x="2006764" y="5069538"/>
                </a:moveTo>
                <a:lnTo>
                  <a:pt x="2006764" y="5102127"/>
                </a:lnTo>
                <a:lnTo>
                  <a:pt x="2039352" y="5102127"/>
                </a:lnTo>
                <a:lnTo>
                  <a:pt x="2039352" y="5069538"/>
                </a:lnTo>
                <a:close/>
                <a:moveTo>
                  <a:pt x="1880226" y="5066057"/>
                </a:moveTo>
                <a:lnTo>
                  <a:pt x="1880226" y="5105570"/>
                </a:lnTo>
                <a:lnTo>
                  <a:pt x="1919739" y="5105570"/>
                </a:lnTo>
                <a:lnTo>
                  <a:pt x="1919739" y="5066057"/>
                </a:lnTo>
                <a:close/>
                <a:moveTo>
                  <a:pt x="1753243" y="5062132"/>
                </a:moveTo>
                <a:lnTo>
                  <a:pt x="1753243" y="5109459"/>
                </a:lnTo>
                <a:lnTo>
                  <a:pt x="1800570" y="5109459"/>
                </a:lnTo>
                <a:lnTo>
                  <a:pt x="1800570" y="5062132"/>
                </a:lnTo>
                <a:close/>
                <a:moveTo>
                  <a:pt x="1626483" y="5058429"/>
                </a:moveTo>
                <a:lnTo>
                  <a:pt x="1626483" y="5113163"/>
                </a:lnTo>
                <a:lnTo>
                  <a:pt x="1681216" y="5113163"/>
                </a:lnTo>
                <a:lnTo>
                  <a:pt x="1681216" y="5058429"/>
                </a:lnTo>
                <a:close/>
                <a:moveTo>
                  <a:pt x="1499759" y="5054762"/>
                </a:moveTo>
                <a:lnTo>
                  <a:pt x="1499759" y="5116865"/>
                </a:lnTo>
                <a:lnTo>
                  <a:pt x="1561862" y="5116865"/>
                </a:lnTo>
                <a:lnTo>
                  <a:pt x="1561862" y="5054762"/>
                </a:lnTo>
                <a:close/>
                <a:moveTo>
                  <a:pt x="1372999" y="5051059"/>
                </a:moveTo>
                <a:lnTo>
                  <a:pt x="1372999" y="5120568"/>
                </a:lnTo>
                <a:lnTo>
                  <a:pt x="1442508" y="5120568"/>
                </a:lnTo>
                <a:lnTo>
                  <a:pt x="1442508" y="5051059"/>
                </a:lnTo>
                <a:close/>
                <a:moveTo>
                  <a:pt x="1246460" y="5047578"/>
                </a:moveTo>
                <a:lnTo>
                  <a:pt x="1246460" y="5124012"/>
                </a:lnTo>
                <a:lnTo>
                  <a:pt x="1322894" y="5124012"/>
                </a:lnTo>
                <a:lnTo>
                  <a:pt x="1322894" y="5047578"/>
                </a:lnTo>
                <a:close/>
                <a:moveTo>
                  <a:pt x="1119922" y="5044097"/>
                </a:moveTo>
                <a:lnTo>
                  <a:pt x="1119922" y="5127493"/>
                </a:lnTo>
                <a:lnTo>
                  <a:pt x="1203318" y="5127493"/>
                </a:lnTo>
                <a:lnTo>
                  <a:pt x="1203318" y="5044097"/>
                </a:lnTo>
                <a:close/>
                <a:moveTo>
                  <a:pt x="993828" y="5041061"/>
                </a:moveTo>
                <a:lnTo>
                  <a:pt x="993828" y="5130530"/>
                </a:lnTo>
                <a:lnTo>
                  <a:pt x="1083297" y="5130530"/>
                </a:lnTo>
                <a:lnTo>
                  <a:pt x="1083297" y="5041061"/>
                </a:lnTo>
                <a:close/>
                <a:moveTo>
                  <a:pt x="867919" y="5038246"/>
                </a:moveTo>
                <a:lnTo>
                  <a:pt x="867919" y="5133381"/>
                </a:lnTo>
                <a:lnTo>
                  <a:pt x="963054" y="5133381"/>
                </a:lnTo>
                <a:lnTo>
                  <a:pt x="963054" y="5038246"/>
                </a:lnTo>
                <a:close/>
                <a:moveTo>
                  <a:pt x="742714" y="5036061"/>
                </a:moveTo>
                <a:lnTo>
                  <a:pt x="742714" y="5135529"/>
                </a:lnTo>
                <a:lnTo>
                  <a:pt x="842182" y="5135529"/>
                </a:lnTo>
                <a:lnTo>
                  <a:pt x="842182" y="5036061"/>
                </a:lnTo>
                <a:close/>
                <a:moveTo>
                  <a:pt x="618139" y="5034543"/>
                </a:moveTo>
                <a:lnTo>
                  <a:pt x="618139" y="5137048"/>
                </a:lnTo>
                <a:lnTo>
                  <a:pt x="720644" y="5137048"/>
                </a:lnTo>
                <a:lnTo>
                  <a:pt x="720644" y="5034543"/>
                </a:lnTo>
                <a:close/>
                <a:moveTo>
                  <a:pt x="494192" y="5033691"/>
                </a:moveTo>
                <a:lnTo>
                  <a:pt x="494192" y="5137936"/>
                </a:lnTo>
                <a:lnTo>
                  <a:pt x="598437" y="5137936"/>
                </a:lnTo>
                <a:lnTo>
                  <a:pt x="598437" y="5033691"/>
                </a:lnTo>
                <a:close/>
                <a:moveTo>
                  <a:pt x="1963" y="5033691"/>
                </a:moveTo>
                <a:lnTo>
                  <a:pt x="1963" y="5137936"/>
                </a:lnTo>
                <a:lnTo>
                  <a:pt x="106208" y="5137936"/>
                </a:lnTo>
                <a:lnTo>
                  <a:pt x="106208" y="5033691"/>
                </a:lnTo>
                <a:close/>
                <a:moveTo>
                  <a:pt x="370469" y="5033025"/>
                </a:moveTo>
                <a:lnTo>
                  <a:pt x="370469" y="5138566"/>
                </a:lnTo>
                <a:lnTo>
                  <a:pt x="476010" y="5138566"/>
                </a:lnTo>
                <a:lnTo>
                  <a:pt x="476010" y="5033025"/>
                </a:lnTo>
                <a:close/>
                <a:moveTo>
                  <a:pt x="247004" y="5032617"/>
                </a:moveTo>
                <a:lnTo>
                  <a:pt x="247004" y="5139010"/>
                </a:lnTo>
                <a:lnTo>
                  <a:pt x="353397" y="5139010"/>
                </a:lnTo>
                <a:lnTo>
                  <a:pt x="353397" y="5032617"/>
                </a:lnTo>
                <a:close/>
                <a:moveTo>
                  <a:pt x="123724" y="5032395"/>
                </a:moveTo>
                <a:lnTo>
                  <a:pt x="123724" y="5139232"/>
                </a:lnTo>
                <a:lnTo>
                  <a:pt x="230561" y="5139232"/>
                </a:lnTo>
                <a:lnTo>
                  <a:pt x="230561" y="5032395"/>
                </a:lnTo>
                <a:close/>
                <a:moveTo>
                  <a:pt x="3499524" y="4962516"/>
                </a:moveTo>
                <a:lnTo>
                  <a:pt x="3499524" y="4962960"/>
                </a:lnTo>
                <a:lnTo>
                  <a:pt x="3499968" y="4962960"/>
                </a:lnTo>
                <a:lnTo>
                  <a:pt x="3499968" y="4962516"/>
                </a:lnTo>
                <a:close/>
                <a:moveTo>
                  <a:pt x="3376467" y="4962516"/>
                </a:moveTo>
                <a:lnTo>
                  <a:pt x="3376467" y="4962960"/>
                </a:lnTo>
                <a:lnTo>
                  <a:pt x="3376911" y="4962960"/>
                </a:lnTo>
                <a:lnTo>
                  <a:pt x="3376911" y="4962516"/>
                </a:lnTo>
                <a:close/>
                <a:moveTo>
                  <a:pt x="3253409" y="4962516"/>
                </a:moveTo>
                <a:lnTo>
                  <a:pt x="3253409" y="4962960"/>
                </a:lnTo>
                <a:lnTo>
                  <a:pt x="3253853" y="4962960"/>
                </a:lnTo>
                <a:lnTo>
                  <a:pt x="3253853" y="4962516"/>
                </a:lnTo>
                <a:close/>
                <a:moveTo>
                  <a:pt x="3130352" y="4962516"/>
                </a:moveTo>
                <a:lnTo>
                  <a:pt x="3130352" y="4962960"/>
                </a:lnTo>
                <a:lnTo>
                  <a:pt x="3130796" y="4962960"/>
                </a:lnTo>
                <a:lnTo>
                  <a:pt x="3130796" y="4962516"/>
                </a:lnTo>
                <a:close/>
                <a:moveTo>
                  <a:pt x="3007295" y="4962516"/>
                </a:moveTo>
                <a:lnTo>
                  <a:pt x="3007295" y="4962960"/>
                </a:lnTo>
                <a:lnTo>
                  <a:pt x="3007739" y="4962960"/>
                </a:lnTo>
                <a:lnTo>
                  <a:pt x="3007739" y="4962516"/>
                </a:lnTo>
                <a:close/>
                <a:moveTo>
                  <a:pt x="2883793" y="4962108"/>
                </a:moveTo>
                <a:lnTo>
                  <a:pt x="2883793" y="4963404"/>
                </a:lnTo>
                <a:lnTo>
                  <a:pt x="2885089" y="4963404"/>
                </a:lnTo>
                <a:lnTo>
                  <a:pt x="2885089" y="4962108"/>
                </a:lnTo>
                <a:close/>
                <a:moveTo>
                  <a:pt x="2760106" y="4961442"/>
                </a:moveTo>
                <a:lnTo>
                  <a:pt x="2760106" y="4964034"/>
                </a:lnTo>
                <a:lnTo>
                  <a:pt x="2762698" y="4964034"/>
                </a:lnTo>
                <a:lnTo>
                  <a:pt x="2762698" y="4961442"/>
                </a:lnTo>
                <a:close/>
                <a:moveTo>
                  <a:pt x="2635938" y="4960368"/>
                </a:moveTo>
                <a:lnTo>
                  <a:pt x="2635938" y="4965145"/>
                </a:lnTo>
                <a:lnTo>
                  <a:pt x="2640715" y="4965145"/>
                </a:lnTo>
                <a:lnTo>
                  <a:pt x="2640715" y="4960368"/>
                </a:lnTo>
                <a:close/>
                <a:moveTo>
                  <a:pt x="2511140" y="4958627"/>
                </a:moveTo>
                <a:lnTo>
                  <a:pt x="2511140" y="4966885"/>
                </a:lnTo>
                <a:lnTo>
                  <a:pt x="2519398" y="4966885"/>
                </a:lnTo>
                <a:lnTo>
                  <a:pt x="2519398" y="4958627"/>
                </a:lnTo>
                <a:close/>
                <a:moveTo>
                  <a:pt x="2385713" y="4956220"/>
                </a:moveTo>
                <a:lnTo>
                  <a:pt x="2385713" y="4969255"/>
                </a:lnTo>
                <a:lnTo>
                  <a:pt x="2398748" y="4969255"/>
                </a:lnTo>
                <a:lnTo>
                  <a:pt x="2398748" y="4956220"/>
                </a:lnTo>
                <a:close/>
                <a:moveTo>
                  <a:pt x="2259804" y="4953406"/>
                </a:moveTo>
                <a:lnTo>
                  <a:pt x="2259804" y="4972070"/>
                </a:lnTo>
                <a:lnTo>
                  <a:pt x="2278468" y="4972070"/>
                </a:lnTo>
                <a:lnTo>
                  <a:pt x="2278468" y="4953406"/>
                </a:lnTo>
                <a:close/>
                <a:moveTo>
                  <a:pt x="2133488" y="4950147"/>
                </a:moveTo>
                <a:lnTo>
                  <a:pt x="2133488" y="4975329"/>
                </a:lnTo>
                <a:lnTo>
                  <a:pt x="2158670" y="4975329"/>
                </a:lnTo>
                <a:lnTo>
                  <a:pt x="2158670" y="4950147"/>
                </a:lnTo>
                <a:close/>
                <a:moveTo>
                  <a:pt x="2007172" y="4946888"/>
                </a:moveTo>
                <a:lnTo>
                  <a:pt x="2007172" y="4978588"/>
                </a:lnTo>
                <a:lnTo>
                  <a:pt x="2038871" y="4978588"/>
                </a:lnTo>
                <a:lnTo>
                  <a:pt x="2038871" y="4946888"/>
                </a:lnTo>
                <a:close/>
                <a:moveTo>
                  <a:pt x="1880633" y="4943407"/>
                </a:moveTo>
                <a:lnTo>
                  <a:pt x="1880633" y="4982068"/>
                </a:lnTo>
                <a:lnTo>
                  <a:pt x="1919294" y="4982068"/>
                </a:lnTo>
                <a:lnTo>
                  <a:pt x="1919294" y="4943407"/>
                </a:lnTo>
                <a:close/>
                <a:moveTo>
                  <a:pt x="1754132" y="4939963"/>
                </a:moveTo>
                <a:lnTo>
                  <a:pt x="1754132" y="4985550"/>
                </a:lnTo>
                <a:lnTo>
                  <a:pt x="1799718" y="4985550"/>
                </a:lnTo>
                <a:lnTo>
                  <a:pt x="1799718" y="4939963"/>
                </a:lnTo>
                <a:close/>
                <a:moveTo>
                  <a:pt x="1627372" y="4936260"/>
                </a:moveTo>
                <a:lnTo>
                  <a:pt x="1627372" y="4989253"/>
                </a:lnTo>
                <a:lnTo>
                  <a:pt x="1680365" y="4989253"/>
                </a:lnTo>
                <a:lnTo>
                  <a:pt x="1680365" y="4936260"/>
                </a:lnTo>
                <a:close/>
                <a:moveTo>
                  <a:pt x="1500611" y="4932557"/>
                </a:moveTo>
                <a:lnTo>
                  <a:pt x="1500611" y="4992919"/>
                </a:lnTo>
                <a:lnTo>
                  <a:pt x="1560973" y="4992919"/>
                </a:lnTo>
                <a:lnTo>
                  <a:pt x="1560973" y="4932557"/>
                </a:lnTo>
                <a:close/>
                <a:moveTo>
                  <a:pt x="1374073" y="4929076"/>
                </a:moveTo>
                <a:lnTo>
                  <a:pt x="1374073" y="4996400"/>
                </a:lnTo>
                <a:lnTo>
                  <a:pt x="1441397" y="4996400"/>
                </a:lnTo>
                <a:lnTo>
                  <a:pt x="1441397" y="4929076"/>
                </a:lnTo>
                <a:close/>
                <a:moveTo>
                  <a:pt x="1247757" y="4925817"/>
                </a:moveTo>
                <a:lnTo>
                  <a:pt x="1247757" y="4999659"/>
                </a:lnTo>
                <a:lnTo>
                  <a:pt x="1321599" y="4999659"/>
                </a:lnTo>
                <a:lnTo>
                  <a:pt x="1321599" y="4925817"/>
                </a:lnTo>
                <a:close/>
                <a:moveTo>
                  <a:pt x="1121440" y="4922558"/>
                </a:moveTo>
                <a:lnTo>
                  <a:pt x="1121440" y="5002917"/>
                </a:lnTo>
                <a:lnTo>
                  <a:pt x="1201799" y="5002917"/>
                </a:lnTo>
                <a:lnTo>
                  <a:pt x="1201799" y="4922558"/>
                </a:lnTo>
                <a:close/>
                <a:moveTo>
                  <a:pt x="995569" y="4919744"/>
                </a:moveTo>
                <a:lnTo>
                  <a:pt x="995569" y="5005732"/>
                </a:lnTo>
                <a:lnTo>
                  <a:pt x="1081557" y="5005732"/>
                </a:lnTo>
                <a:lnTo>
                  <a:pt x="1081557" y="4919744"/>
                </a:lnTo>
                <a:close/>
                <a:moveTo>
                  <a:pt x="869882" y="4917152"/>
                </a:moveTo>
                <a:lnTo>
                  <a:pt x="869882" y="5008362"/>
                </a:lnTo>
                <a:lnTo>
                  <a:pt x="961092" y="5008362"/>
                </a:lnTo>
                <a:lnTo>
                  <a:pt x="961092" y="4917152"/>
                </a:lnTo>
                <a:close/>
                <a:moveTo>
                  <a:pt x="744677" y="4914967"/>
                </a:moveTo>
                <a:lnTo>
                  <a:pt x="744677" y="5010510"/>
                </a:lnTo>
                <a:lnTo>
                  <a:pt x="840220" y="5010510"/>
                </a:lnTo>
                <a:lnTo>
                  <a:pt x="840220" y="4914967"/>
                </a:lnTo>
                <a:close/>
                <a:moveTo>
                  <a:pt x="619879" y="4913226"/>
                </a:moveTo>
                <a:lnTo>
                  <a:pt x="619879" y="5012250"/>
                </a:lnTo>
                <a:lnTo>
                  <a:pt x="718903" y="5012250"/>
                </a:lnTo>
                <a:lnTo>
                  <a:pt x="718903" y="4913226"/>
                </a:lnTo>
                <a:close/>
                <a:moveTo>
                  <a:pt x="495933" y="4912374"/>
                </a:moveTo>
                <a:lnTo>
                  <a:pt x="495933" y="5013138"/>
                </a:lnTo>
                <a:lnTo>
                  <a:pt x="596697" y="5013138"/>
                </a:lnTo>
                <a:lnTo>
                  <a:pt x="596697" y="4912374"/>
                </a:lnTo>
                <a:close/>
                <a:moveTo>
                  <a:pt x="3259" y="4911930"/>
                </a:moveTo>
                <a:lnTo>
                  <a:pt x="3259" y="5013546"/>
                </a:lnTo>
                <a:lnTo>
                  <a:pt x="104875" y="5013546"/>
                </a:lnTo>
                <a:lnTo>
                  <a:pt x="104875" y="4911930"/>
                </a:lnTo>
                <a:close/>
                <a:moveTo>
                  <a:pt x="371987" y="4911486"/>
                </a:moveTo>
                <a:lnTo>
                  <a:pt x="371987" y="5013991"/>
                </a:lnTo>
                <a:lnTo>
                  <a:pt x="474492" y="5013991"/>
                </a:lnTo>
                <a:lnTo>
                  <a:pt x="474492" y="4911486"/>
                </a:lnTo>
                <a:close/>
                <a:moveTo>
                  <a:pt x="248522" y="4911078"/>
                </a:moveTo>
                <a:lnTo>
                  <a:pt x="248522" y="5014434"/>
                </a:lnTo>
                <a:lnTo>
                  <a:pt x="351878" y="5014434"/>
                </a:lnTo>
                <a:lnTo>
                  <a:pt x="351878" y="4911078"/>
                </a:lnTo>
                <a:close/>
                <a:moveTo>
                  <a:pt x="125243" y="4910856"/>
                </a:moveTo>
                <a:lnTo>
                  <a:pt x="125243" y="5014657"/>
                </a:lnTo>
                <a:lnTo>
                  <a:pt x="229044" y="5014657"/>
                </a:lnTo>
                <a:lnTo>
                  <a:pt x="229044" y="4910856"/>
                </a:lnTo>
                <a:close/>
                <a:moveTo>
                  <a:pt x="3376467" y="4839458"/>
                </a:moveTo>
                <a:lnTo>
                  <a:pt x="3376467" y="4839902"/>
                </a:lnTo>
                <a:lnTo>
                  <a:pt x="3376911" y="4839902"/>
                </a:lnTo>
                <a:lnTo>
                  <a:pt x="3376911" y="4839458"/>
                </a:lnTo>
                <a:close/>
                <a:moveTo>
                  <a:pt x="3253409" y="4839458"/>
                </a:moveTo>
                <a:lnTo>
                  <a:pt x="3253409" y="4839902"/>
                </a:lnTo>
                <a:lnTo>
                  <a:pt x="3253853" y="4839902"/>
                </a:lnTo>
                <a:lnTo>
                  <a:pt x="3253853" y="4839458"/>
                </a:lnTo>
                <a:close/>
                <a:moveTo>
                  <a:pt x="3130352" y="4839458"/>
                </a:moveTo>
                <a:lnTo>
                  <a:pt x="3130352" y="4839902"/>
                </a:lnTo>
                <a:lnTo>
                  <a:pt x="3130796" y="4839902"/>
                </a:lnTo>
                <a:lnTo>
                  <a:pt x="3130796" y="4839458"/>
                </a:lnTo>
                <a:close/>
                <a:moveTo>
                  <a:pt x="3007073" y="4839236"/>
                </a:moveTo>
                <a:lnTo>
                  <a:pt x="3007073" y="4840088"/>
                </a:lnTo>
                <a:lnTo>
                  <a:pt x="3007925" y="4840088"/>
                </a:lnTo>
                <a:lnTo>
                  <a:pt x="3007925" y="4839236"/>
                </a:lnTo>
                <a:close/>
                <a:moveTo>
                  <a:pt x="2883386" y="4838607"/>
                </a:moveTo>
                <a:lnTo>
                  <a:pt x="2883386" y="4840792"/>
                </a:lnTo>
                <a:lnTo>
                  <a:pt x="2885571" y="4840792"/>
                </a:lnTo>
                <a:lnTo>
                  <a:pt x="2885571" y="4838607"/>
                </a:lnTo>
                <a:close/>
                <a:moveTo>
                  <a:pt x="2759662" y="4837940"/>
                </a:moveTo>
                <a:lnTo>
                  <a:pt x="2759662" y="4841421"/>
                </a:lnTo>
                <a:lnTo>
                  <a:pt x="2763143" y="4841421"/>
                </a:lnTo>
                <a:lnTo>
                  <a:pt x="2763143" y="4837940"/>
                </a:lnTo>
                <a:close/>
                <a:moveTo>
                  <a:pt x="2635531" y="4836866"/>
                </a:moveTo>
                <a:lnTo>
                  <a:pt x="2635531" y="4842495"/>
                </a:lnTo>
                <a:lnTo>
                  <a:pt x="2641160" y="4842495"/>
                </a:lnTo>
                <a:lnTo>
                  <a:pt x="2641160" y="4836866"/>
                </a:lnTo>
                <a:close/>
                <a:moveTo>
                  <a:pt x="2510733" y="4835126"/>
                </a:moveTo>
                <a:lnTo>
                  <a:pt x="2510733" y="4844236"/>
                </a:lnTo>
                <a:lnTo>
                  <a:pt x="2519843" y="4844236"/>
                </a:lnTo>
                <a:lnTo>
                  <a:pt x="2519843" y="4835126"/>
                </a:lnTo>
                <a:close/>
                <a:moveTo>
                  <a:pt x="2385491" y="4832941"/>
                </a:moveTo>
                <a:lnTo>
                  <a:pt x="2385491" y="4846421"/>
                </a:lnTo>
                <a:lnTo>
                  <a:pt x="2398971" y="4846421"/>
                </a:lnTo>
                <a:lnTo>
                  <a:pt x="2398971" y="4832941"/>
                </a:lnTo>
                <a:close/>
                <a:moveTo>
                  <a:pt x="2259804" y="4830349"/>
                </a:moveTo>
                <a:lnTo>
                  <a:pt x="2259804" y="4849013"/>
                </a:lnTo>
                <a:lnTo>
                  <a:pt x="2278468" y="4849013"/>
                </a:lnTo>
                <a:lnTo>
                  <a:pt x="2278468" y="4830349"/>
                </a:lnTo>
                <a:close/>
                <a:moveTo>
                  <a:pt x="2133710" y="4827312"/>
                </a:moveTo>
                <a:lnTo>
                  <a:pt x="2133710" y="4852086"/>
                </a:lnTo>
                <a:lnTo>
                  <a:pt x="2158484" y="4852086"/>
                </a:lnTo>
                <a:lnTo>
                  <a:pt x="2158484" y="4827312"/>
                </a:lnTo>
                <a:close/>
                <a:moveTo>
                  <a:pt x="2007616" y="4824275"/>
                </a:moveTo>
                <a:lnTo>
                  <a:pt x="2007616" y="4855123"/>
                </a:lnTo>
                <a:lnTo>
                  <a:pt x="2038464" y="4855123"/>
                </a:lnTo>
                <a:lnTo>
                  <a:pt x="2038464" y="4824275"/>
                </a:lnTo>
                <a:close/>
                <a:moveTo>
                  <a:pt x="1881300" y="4821016"/>
                </a:moveTo>
                <a:lnTo>
                  <a:pt x="1881300" y="4858381"/>
                </a:lnTo>
                <a:lnTo>
                  <a:pt x="1918665" y="4858381"/>
                </a:lnTo>
                <a:lnTo>
                  <a:pt x="1918665" y="4821016"/>
                </a:lnTo>
                <a:close/>
                <a:moveTo>
                  <a:pt x="1754762" y="4817535"/>
                </a:moveTo>
                <a:lnTo>
                  <a:pt x="1754762" y="4861825"/>
                </a:lnTo>
                <a:lnTo>
                  <a:pt x="1799052" y="4861825"/>
                </a:lnTo>
                <a:lnTo>
                  <a:pt x="1799052" y="4817535"/>
                </a:lnTo>
                <a:close/>
                <a:moveTo>
                  <a:pt x="1628223" y="4814054"/>
                </a:moveTo>
                <a:lnTo>
                  <a:pt x="1628223" y="4865306"/>
                </a:lnTo>
                <a:lnTo>
                  <a:pt x="1679475" y="4865306"/>
                </a:lnTo>
                <a:lnTo>
                  <a:pt x="1679475" y="4814054"/>
                </a:lnTo>
                <a:close/>
                <a:moveTo>
                  <a:pt x="1501685" y="4810573"/>
                </a:moveTo>
                <a:lnTo>
                  <a:pt x="1501685" y="4868787"/>
                </a:lnTo>
                <a:lnTo>
                  <a:pt x="1559899" y="4868787"/>
                </a:lnTo>
                <a:lnTo>
                  <a:pt x="1559899" y="4810573"/>
                </a:lnTo>
                <a:close/>
                <a:moveTo>
                  <a:pt x="1375369" y="4807315"/>
                </a:moveTo>
                <a:lnTo>
                  <a:pt x="1375369" y="4872047"/>
                </a:lnTo>
                <a:lnTo>
                  <a:pt x="1440101" y="4872047"/>
                </a:lnTo>
                <a:lnTo>
                  <a:pt x="1440101" y="4807315"/>
                </a:lnTo>
                <a:close/>
                <a:moveTo>
                  <a:pt x="1249275" y="4804278"/>
                </a:moveTo>
                <a:lnTo>
                  <a:pt x="1249275" y="4875083"/>
                </a:lnTo>
                <a:lnTo>
                  <a:pt x="1320080" y="4875083"/>
                </a:lnTo>
                <a:lnTo>
                  <a:pt x="1320080" y="4804278"/>
                </a:lnTo>
                <a:close/>
                <a:moveTo>
                  <a:pt x="1123181" y="4801241"/>
                </a:moveTo>
                <a:lnTo>
                  <a:pt x="1123181" y="4878119"/>
                </a:lnTo>
                <a:lnTo>
                  <a:pt x="1200059" y="4878119"/>
                </a:lnTo>
                <a:lnTo>
                  <a:pt x="1200059" y="4801241"/>
                </a:lnTo>
                <a:close/>
                <a:moveTo>
                  <a:pt x="997309" y="4798427"/>
                </a:moveTo>
                <a:lnTo>
                  <a:pt x="997309" y="4880935"/>
                </a:lnTo>
                <a:lnTo>
                  <a:pt x="1079816" y="4880935"/>
                </a:lnTo>
                <a:lnTo>
                  <a:pt x="1079816" y="4798427"/>
                </a:lnTo>
                <a:close/>
                <a:moveTo>
                  <a:pt x="871845" y="4796020"/>
                </a:moveTo>
                <a:lnTo>
                  <a:pt x="871845" y="4883304"/>
                </a:lnTo>
                <a:lnTo>
                  <a:pt x="959129" y="4883304"/>
                </a:lnTo>
                <a:lnTo>
                  <a:pt x="959129" y="4796020"/>
                </a:lnTo>
                <a:close/>
                <a:moveTo>
                  <a:pt x="746603" y="4793872"/>
                </a:moveTo>
                <a:lnTo>
                  <a:pt x="746603" y="4885526"/>
                </a:lnTo>
                <a:lnTo>
                  <a:pt x="838257" y="4885526"/>
                </a:lnTo>
                <a:lnTo>
                  <a:pt x="838257" y="4793872"/>
                </a:lnTo>
                <a:close/>
                <a:moveTo>
                  <a:pt x="622027" y="4792354"/>
                </a:moveTo>
                <a:lnTo>
                  <a:pt x="622027" y="4887045"/>
                </a:lnTo>
                <a:lnTo>
                  <a:pt x="716718" y="4887045"/>
                </a:lnTo>
                <a:lnTo>
                  <a:pt x="716718" y="4792354"/>
                </a:lnTo>
                <a:close/>
                <a:moveTo>
                  <a:pt x="497673" y="4791058"/>
                </a:moveTo>
                <a:lnTo>
                  <a:pt x="497673" y="4888341"/>
                </a:lnTo>
                <a:lnTo>
                  <a:pt x="594956" y="4888341"/>
                </a:lnTo>
                <a:lnTo>
                  <a:pt x="594956" y="4791058"/>
                </a:lnTo>
                <a:close/>
                <a:moveTo>
                  <a:pt x="373950" y="4790391"/>
                </a:moveTo>
                <a:lnTo>
                  <a:pt x="373950" y="4888970"/>
                </a:lnTo>
                <a:lnTo>
                  <a:pt x="472529" y="4888970"/>
                </a:lnTo>
                <a:lnTo>
                  <a:pt x="472529" y="4790391"/>
                </a:lnTo>
                <a:close/>
                <a:moveTo>
                  <a:pt x="4778" y="4790391"/>
                </a:moveTo>
                <a:lnTo>
                  <a:pt x="4778" y="4888970"/>
                </a:lnTo>
                <a:lnTo>
                  <a:pt x="103357" y="4888970"/>
                </a:lnTo>
                <a:lnTo>
                  <a:pt x="103357" y="4790391"/>
                </a:lnTo>
                <a:close/>
                <a:moveTo>
                  <a:pt x="250263" y="4789724"/>
                </a:moveTo>
                <a:lnTo>
                  <a:pt x="250263" y="4889636"/>
                </a:lnTo>
                <a:lnTo>
                  <a:pt x="350175" y="4889636"/>
                </a:lnTo>
                <a:lnTo>
                  <a:pt x="350175" y="4789724"/>
                </a:lnTo>
                <a:close/>
                <a:moveTo>
                  <a:pt x="126761" y="4789317"/>
                </a:moveTo>
                <a:lnTo>
                  <a:pt x="126761" y="4890081"/>
                </a:lnTo>
                <a:lnTo>
                  <a:pt x="227525" y="4890081"/>
                </a:lnTo>
                <a:lnTo>
                  <a:pt x="227525" y="4789317"/>
                </a:lnTo>
                <a:close/>
                <a:moveTo>
                  <a:pt x="3499524" y="4716401"/>
                </a:moveTo>
                <a:lnTo>
                  <a:pt x="3499524" y="4716845"/>
                </a:lnTo>
                <a:lnTo>
                  <a:pt x="3499968" y="4716845"/>
                </a:lnTo>
                <a:lnTo>
                  <a:pt x="3499968" y="4716401"/>
                </a:lnTo>
                <a:close/>
                <a:moveTo>
                  <a:pt x="3376467" y="4716401"/>
                </a:moveTo>
                <a:lnTo>
                  <a:pt x="3376467" y="4716845"/>
                </a:lnTo>
                <a:lnTo>
                  <a:pt x="3376911" y="4716845"/>
                </a:lnTo>
                <a:lnTo>
                  <a:pt x="3376911" y="4716401"/>
                </a:lnTo>
                <a:close/>
                <a:moveTo>
                  <a:pt x="3253409" y="4716401"/>
                </a:moveTo>
                <a:lnTo>
                  <a:pt x="3253409" y="4716845"/>
                </a:lnTo>
                <a:lnTo>
                  <a:pt x="3253853" y="4716845"/>
                </a:lnTo>
                <a:lnTo>
                  <a:pt x="3253853" y="4716401"/>
                </a:lnTo>
                <a:close/>
                <a:moveTo>
                  <a:pt x="3130130" y="4716179"/>
                </a:moveTo>
                <a:lnTo>
                  <a:pt x="3130130" y="4717031"/>
                </a:lnTo>
                <a:lnTo>
                  <a:pt x="3130982" y="4717031"/>
                </a:lnTo>
                <a:lnTo>
                  <a:pt x="3130982" y="4716179"/>
                </a:lnTo>
                <a:close/>
                <a:moveTo>
                  <a:pt x="3006665" y="4715772"/>
                </a:moveTo>
                <a:lnTo>
                  <a:pt x="3006665" y="4717512"/>
                </a:lnTo>
                <a:lnTo>
                  <a:pt x="3008405" y="4717512"/>
                </a:lnTo>
                <a:lnTo>
                  <a:pt x="3008405" y="4715772"/>
                </a:lnTo>
                <a:close/>
                <a:moveTo>
                  <a:pt x="2883164" y="4715327"/>
                </a:moveTo>
                <a:lnTo>
                  <a:pt x="2883164" y="4717919"/>
                </a:lnTo>
                <a:lnTo>
                  <a:pt x="2885756" y="4717919"/>
                </a:lnTo>
                <a:lnTo>
                  <a:pt x="2885756" y="4715327"/>
                </a:lnTo>
                <a:close/>
                <a:moveTo>
                  <a:pt x="2759217" y="4714438"/>
                </a:moveTo>
                <a:lnTo>
                  <a:pt x="2759217" y="4718771"/>
                </a:lnTo>
                <a:lnTo>
                  <a:pt x="2763550" y="4718771"/>
                </a:lnTo>
                <a:lnTo>
                  <a:pt x="2763550" y="4714438"/>
                </a:lnTo>
                <a:close/>
                <a:moveTo>
                  <a:pt x="2634864" y="4713142"/>
                </a:moveTo>
                <a:lnTo>
                  <a:pt x="2634864" y="4720104"/>
                </a:lnTo>
                <a:lnTo>
                  <a:pt x="2641826" y="4720104"/>
                </a:lnTo>
                <a:lnTo>
                  <a:pt x="2641826" y="4713142"/>
                </a:lnTo>
                <a:close/>
                <a:moveTo>
                  <a:pt x="2510288" y="4711624"/>
                </a:moveTo>
                <a:lnTo>
                  <a:pt x="2510288" y="4721623"/>
                </a:lnTo>
                <a:lnTo>
                  <a:pt x="2520287" y="4721623"/>
                </a:lnTo>
                <a:lnTo>
                  <a:pt x="2520287" y="4711624"/>
                </a:lnTo>
                <a:close/>
                <a:moveTo>
                  <a:pt x="2385268" y="4709661"/>
                </a:moveTo>
                <a:lnTo>
                  <a:pt x="2385268" y="4723548"/>
                </a:lnTo>
                <a:lnTo>
                  <a:pt x="2399155" y="4723548"/>
                </a:lnTo>
                <a:lnTo>
                  <a:pt x="2399155" y="4709661"/>
                </a:lnTo>
                <a:close/>
                <a:moveTo>
                  <a:pt x="2259619" y="4707069"/>
                </a:moveTo>
                <a:lnTo>
                  <a:pt x="2259619" y="4726177"/>
                </a:lnTo>
                <a:lnTo>
                  <a:pt x="2278727" y="4726177"/>
                </a:lnTo>
                <a:lnTo>
                  <a:pt x="2278727" y="4707069"/>
                </a:lnTo>
                <a:close/>
                <a:moveTo>
                  <a:pt x="2133932" y="4704477"/>
                </a:moveTo>
                <a:lnTo>
                  <a:pt x="2133932" y="4728807"/>
                </a:lnTo>
                <a:lnTo>
                  <a:pt x="2158262" y="4728807"/>
                </a:lnTo>
                <a:lnTo>
                  <a:pt x="2158262" y="4704477"/>
                </a:lnTo>
                <a:close/>
                <a:moveTo>
                  <a:pt x="2008060" y="4701625"/>
                </a:moveTo>
                <a:lnTo>
                  <a:pt x="2008060" y="4731584"/>
                </a:lnTo>
                <a:lnTo>
                  <a:pt x="2038019" y="4731584"/>
                </a:lnTo>
                <a:lnTo>
                  <a:pt x="2038019" y="4701625"/>
                </a:lnTo>
                <a:close/>
                <a:moveTo>
                  <a:pt x="1881744" y="4698366"/>
                </a:moveTo>
                <a:lnTo>
                  <a:pt x="1881744" y="4734842"/>
                </a:lnTo>
                <a:lnTo>
                  <a:pt x="1918220" y="4734842"/>
                </a:lnTo>
                <a:lnTo>
                  <a:pt x="1918220" y="4698366"/>
                </a:lnTo>
                <a:close/>
                <a:moveTo>
                  <a:pt x="1755650" y="4695330"/>
                </a:moveTo>
                <a:lnTo>
                  <a:pt x="1755650" y="4737880"/>
                </a:lnTo>
                <a:lnTo>
                  <a:pt x="1798200" y="4737880"/>
                </a:lnTo>
                <a:lnTo>
                  <a:pt x="1798200" y="4695330"/>
                </a:lnTo>
                <a:close/>
                <a:moveTo>
                  <a:pt x="1629334" y="4692071"/>
                </a:moveTo>
                <a:lnTo>
                  <a:pt x="1629334" y="4741138"/>
                </a:lnTo>
                <a:lnTo>
                  <a:pt x="1678401" y="4741138"/>
                </a:lnTo>
                <a:lnTo>
                  <a:pt x="1678401" y="4692071"/>
                </a:lnTo>
                <a:close/>
                <a:moveTo>
                  <a:pt x="1502981" y="4688812"/>
                </a:moveTo>
                <a:lnTo>
                  <a:pt x="1502981" y="4744397"/>
                </a:lnTo>
                <a:lnTo>
                  <a:pt x="1558566" y="4744397"/>
                </a:lnTo>
                <a:lnTo>
                  <a:pt x="1558566" y="4688812"/>
                </a:lnTo>
                <a:close/>
                <a:moveTo>
                  <a:pt x="1376665" y="4685590"/>
                </a:moveTo>
                <a:lnTo>
                  <a:pt x="1376665" y="4747693"/>
                </a:lnTo>
                <a:lnTo>
                  <a:pt x="1438768" y="4747693"/>
                </a:lnTo>
                <a:lnTo>
                  <a:pt x="1438768" y="4685590"/>
                </a:lnTo>
                <a:close/>
                <a:moveTo>
                  <a:pt x="1250571" y="4682517"/>
                </a:moveTo>
                <a:lnTo>
                  <a:pt x="1250571" y="4750693"/>
                </a:lnTo>
                <a:lnTo>
                  <a:pt x="1318747" y="4750693"/>
                </a:lnTo>
                <a:lnTo>
                  <a:pt x="1318747" y="4682517"/>
                </a:lnTo>
                <a:close/>
                <a:moveTo>
                  <a:pt x="1124921" y="4679925"/>
                </a:moveTo>
                <a:lnTo>
                  <a:pt x="1124921" y="4753323"/>
                </a:lnTo>
                <a:lnTo>
                  <a:pt x="1198318" y="4753323"/>
                </a:lnTo>
                <a:lnTo>
                  <a:pt x="1198318" y="4679925"/>
                </a:lnTo>
                <a:close/>
                <a:moveTo>
                  <a:pt x="999050" y="4677110"/>
                </a:moveTo>
                <a:lnTo>
                  <a:pt x="999050" y="4756173"/>
                </a:lnTo>
                <a:lnTo>
                  <a:pt x="1078113" y="4756173"/>
                </a:lnTo>
                <a:lnTo>
                  <a:pt x="1078113" y="4677110"/>
                </a:lnTo>
                <a:close/>
                <a:moveTo>
                  <a:pt x="873807" y="4674925"/>
                </a:moveTo>
                <a:lnTo>
                  <a:pt x="873807" y="4758321"/>
                </a:lnTo>
                <a:lnTo>
                  <a:pt x="957203" y="4758321"/>
                </a:lnTo>
                <a:lnTo>
                  <a:pt x="957203" y="4674925"/>
                </a:lnTo>
                <a:close/>
                <a:moveTo>
                  <a:pt x="748787" y="4672963"/>
                </a:moveTo>
                <a:lnTo>
                  <a:pt x="748787" y="4760248"/>
                </a:lnTo>
                <a:lnTo>
                  <a:pt x="836071" y="4760248"/>
                </a:lnTo>
                <a:lnTo>
                  <a:pt x="836071" y="4672963"/>
                </a:lnTo>
                <a:close/>
                <a:moveTo>
                  <a:pt x="624212" y="4671444"/>
                </a:moveTo>
                <a:lnTo>
                  <a:pt x="624212" y="4761802"/>
                </a:lnTo>
                <a:lnTo>
                  <a:pt x="714570" y="4761802"/>
                </a:lnTo>
                <a:lnTo>
                  <a:pt x="714570" y="4671444"/>
                </a:lnTo>
                <a:close/>
                <a:moveTo>
                  <a:pt x="499858" y="4670148"/>
                </a:moveTo>
                <a:lnTo>
                  <a:pt x="499858" y="4763098"/>
                </a:lnTo>
                <a:lnTo>
                  <a:pt x="592808" y="4763098"/>
                </a:lnTo>
                <a:lnTo>
                  <a:pt x="592808" y="4670148"/>
                </a:lnTo>
                <a:close/>
                <a:moveTo>
                  <a:pt x="375912" y="4669296"/>
                </a:moveTo>
                <a:lnTo>
                  <a:pt x="375912" y="4763987"/>
                </a:lnTo>
                <a:lnTo>
                  <a:pt x="470603" y="4763987"/>
                </a:lnTo>
                <a:lnTo>
                  <a:pt x="470603" y="4669296"/>
                </a:lnTo>
                <a:close/>
                <a:moveTo>
                  <a:pt x="6518" y="4669074"/>
                </a:moveTo>
                <a:lnTo>
                  <a:pt x="6518" y="4764209"/>
                </a:lnTo>
                <a:lnTo>
                  <a:pt x="101653" y="4764209"/>
                </a:lnTo>
                <a:lnTo>
                  <a:pt x="101653" y="4669074"/>
                </a:lnTo>
                <a:close/>
                <a:moveTo>
                  <a:pt x="252188" y="4668630"/>
                </a:moveTo>
                <a:lnTo>
                  <a:pt x="252188" y="4764617"/>
                </a:lnTo>
                <a:lnTo>
                  <a:pt x="348175" y="4764617"/>
                </a:lnTo>
                <a:lnTo>
                  <a:pt x="348175" y="4668630"/>
                </a:lnTo>
                <a:close/>
                <a:moveTo>
                  <a:pt x="128724" y="4668185"/>
                </a:moveTo>
                <a:lnTo>
                  <a:pt x="128724" y="4765024"/>
                </a:lnTo>
                <a:lnTo>
                  <a:pt x="225563" y="4765024"/>
                </a:lnTo>
                <a:lnTo>
                  <a:pt x="225563" y="4668185"/>
                </a:lnTo>
                <a:close/>
                <a:moveTo>
                  <a:pt x="3868733" y="4593344"/>
                </a:moveTo>
                <a:lnTo>
                  <a:pt x="3868733" y="4593788"/>
                </a:lnTo>
                <a:lnTo>
                  <a:pt x="3869177" y="4593788"/>
                </a:lnTo>
                <a:lnTo>
                  <a:pt x="3869177" y="4593344"/>
                </a:lnTo>
                <a:close/>
                <a:moveTo>
                  <a:pt x="3745676" y="4593344"/>
                </a:moveTo>
                <a:lnTo>
                  <a:pt x="3745676" y="4593788"/>
                </a:lnTo>
                <a:lnTo>
                  <a:pt x="3746120" y="4593788"/>
                </a:lnTo>
                <a:lnTo>
                  <a:pt x="3746120" y="4593344"/>
                </a:lnTo>
                <a:close/>
                <a:moveTo>
                  <a:pt x="3622618" y="4593344"/>
                </a:moveTo>
                <a:lnTo>
                  <a:pt x="3622618" y="4593788"/>
                </a:lnTo>
                <a:lnTo>
                  <a:pt x="3623062" y="4593788"/>
                </a:lnTo>
                <a:lnTo>
                  <a:pt x="3623062" y="4593344"/>
                </a:lnTo>
                <a:close/>
                <a:moveTo>
                  <a:pt x="3499524" y="4593344"/>
                </a:moveTo>
                <a:lnTo>
                  <a:pt x="3499524" y="4593788"/>
                </a:lnTo>
                <a:lnTo>
                  <a:pt x="3499968" y="4593788"/>
                </a:lnTo>
                <a:lnTo>
                  <a:pt x="3499968" y="4593344"/>
                </a:lnTo>
                <a:close/>
                <a:moveTo>
                  <a:pt x="3376467" y="4593344"/>
                </a:moveTo>
                <a:lnTo>
                  <a:pt x="3376467" y="4593788"/>
                </a:lnTo>
                <a:lnTo>
                  <a:pt x="3376911" y="4593788"/>
                </a:lnTo>
                <a:lnTo>
                  <a:pt x="3376911" y="4593344"/>
                </a:lnTo>
                <a:close/>
                <a:moveTo>
                  <a:pt x="3253187" y="4593122"/>
                </a:moveTo>
                <a:lnTo>
                  <a:pt x="3253187" y="4593974"/>
                </a:lnTo>
                <a:lnTo>
                  <a:pt x="3254039" y="4593974"/>
                </a:lnTo>
                <a:lnTo>
                  <a:pt x="3254039" y="4593122"/>
                </a:lnTo>
                <a:close/>
                <a:moveTo>
                  <a:pt x="3129945" y="4592899"/>
                </a:moveTo>
                <a:lnTo>
                  <a:pt x="3129945" y="4594195"/>
                </a:lnTo>
                <a:lnTo>
                  <a:pt x="3131241" y="4594195"/>
                </a:lnTo>
                <a:lnTo>
                  <a:pt x="3131241" y="4592899"/>
                </a:lnTo>
                <a:close/>
                <a:moveTo>
                  <a:pt x="3006443" y="4592492"/>
                </a:moveTo>
                <a:lnTo>
                  <a:pt x="3006443" y="4594677"/>
                </a:lnTo>
                <a:lnTo>
                  <a:pt x="3008628" y="4594677"/>
                </a:lnTo>
                <a:lnTo>
                  <a:pt x="3008628" y="4592492"/>
                </a:lnTo>
                <a:close/>
                <a:moveTo>
                  <a:pt x="2882719" y="4591825"/>
                </a:moveTo>
                <a:lnTo>
                  <a:pt x="2882719" y="4595306"/>
                </a:lnTo>
                <a:lnTo>
                  <a:pt x="2886200" y="4595306"/>
                </a:lnTo>
                <a:lnTo>
                  <a:pt x="2886200" y="4591825"/>
                </a:lnTo>
                <a:close/>
                <a:moveTo>
                  <a:pt x="2758810" y="4590974"/>
                </a:moveTo>
                <a:lnTo>
                  <a:pt x="2758810" y="4596195"/>
                </a:lnTo>
                <a:lnTo>
                  <a:pt x="2764031" y="4596195"/>
                </a:lnTo>
                <a:lnTo>
                  <a:pt x="2764031" y="4590974"/>
                </a:lnTo>
                <a:close/>
                <a:moveTo>
                  <a:pt x="2634642" y="4589863"/>
                </a:moveTo>
                <a:lnTo>
                  <a:pt x="2634642" y="4597232"/>
                </a:lnTo>
                <a:lnTo>
                  <a:pt x="2642011" y="4597232"/>
                </a:lnTo>
                <a:lnTo>
                  <a:pt x="2642011" y="4589863"/>
                </a:lnTo>
                <a:close/>
                <a:moveTo>
                  <a:pt x="2509844" y="4588122"/>
                </a:moveTo>
                <a:lnTo>
                  <a:pt x="2509844" y="4598972"/>
                </a:lnTo>
                <a:lnTo>
                  <a:pt x="2520694" y="4598972"/>
                </a:lnTo>
                <a:lnTo>
                  <a:pt x="2520694" y="4588122"/>
                </a:lnTo>
                <a:close/>
                <a:moveTo>
                  <a:pt x="2385046" y="4586382"/>
                </a:moveTo>
                <a:lnTo>
                  <a:pt x="2385046" y="4600713"/>
                </a:lnTo>
                <a:lnTo>
                  <a:pt x="2399377" y="4600713"/>
                </a:lnTo>
                <a:lnTo>
                  <a:pt x="2399377" y="4586382"/>
                </a:lnTo>
                <a:close/>
                <a:moveTo>
                  <a:pt x="2259619" y="4584012"/>
                </a:moveTo>
                <a:lnTo>
                  <a:pt x="2259619" y="4603120"/>
                </a:lnTo>
                <a:lnTo>
                  <a:pt x="2278727" y="4603120"/>
                </a:lnTo>
                <a:lnTo>
                  <a:pt x="2278727" y="4584012"/>
                </a:lnTo>
                <a:close/>
                <a:moveTo>
                  <a:pt x="2134154" y="4581605"/>
                </a:moveTo>
                <a:lnTo>
                  <a:pt x="2134154" y="4605491"/>
                </a:lnTo>
                <a:lnTo>
                  <a:pt x="2158040" y="4605491"/>
                </a:lnTo>
                <a:lnTo>
                  <a:pt x="2158040" y="4581605"/>
                </a:lnTo>
                <a:close/>
                <a:moveTo>
                  <a:pt x="2008283" y="4578790"/>
                </a:moveTo>
                <a:lnTo>
                  <a:pt x="2008283" y="4608342"/>
                </a:lnTo>
                <a:lnTo>
                  <a:pt x="2037834" y="4608342"/>
                </a:lnTo>
                <a:lnTo>
                  <a:pt x="2037834" y="4578790"/>
                </a:lnTo>
                <a:close/>
                <a:moveTo>
                  <a:pt x="1882374" y="4575976"/>
                </a:moveTo>
                <a:lnTo>
                  <a:pt x="1882374" y="4611156"/>
                </a:lnTo>
                <a:lnTo>
                  <a:pt x="1917554" y="4611156"/>
                </a:lnTo>
                <a:lnTo>
                  <a:pt x="1917554" y="4575976"/>
                </a:lnTo>
                <a:close/>
                <a:moveTo>
                  <a:pt x="1756280" y="4572939"/>
                </a:moveTo>
                <a:lnTo>
                  <a:pt x="1756280" y="4614193"/>
                </a:lnTo>
                <a:lnTo>
                  <a:pt x="1797534" y="4614193"/>
                </a:lnTo>
                <a:lnTo>
                  <a:pt x="1797534" y="4572939"/>
                </a:lnTo>
                <a:close/>
                <a:moveTo>
                  <a:pt x="1630186" y="4569902"/>
                </a:moveTo>
                <a:lnTo>
                  <a:pt x="1630186" y="4617229"/>
                </a:lnTo>
                <a:lnTo>
                  <a:pt x="1677513" y="4617229"/>
                </a:lnTo>
                <a:lnTo>
                  <a:pt x="1677513" y="4569902"/>
                </a:lnTo>
                <a:close/>
                <a:moveTo>
                  <a:pt x="1504314" y="4567088"/>
                </a:moveTo>
                <a:lnTo>
                  <a:pt x="1504314" y="4620081"/>
                </a:lnTo>
                <a:lnTo>
                  <a:pt x="1557307" y="4620081"/>
                </a:lnTo>
                <a:lnTo>
                  <a:pt x="1557307" y="4567088"/>
                </a:lnTo>
                <a:close/>
                <a:moveTo>
                  <a:pt x="1378220" y="4564014"/>
                </a:moveTo>
                <a:lnTo>
                  <a:pt x="1378220" y="4623080"/>
                </a:lnTo>
                <a:lnTo>
                  <a:pt x="1437286" y="4623080"/>
                </a:lnTo>
                <a:lnTo>
                  <a:pt x="1437286" y="4564014"/>
                </a:lnTo>
                <a:close/>
                <a:moveTo>
                  <a:pt x="1252312" y="4561200"/>
                </a:moveTo>
                <a:lnTo>
                  <a:pt x="1252312" y="4625932"/>
                </a:lnTo>
                <a:lnTo>
                  <a:pt x="1317044" y="4625932"/>
                </a:lnTo>
                <a:lnTo>
                  <a:pt x="1317044" y="4561200"/>
                </a:lnTo>
                <a:close/>
                <a:moveTo>
                  <a:pt x="1126662" y="4558608"/>
                </a:moveTo>
                <a:lnTo>
                  <a:pt x="1126662" y="4628524"/>
                </a:lnTo>
                <a:lnTo>
                  <a:pt x="1196578" y="4628524"/>
                </a:lnTo>
                <a:lnTo>
                  <a:pt x="1196578" y="4558608"/>
                </a:lnTo>
                <a:close/>
                <a:moveTo>
                  <a:pt x="1001198" y="4556201"/>
                </a:moveTo>
                <a:lnTo>
                  <a:pt x="1001198" y="4630894"/>
                </a:lnTo>
                <a:lnTo>
                  <a:pt x="1075892" y="4630894"/>
                </a:lnTo>
                <a:lnTo>
                  <a:pt x="1075892" y="4556201"/>
                </a:lnTo>
                <a:close/>
                <a:moveTo>
                  <a:pt x="875770" y="4553831"/>
                </a:moveTo>
                <a:lnTo>
                  <a:pt x="875770" y="4633302"/>
                </a:lnTo>
                <a:lnTo>
                  <a:pt x="955241" y="4633302"/>
                </a:lnTo>
                <a:lnTo>
                  <a:pt x="955241" y="4553831"/>
                </a:lnTo>
                <a:close/>
                <a:moveTo>
                  <a:pt x="750972" y="4552090"/>
                </a:moveTo>
                <a:lnTo>
                  <a:pt x="750972" y="4635042"/>
                </a:lnTo>
                <a:lnTo>
                  <a:pt x="833924" y="4635042"/>
                </a:lnTo>
                <a:lnTo>
                  <a:pt x="833924" y="4552090"/>
                </a:lnTo>
                <a:close/>
                <a:moveTo>
                  <a:pt x="626360" y="4550572"/>
                </a:moveTo>
                <a:lnTo>
                  <a:pt x="626360" y="4636560"/>
                </a:lnTo>
                <a:lnTo>
                  <a:pt x="712348" y="4636560"/>
                </a:lnTo>
                <a:lnTo>
                  <a:pt x="712348" y="4550572"/>
                </a:lnTo>
                <a:close/>
                <a:moveTo>
                  <a:pt x="502006" y="4549276"/>
                </a:moveTo>
                <a:lnTo>
                  <a:pt x="502006" y="4637894"/>
                </a:lnTo>
                <a:lnTo>
                  <a:pt x="590624" y="4637894"/>
                </a:lnTo>
                <a:lnTo>
                  <a:pt x="590624" y="4549276"/>
                </a:lnTo>
                <a:close/>
                <a:moveTo>
                  <a:pt x="378097" y="4548387"/>
                </a:moveTo>
                <a:lnTo>
                  <a:pt x="378097" y="4638745"/>
                </a:lnTo>
                <a:lnTo>
                  <a:pt x="468455" y="4638745"/>
                </a:lnTo>
                <a:lnTo>
                  <a:pt x="468455" y="4548387"/>
                </a:lnTo>
                <a:close/>
                <a:moveTo>
                  <a:pt x="8703" y="4548165"/>
                </a:moveTo>
                <a:lnTo>
                  <a:pt x="8703" y="4638931"/>
                </a:lnTo>
                <a:lnTo>
                  <a:pt x="99468" y="4638931"/>
                </a:lnTo>
                <a:lnTo>
                  <a:pt x="99468" y="4548165"/>
                </a:lnTo>
                <a:close/>
                <a:moveTo>
                  <a:pt x="254373" y="4547757"/>
                </a:moveTo>
                <a:lnTo>
                  <a:pt x="254373" y="4639411"/>
                </a:lnTo>
                <a:lnTo>
                  <a:pt x="346027" y="4639411"/>
                </a:lnTo>
                <a:lnTo>
                  <a:pt x="346027" y="4547757"/>
                </a:lnTo>
                <a:close/>
                <a:moveTo>
                  <a:pt x="130872" y="4547313"/>
                </a:moveTo>
                <a:lnTo>
                  <a:pt x="130872" y="4639819"/>
                </a:lnTo>
                <a:lnTo>
                  <a:pt x="223378" y="4639819"/>
                </a:lnTo>
                <a:lnTo>
                  <a:pt x="223378" y="4547313"/>
                </a:lnTo>
                <a:close/>
                <a:moveTo>
                  <a:pt x="3868733" y="4470286"/>
                </a:moveTo>
                <a:lnTo>
                  <a:pt x="3868733" y="4470730"/>
                </a:lnTo>
                <a:lnTo>
                  <a:pt x="3869177" y="4470730"/>
                </a:lnTo>
                <a:lnTo>
                  <a:pt x="3869177" y="4470286"/>
                </a:lnTo>
                <a:close/>
                <a:moveTo>
                  <a:pt x="3745676" y="4470286"/>
                </a:moveTo>
                <a:lnTo>
                  <a:pt x="3745676" y="4470730"/>
                </a:lnTo>
                <a:lnTo>
                  <a:pt x="3746120" y="4470730"/>
                </a:lnTo>
                <a:lnTo>
                  <a:pt x="3746120" y="4470286"/>
                </a:lnTo>
                <a:close/>
                <a:moveTo>
                  <a:pt x="3622618" y="4470286"/>
                </a:moveTo>
                <a:lnTo>
                  <a:pt x="3622618" y="4470730"/>
                </a:lnTo>
                <a:lnTo>
                  <a:pt x="3623062" y="4470730"/>
                </a:lnTo>
                <a:lnTo>
                  <a:pt x="3623062" y="4470286"/>
                </a:lnTo>
                <a:close/>
                <a:moveTo>
                  <a:pt x="3499524" y="4470286"/>
                </a:moveTo>
                <a:lnTo>
                  <a:pt x="3499524" y="4470730"/>
                </a:lnTo>
                <a:lnTo>
                  <a:pt x="3499968" y="4470730"/>
                </a:lnTo>
                <a:lnTo>
                  <a:pt x="3499968" y="4470286"/>
                </a:lnTo>
                <a:close/>
                <a:moveTo>
                  <a:pt x="3376282" y="4470064"/>
                </a:moveTo>
                <a:lnTo>
                  <a:pt x="3376282" y="4470916"/>
                </a:lnTo>
                <a:lnTo>
                  <a:pt x="3377134" y="4470916"/>
                </a:lnTo>
                <a:lnTo>
                  <a:pt x="3377134" y="4470064"/>
                </a:lnTo>
                <a:close/>
                <a:moveTo>
                  <a:pt x="3253187" y="4470064"/>
                </a:moveTo>
                <a:lnTo>
                  <a:pt x="3253187" y="4470916"/>
                </a:lnTo>
                <a:lnTo>
                  <a:pt x="3254039" y="4470916"/>
                </a:lnTo>
                <a:lnTo>
                  <a:pt x="3254039" y="4470064"/>
                </a:lnTo>
                <a:close/>
                <a:moveTo>
                  <a:pt x="3129723" y="4469620"/>
                </a:moveTo>
                <a:lnTo>
                  <a:pt x="3129723" y="4471360"/>
                </a:lnTo>
                <a:lnTo>
                  <a:pt x="3131463" y="4471360"/>
                </a:lnTo>
                <a:lnTo>
                  <a:pt x="3131463" y="4469620"/>
                </a:lnTo>
                <a:close/>
                <a:moveTo>
                  <a:pt x="3006221" y="4469212"/>
                </a:moveTo>
                <a:lnTo>
                  <a:pt x="3006221" y="4471804"/>
                </a:lnTo>
                <a:lnTo>
                  <a:pt x="3008813" y="4471804"/>
                </a:lnTo>
                <a:lnTo>
                  <a:pt x="3008813" y="4469212"/>
                </a:lnTo>
                <a:close/>
                <a:moveTo>
                  <a:pt x="2882497" y="4468546"/>
                </a:moveTo>
                <a:lnTo>
                  <a:pt x="2882497" y="4472471"/>
                </a:lnTo>
                <a:lnTo>
                  <a:pt x="2886422" y="4472471"/>
                </a:lnTo>
                <a:lnTo>
                  <a:pt x="2886422" y="4468546"/>
                </a:lnTo>
                <a:close/>
                <a:moveTo>
                  <a:pt x="2758588" y="4467694"/>
                </a:moveTo>
                <a:lnTo>
                  <a:pt x="2758588" y="4473323"/>
                </a:lnTo>
                <a:lnTo>
                  <a:pt x="2764217" y="4473323"/>
                </a:lnTo>
                <a:lnTo>
                  <a:pt x="2764217" y="4467694"/>
                </a:lnTo>
                <a:close/>
                <a:moveTo>
                  <a:pt x="2634197" y="4466398"/>
                </a:moveTo>
                <a:lnTo>
                  <a:pt x="2634197" y="4474656"/>
                </a:lnTo>
                <a:lnTo>
                  <a:pt x="2642455" y="4474656"/>
                </a:lnTo>
                <a:lnTo>
                  <a:pt x="2642455" y="4466398"/>
                </a:lnTo>
                <a:close/>
                <a:moveTo>
                  <a:pt x="2509622" y="4464843"/>
                </a:moveTo>
                <a:lnTo>
                  <a:pt x="2509622" y="4476138"/>
                </a:lnTo>
                <a:lnTo>
                  <a:pt x="2520917" y="4476138"/>
                </a:lnTo>
                <a:lnTo>
                  <a:pt x="2520917" y="4464843"/>
                </a:lnTo>
                <a:close/>
                <a:moveTo>
                  <a:pt x="2384824" y="4463139"/>
                </a:moveTo>
                <a:lnTo>
                  <a:pt x="2384824" y="4477915"/>
                </a:lnTo>
                <a:lnTo>
                  <a:pt x="2399600" y="4477915"/>
                </a:lnTo>
                <a:lnTo>
                  <a:pt x="2399600" y="4463139"/>
                </a:lnTo>
                <a:close/>
                <a:moveTo>
                  <a:pt x="2259804" y="4461177"/>
                </a:moveTo>
                <a:lnTo>
                  <a:pt x="2259804" y="4479841"/>
                </a:lnTo>
                <a:lnTo>
                  <a:pt x="2278468" y="4479841"/>
                </a:lnTo>
                <a:lnTo>
                  <a:pt x="2278468" y="4461177"/>
                </a:lnTo>
                <a:close/>
                <a:moveTo>
                  <a:pt x="2134377" y="4458769"/>
                </a:moveTo>
                <a:lnTo>
                  <a:pt x="2134377" y="4482210"/>
                </a:lnTo>
                <a:lnTo>
                  <a:pt x="2157818" y="4482210"/>
                </a:lnTo>
                <a:lnTo>
                  <a:pt x="2157818" y="4458769"/>
                </a:lnTo>
                <a:close/>
                <a:moveTo>
                  <a:pt x="2008690" y="4456177"/>
                </a:moveTo>
                <a:lnTo>
                  <a:pt x="2008690" y="4484840"/>
                </a:lnTo>
                <a:lnTo>
                  <a:pt x="2037353" y="4484840"/>
                </a:lnTo>
                <a:lnTo>
                  <a:pt x="2037353" y="4456177"/>
                </a:lnTo>
                <a:close/>
                <a:moveTo>
                  <a:pt x="1883040" y="4453585"/>
                </a:moveTo>
                <a:lnTo>
                  <a:pt x="1883040" y="4487469"/>
                </a:lnTo>
                <a:lnTo>
                  <a:pt x="1916924" y="4487469"/>
                </a:lnTo>
                <a:lnTo>
                  <a:pt x="1916924" y="4453585"/>
                </a:lnTo>
                <a:close/>
                <a:moveTo>
                  <a:pt x="1757169" y="4450734"/>
                </a:moveTo>
                <a:lnTo>
                  <a:pt x="1757169" y="4490247"/>
                </a:lnTo>
                <a:lnTo>
                  <a:pt x="1796682" y="4490247"/>
                </a:lnTo>
                <a:lnTo>
                  <a:pt x="1796682" y="4450734"/>
                </a:lnTo>
                <a:close/>
                <a:moveTo>
                  <a:pt x="1631260" y="4447919"/>
                </a:moveTo>
                <a:lnTo>
                  <a:pt x="1631260" y="4493098"/>
                </a:lnTo>
                <a:lnTo>
                  <a:pt x="1676439" y="4493098"/>
                </a:lnTo>
                <a:lnTo>
                  <a:pt x="1676439" y="4447919"/>
                </a:lnTo>
                <a:close/>
                <a:moveTo>
                  <a:pt x="1505388" y="4445105"/>
                </a:moveTo>
                <a:lnTo>
                  <a:pt x="1505388" y="4495913"/>
                </a:lnTo>
                <a:lnTo>
                  <a:pt x="1556196" y="4495913"/>
                </a:lnTo>
                <a:lnTo>
                  <a:pt x="1556196" y="4445105"/>
                </a:lnTo>
                <a:close/>
                <a:moveTo>
                  <a:pt x="1379739" y="4442475"/>
                </a:moveTo>
                <a:lnTo>
                  <a:pt x="1379739" y="4498504"/>
                </a:lnTo>
                <a:lnTo>
                  <a:pt x="1435768" y="4498504"/>
                </a:lnTo>
                <a:lnTo>
                  <a:pt x="1435768" y="4442475"/>
                </a:lnTo>
                <a:close/>
                <a:moveTo>
                  <a:pt x="1253830" y="4439661"/>
                </a:moveTo>
                <a:lnTo>
                  <a:pt x="1253830" y="4501319"/>
                </a:lnTo>
                <a:lnTo>
                  <a:pt x="1315488" y="4501319"/>
                </a:lnTo>
                <a:lnTo>
                  <a:pt x="1315488" y="4439661"/>
                </a:lnTo>
                <a:close/>
                <a:moveTo>
                  <a:pt x="1128402" y="4437291"/>
                </a:moveTo>
                <a:lnTo>
                  <a:pt x="1128402" y="4503726"/>
                </a:lnTo>
                <a:lnTo>
                  <a:pt x="1194837" y="4503726"/>
                </a:lnTo>
                <a:lnTo>
                  <a:pt x="1194837" y="4437291"/>
                </a:lnTo>
                <a:close/>
                <a:moveTo>
                  <a:pt x="1003160" y="4435106"/>
                </a:moveTo>
                <a:lnTo>
                  <a:pt x="1003160" y="4505911"/>
                </a:lnTo>
                <a:lnTo>
                  <a:pt x="1073965" y="4505911"/>
                </a:lnTo>
                <a:lnTo>
                  <a:pt x="1073965" y="4435106"/>
                </a:lnTo>
                <a:close/>
                <a:moveTo>
                  <a:pt x="877918" y="4432921"/>
                </a:moveTo>
                <a:lnTo>
                  <a:pt x="877918" y="4508059"/>
                </a:lnTo>
                <a:lnTo>
                  <a:pt x="953056" y="4508059"/>
                </a:lnTo>
                <a:lnTo>
                  <a:pt x="953056" y="4432921"/>
                </a:lnTo>
                <a:close/>
                <a:moveTo>
                  <a:pt x="753120" y="4431218"/>
                </a:moveTo>
                <a:lnTo>
                  <a:pt x="753120" y="4509837"/>
                </a:lnTo>
                <a:lnTo>
                  <a:pt x="831739" y="4509837"/>
                </a:lnTo>
                <a:lnTo>
                  <a:pt x="831739" y="4431218"/>
                </a:lnTo>
                <a:close/>
                <a:moveTo>
                  <a:pt x="628545" y="4429662"/>
                </a:moveTo>
                <a:lnTo>
                  <a:pt x="628545" y="4511318"/>
                </a:lnTo>
                <a:lnTo>
                  <a:pt x="710201" y="4511318"/>
                </a:lnTo>
                <a:lnTo>
                  <a:pt x="710201" y="4429662"/>
                </a:lnTo>
                <a:close/>
                <a:moveTo>
                  <a:pt x="504413" y="4428588"/>
                </a:moveTo>
                <a:lnTo>
                  <a:pt x="504413" y="4512428"/>
                </a:lnTo>
                <a:lnTo>
                  <a:pt x="588253" y="4512428"/>
                </a:lnTo>
                <a:lnTo>
                  <a:pt x="588253" y="4428588"/>
                </a:lnTo>
                <a:close/>
                <a:moveTo>
                  <a:pt x="380245" y="4427514"/>
                </a:moveTo>
                <a:lnTo>
                  <a:pt x="380245" y="4513502"/>
                </a:lnTo>
                <a:lnTo>
                  <a:pt x="466233" y="4513502"/>
                </a:lnTo>
                <a:lnTo>
                  <a:pt x="466233" y="4427514"/>
                </a:lnTo>
                <a:close/>
                <a:moveTo>
                  <a:pt x="10851" y="4427292"/>
                </a:moveTo>
                <a:lnTo>
                  <a:pt x="10851" y="4513725"/>
                </a:lnTo>
                <a:lnTo>
                  <a:pt x="97284" y="4513725"/>
                </a:lnTo>
                <a:lnTo>
                  <a:pt x="97284" y="4427292"/>
                </a:lnTo>
                <a:close/>
                <a:moveTo>
                  <a:pt x="256558" y="4426848"/>
                </a:moveTo>
                <a:lnTo>
                  <a:pt x="256558" y="4514132"/>
                </a:lnTo>
                <a:lnTo>
                  <a:pt x="343842" y="4514132"/>
                </a:lnTo>
                <a:lnTo>
                  <a:pt x="343842" y="4426848"/>
                </a:lnTo>
                <a:close/>
                <a:moveTo>
                  <a:pt x="133056" y="4426403"/>
                </a:moveTo>
                <a:lnTo>
                  <a:pt x="133056" y="4514576"/>
                </a:lnTo>
                <a:lnTo>
                  <a:pt x="221229" y="4514576"/>
                </a:lnTo>
                <a:lnTo>
                  <a:pt x="221229" y="4426403"/>
                </a:lnTo>
                <a:close/>
                <a:moveTo>
                  <a:pt x="3991790" y="4347229"/>
                </a:moveTo>
                <a:lnTo>
                  <a:pt x="3991790" y="4347673"/>
                </a:lnTo>
                <a:lnTo>
                  <a:pt x="3992235" y="4347673"/>
                </a:lnTo>
                <a:lnTo>
                  <a:pt x="3992235" y="4347229"/>
                </a:lnTo>
                <a:close/>
                <a:moveTo>
                  <a:pt x="3868733" y="4347229"/>
                </a:moveTo>
                <a:lnTo>
                  <a:pt x="3868733" y="4347673"/>
                </a:lnTo>
                <a:lnTo>
                  <a:pt x="3869177" y="4347673"/>
                </a:lnTo>
                <a:lnTo>
                  <a:pt x="3869177" y="4347229"/>
                </a:lnTo>
                <a:close/>
                <a:moveTo>
                  <a:pt x="3745676" y="4347229"/>
                </a:moveTo>
                <a:lnTo>
                  <a:pt x="3745676" y="4347673"/>
                </a:lnTo>
                <a:lnTo>
                  <a:pt x="3746120" y="4347673"/>
                </a:lnTo>
                <a:lnTo>
                  <a:pt x="3746120" y="4347229"/>
                </a:lnTo>
                <a:close/>
                <a:moveTo>
                  <a:pt x="3622618" y="4347229"/>
                </a:moveTo>
                <a:lnTo>
                  <a:pt x="3622618" y="4347673"/>
                </a:lnTo>
                <a:lnTo>
                  <a:pt x="3623062" y="4347673"/>
                </a:lnTo>
                <a:lnTo>
                  <a:pt x="3623062" y="4347229"/>
                </a:lnTo>
                <a:close/>
                <a:moveTo>
                  <a:pt x="3499524" y="4347229"/>
                </a:moveTo>
                <a:lnTo>
                  <a:pt x="3499524" y="4347673"/>
                </a:lnTo>
                <a:lnTo>
                  <a:pt x="3499968" y="4347673"/>
                </a:lnTo>
                <a:lnTo>
                  <a:pt x="3499968" y="4347229"/>
                </a:lnTo>
                <a:close/>
                <a:moveTo>
                  <a:pt x="3376282" y="4347007"/>
                </a:moveTo>
                <a:lnTo>
                  <a:pt x="3376282" y="4347859"/>
                </a:lnTo>
                <a:lnTo>
                  <a:pt x="3377134" y="4347859"/>
                </a:lnTo>
                <a:lnTo>
                  <a:pt x="3377134" y="4347007"/>
                </a:lnTo>
                <a:close/>
                <a:moveTo>
                  <a:pt x="3253002" y="4346785"/>
                </a:moveTo>
                <a:lnTo>
                  <a:pt x="3253002" y="4348081"/>
                </a:lnTo>
                <a:lnTo>
                  <a:pt x="3254298" y="4348081"/>
                </a:lnTo>
                <a:lnTo>
                  <a:pt x="3254298" y="4346785"/>
                </a:lnTo>
                <a:close/>
                <a:moveTo>
                  <a:pt x="3129500" y="4346377"/>
                </a:moveTo>
                <a:lnTo>
                  <a:pt x="3129500" y="4348562"/>
                </a:lnTo>
                <a:lnTo>
                  <a:pt x="3131685" y="4348562"/>
                </a:lnTo>
                <a:lnTo>
                  <a:pt x="3131685" y="4346377"/>
                </a:lnTo>
                <a:close/>
                <a:moveTo>
                  <a:pt x="3005999" y="4345933"/>
                </a:moveTo>
                <a:lnTo>
                  <a:pt x="3005999" y="4348970"/>
                </a:lnTo>
                <a:lnTo>
                  <a:pt x="3009036" y="4348970"/>
                </a:lnTo>
                <a:lnTo>
                  <a:pt x="3009036" y="4345933"/>
                </a:lnTo>
                <a:close/>
                <a:moveTo>
                  <a:pt x="2882275" y="4345266"/>
                </a:moveTo>
                <a:lnTo>
                  <a:pt x="2882275" y="4349599"/>
                </a:lnTo>
                <a:lnTo>
                  <a:pt x="2886608" y="4349599"/>
                </a:lnTo>
                <a:lnTo>
                  <a:pt x="2886608" y="4345266"/>
                </a:lnTo>
                <a:close/>
                <a:moveTo>
                  <a:pt x="2758144" y="4344192"/>
                </a:moveTo>
                <a:lnTo>
                  <a:pt x="2758144" y="4350710"/>
                </a:lnTo>
                <a:lnTo>
                  <a:pt x="2764662" y="4350710"/>
                </a:lnTo>
                <a:lnTo>
                  <a:pt x="2764662" y="4344192"/>
                </a:lnTo>
                <a:close/>
                <a:moveTo>
                  <a:pt x="2634012" y="4343119"/>
                </a:moveTo>
                <a:lnTo>
                  <a:pt x="2634012" y="4351821"/>
                </a:lnTo>
                <a:lnTo>
                  <a:pt x="2642715" y="4351821"/>
                </a:lnTo>
                <a:lnTo>
                  <a:pt x="2642715" y="4343119"/>
                </a:lnTo>
                <a:close/>
                <a:moveTo>
                  <a:pt x="2509400" y="4341600"/>
                </a:moveTo>
                <a:lnTo>
                  <a:pt x="2509400" y="4353339"/>
                </a:lnTo>
                <a:lnTo>
                  <a:pt x="2521139" y="4353339"/>
                </a:lnTo>
                <a:lnTo>
                  <a:pt x="2521139" y="4341600"/>
                </a:lnTo>
                <a:close/>
                <a:moveTo>
                  <a:pt x="2384824" y="4340045"/>
                </a:moveTo>
                <a:lnTo>
                  <a:pt x="2384824" y="4354821"/>
                </a:lnTo>
                <a:lnTo>
                  <a:pt x="2399600" y="4354821"/>
                </a:lnTo>
                <a:lnTo>
                  <a:pt x="2399600" y="4340045"/>
                </a:lnTo>
                <a:close/>
                <a:moveTo>
                  <a:pt x="2259804" y="4338119"/>
                </a:moveTo>
                <a:lnTo>
                  <a:pt x="2259804" y="4356783"/>
                </a:lnTo>
                <a:lnTo>
                  <a:pt x="2278468" y="4356783"/>
                </a:lnTo>
                <a:lnTo>
                  <a:pt x="2278468" y="4338119"/>
                </a:lnTo>
                <a:close/>
                <a:moveTo>
                  <a:pt x="2134599" y="4335934"/>
                </a:moveTo>
                <a:lnTo>
                  <a:pt x="2134599" y="4358968"/>
                </a:lnTo>
                <a:lnTo>
                  <a:pt x="2157633" y="4358968"/>
                </a:lnTo>
                <a:lnTo>
                  <a:pt x="2157633" y="4335934"/>
                </a:lnTo>
                <a:close/>
                <a:moveTo>
                  <a:pt x="2009134" y="4333564"/>
                </a:moveTo>
                <a:lnTo>
                  <a:pt x="2009134" y="4361375"/>
                </a:lnTo>
                <a:lnTo>
                  <a:pt x="2036945" y="4361375"/>
                </a:lnTo>
                <a:lnTo>
                  <a:pt x="2036945" y="4333564"/>
                </a:lnTo>
                <a:close/>
                <a:moveTo>
                  <a:pt x="1883707" y="4331157"/>
                </a:moveTo>
                <a:lnTo>
                  <a:pt x="1883707" y="4363745"/>
                </a:lnTo>
                <a:lnTo>
                  <a:pt x="1916295" y="4363745"/>
                </a:lnTo>
                <a:lnTo>
                  <a:pt x="1916295" y="4331157"/>
                </a:lnTo>
                <a:close/>
                <a:moveTo>
                  <a:pt x="1758020" y="4328565"/>
                </a:moveTo>
                <a:lnTo>
                  <a:pt x="1758020" y="4366338"/>
                </a:lnTo>
                <a:lnTo>
                  <a:pt x="1795793" y="4366338"/>
                </a:lnTo>
                <a:lnTo>
                  <a:pt x="1795793" y="4328565"/>
                </a:lnTo>
                <a:close/>
                <a:moveTo>
                  <a:pt x="1632371" y="4325936"/>
                </a:moveTo>
                <a:lnTo>
                  <a:pt x="1632371" y="4368930"/>
                </a:lnTo>
                <a:lnTo>
                  <a:pt x="1675365" y="4368930"/>
                </a:lnTo>
                <a:lnTo>
                  <a:pt x="1675365" y="4325936"/>
                </a:lnTo>
                <a:close/>
                <a:moveTo>
                  <a:pt x="1506684" y="4323343"/>
                </a:moveTo>
                <a:lnTo>
                  <a:pt x="1506684" y="4371559"/>
                </a:lnTo>
                <a:lnTo>
                  <a:pt x="1554900" y="4371559"/>
                </a:lnTo>
                <a:lnTo>
                  <a:pt x="1554900" y="4323343"/>
                </a:lnTo>
                <a:close/>
                <a:moveTo>
                  <a:pt x="1381257" y="4320936"/>
                </a:moveTo>
                <a:lnTo>
                  <a:pt x="1381257" y="4373929"/>
                </a:lnTo>
                <a:lnTo>
                  <a:pt x="1434250" y="4373929"/>
                </a:lnTo>
                <a:lnTo>
                  <a:pt x="1434250" y="4320936"/>
                </a:lnTo>
                <a:close/>
                <a:moveTo>
                  <a:pt x="1255793" y="4318566"/>
                </a:moveTo>
                <a:lnTo>
                  <a:pt x="1255793" y="4376336"/>
                </a:lnTo>
                <a:lnTo>
                  <a:pt x="1313563" y="4376336"/>
                </a:lnTo>
                <a:lnTo>
                  <a:pt x="1313563" y="4318566"/>
                </a:lnTo>
                <a:close/>
                <a:moveTo>
                  <a:pt x="1130328" y="4316159"/>
                </a:moveTo>
                <a:lnTo>
                  <a:pt x="1130328" y="4378706"/>
                </a:lnTo>
                <a:lnTo>
                  <a:pt x="1192875" y="4378706"/>
                </a:lnTo>
                <a:lnTo>
                  <a:pt x="1192875" y="4316159"/>
                </a:lnTo>
                <a:close/>
                <a:moveTo>
                  <a:pt x="1005123" y="4314011"/>
                </a:moveTo>
                <a:lnTo>
                  <a:pt x="1005123" y="4380891"/>
                </a:lnTo>
                <a:lnTo>
                  <a:pt x="1072003" y="4380891"/>
                </a:lnTo>
                <a:lnTo>
                  <a:pt x="1072003" y="4314011"/>
                </a:lnTo>
                <a:close/>
                <a:moveTo>
                  <a:pt x="880103" y="4312049"/>
                </a:moveTo>
                <a:lnTo>
                  <a:pt x="880103" y="4382854"/>
                </a:lnTo>
                <a:lnTo>
                  <a:pt x="950908" y="4382854"/>
                </a:lnTo>
                <a:lnTo>
                  <a:pt x="950908" y="4312049"/>
                </a:lnTo>
                <a:close/>
                <a:moveTo>
                  <a:pt x="755527" y="4310530"/>
                </a:moveTo>
                <a:lnTo>
                  <a:pt x="755527" y="4384372"/>
                </a:lnTo>
                <a:lnTo>
                  <a:pt x="829369" y="4384372"/>
                </a:lnTo>
                <a:lnTo>
                  <a:pt x="829369" y="4310530"/>
                </a:lnTo>
                <a:close/>
                <a:moveTo>
                  <a:pt x="630952" y="4309012"/>
                </a:moveTo>
                <a:lnTo>
                  <a:pt x="630952" y="4385890"/>
                </a:lnTo>
                <a:lnTo>
                  <a:pt x="707830" y="4385890"/>
                </a:lnTo>
                <a:lnTo>
                  <a:pt x="707830" y="4309012"/>
                </a:lnTo>
                <a:close/>
                <a:moveTo>
                  <a:pt x="506783" y="4307938"/>
                </a:moveTo>
                <a:lnTo>
                  <a:pt x="506783" y="4387001"/>
                </a:lnTo>
                <a:lnTo>
                  <a:pt x="585846" y="4387001"/>
                </a:lnTo>
                <a:lnTo>
                  <a:pt x="585846" y="4307938"/>
                </a:lnTo>
                <a:close/>
                <a:moveTo>
                  <a:pt x="382652" y="4306827"/>
                </a:moveTo>
                <a:lnTo>
                  <a:pt x="382652" y="4388038"/>
                </a:lnTo>
                <a:lnTo>
                  <a:pt x="463863" y="4388038"/>
                </a:lnTo>
                <a:lnTo>
                  <a:pt x="463863" y="4306827"/>
                </a:lnTo>
                <a:close/>
                <a:moveTo>
                  <a:pt x="13258" y="4306605"/>
                </a:moveTo>
                <a:lnTo>
                  <a:pt x="13258" y="4388261"/>
                </a:lnTo>
                <a:lnTo>
                  <a:pt x="94914" y="4388261"/>
                </a:lnTo>
                <a:lnTo>
                  <a:pt x="94914" y="4306605"/>
                </a:lnTo>
                <a:close/>
                <a:moveTo>
                  <a:pt x="258928" y="4306198"/>
                </a:moveTo>
                <a:lnTo>
                  <a:pt x="258928" y="4388705"/>
                </a:lnTo>
                <a:lnTo>
                  <a:pt x="341435" y="4388705"/>
                </a:lnTo>
                <a:lnTo>
                  <a:pt x="341435" y="4306198"/>
                </a:lnTo>
                <a:close/>
                <a:moveTo>
                  <a:pt x="135427" y="4305753"/>
                </a:moveTo>
                <a:lnTo>
                  <a:pt x="135427" y="4389149"/>
                </a:lnTo>
                <a:lnTo>
                  <a:pt x="218823" y="4389149"/>
                </a:lnTo>
                <a:lnTo>
                  <a:pt x="218823" y="4305753"/>
                </a:lnTo>
                <a:close/>
                <a:moveTo>
                  <a:pt x="4114848" y="4224172"/>
                </a:moveTo>
                <a:lnTo>
                  <a:pt x="4114848" y="4224616"/>
                </a:lnTo>
                <a:lnTo>
                  <a:pt x="4115292" y="4224616"/>
                </a:lnTo>
                <a:lnTo>
                  <a:pt x="4115292" y="4224172"/>
                </a:lnTo>
                <a:close/>
                <a:moveTo>
                  <a:pt x="3991790" y="4224172"/>
                </a:moveTo>
                <a:lnTo>
                  <a:pt x="3991790" y="4224616"/>
                </a:lnTo>
                <a:lnTo>
                  <a:pt x="3992235" y="4224616"/>
                </a:lnTo>
                <a:lnTo>
                  <a:pt x="3992235" y="4224172"/>
                </a:lnTo>
                <a:close/>
                <a:moveTo>
                  <a:pt x="3868733" y="4224172"/>
                </a:moveTo>
                <a:lnTo>
                  <a:pt x="3868733" y="4224616"/>
                </a:lnTo>
                <a:lnTo>
                  <a:pt x="3869177" y="4224616"/>
                </a:lnTo>
                <a:lnTo>
                  <a:pt x="3869177" y="4224172"/>
                </a:lnTo>
                <a:close/>
                <a:moveTo>
                  <a:pt x="3745676" y="4224172"/>
                </a:moveTo>
                <a:lnTo>
                  <a:pt x="3745676" y="4224616"/>
                </a:lnTo>
                <a:lnTo>
                  <a:pt x="3746120" y="4224616"/>
                </a:lnTo>
                <a:lnTo>
                  <a:pt x="3746120" y="4224172"/>
                </a:lnTo>
                <a:close/>
                <a:moveTo>
                  <a:pt x="3622618" y="4224172"/>
                </a:moveTo>
                <a:lnTo>
                  <a:pt x="3622618" y="4224616"/>
                </a:lnTo>
                <a:lnTo>
                  <a:pt x="3623062" y="4224616"/>
                </a:lnTo>
                <a:lnTo>
                  <a:pt x="3623062" y="4224172"/>
                </a:lnTo>
                <a:close/>
                <a:moveTo>
                  <a:pt x="3499339" y="4223950"/>
                </a:moveTo>
                <a:lnTo>
                  <a:pt x="3499339" y="4224802"/>
                </a:lnTo>
                <a:lnTo>
                  <a:pt x="3500191" y="4224802"/>
                </a:lnTo>
                <a:lnTo>
                  <a:pt x="3500191" y="4223950"/>
                </a:lnTo>
                <a:close/>
                <a:moveTo>
                  <a:pt x="3376059" y="4223727"/>
                </a:moveTo>
                <a:lnTo>
                  <a:pt x="3376059" y="4225023"/>
                </a:lnTo>
                <a:lnTo>
                  <a:pt x="3377355" y="4225023"/>
                </a:lnTo>
                <a:lnTo>
                  <a:pt x="3377355" y="4223727"/>
                </a:lnTo>
                <a:close/>
                <a:moveTo>
                  <a:pt x="3252780" y="4223505"/>
                </a:moveTo>
                <a:lnTo>
                  <a:pt x="3252780" y="4225245"/>
                </a:lnTo>
                <a:lnTo>
                  <a:pt x="3254520" y="4225245"/>
                </a:lnTo>
                <a:lnTo>
                  <a:pt x="3254520" y="4223505"/>
                </a:lnTo>
                <a:close/>
                <a:moveTo>
                  <a:pt x="3129278" y="4223098"/>
                </a:moveTo>
                <a:lnTo>
                  <a:pt x="3129278" y="4225690"/>
                </a:lnTo>
                <a:lnTo>
                  <a:pt x="3131870" y="4225690"/>
                </a:lnTo>
                <a:lnTo>
                  <a:pt x="3131870" y="4223098"/>
                </a:lnTo>
                <a:close/>
                <a:moveTo>
                  <a:pt x="3005777" y="4222653"/>
                </a:moveTo>
                <a:lnTo>
                  <a:pt x="3005777" y="4226134"/>
                </a:lnTo>
                <a:lnTo>
                  <a:pt x="3009258" y="4226134"/>
                </a:lnTo>
                <a:lnTo>
                  <a:pt x="3009258" y="4222653"/>
                </a:lnTo>
                <a:close/>
                <a:moveTo>
                  <a:pt x="2882053" y="4221987"/>
                </a:moveTo>
                <a:lnTo>
                  <a:pt x="2882053" y="4226764"/>
                </a:lnTo>
                <a:lnTo>
                  <a:pt x="2886830" y="4226764"/>
                </a:lnTo>
                <a:lnTo>
                  <a:pt x="2886830" y="4221987"/>
                </a:lnTo>
                <a:close/>
                <a:moveTo>
                  <a:pt x="2757921" y="4220913"/>
                </a:moveTo>
                <a:lnTo>
                  <a:pt x="2757921" y="4227875"/>
                </a:lnTo>
                <a:lnTo>
                  <a:pt x="2764883" y="4227875"/>
                </a:lnTo>
                <a:lnTo>
                  <a:pt x="2764883" y="4220913"/>
                </a:lnTo>
                <a:close/>
                <a:moveTo>
                  <a:pt x="2633790" y="4219839"/>
                </a:moveTo>
                <a:lnTo>
                  <a:pt x="2633790" y="4228949"/>
                </a:lnTo>
                <a:lnTo>
                  <a:pt x="2642900" y="4228949"/>
                </a:lnTo>
                <a:lnTo>
                  <a:pt x="2642900" y="4219839"/>
                </a:lnTo>
                <a:close/>
                <a:moveTo>
                  <a:pt x="2509400" y="4218506"/>
                </a:moveTo>
                <a:lnTo>
                  <a:pt x="2509400" y="4230245"/>
                </a:lnTo>
                <a:lnTo>
                  <a:pt x="2521139" y="4230245"/>
                </a:lnTo>
                <a:lnTo>
                  <a:pt x="2521139" y="4218506"/>
                </a:lnTo>
                <a:close/>
                <a:moveTo>
                  <a:pt x="2384824" y="4216988"/>
                </a:moveTo>
                <a:lnTo>
                  <a:pt x="2384824" y="4231764"/>
                </a:lnTo>
                <a:lnTo>
                  <a:pt x="2399600" y="4231764"/>
                </a:lnTo>
                <a:lnTo>
                  <a:pt x="2399600" y="4216988"/>
                </a:lnTo>
                <a:close/>
                <a:moveTo>
                  <a:pt x="2260026" y="4215247"/>
                </a:moveTo>
                <a:lnTo>
                  <a:pt x="2260026" y="4233504"/>
                </a:lnTo>
                <a:lnTo>
                  <a:pt x="2278283" y="4233504"/>
                </a:lnTo>
                <a:lnTo>
                  <a:pt x="2278283" y="4215247"/>
                </a:lnTo>
                <a:close/>
                <a:moveTo>
                  <a:pt x="2135006" y="4213321"/>
                </a:moveTo>
                <a:lnTo>
                  <a:pt x="2135006" y="4235466"/>
                </a:lnTo>
                <a:lnTo>
                  <a:pt x="2157151" y="4235466"/>
                </a:lnTo>
                <a:lnTo>
                  <a:pt x="2157151" y="4213321"/>
                </a:lnTo>
                <a:close/>
                <a:moveTo>
                  <a:pt x="2009801" y="4211136"/>
                </a:moveTo>
                <a:lnTo>
                  <a:pt x="2009801" y="4237614"/>
                </a:lnTo>
                <a:lnTo>
                  <a:pt x="2036279" y="4237614"/>
                </a:lnTo>
                <a:lnTo>
                  <a:pt x="2036279" y="4211136"/>
                </a:lnTo>
                <a:close/>
                <a:moveTo>
                  <a:pt x="1884337" y="4208766"/>
                </a:moveTo>
                <a:lnTo>
                  <a:pt x="1884337" y="4240021"/>
                </a:lnTo>
                <a:lnTo>
                  <a:pt x="1915592" y="4240021"/>
                </a:lnTo>
                <a:lnTo>
                  <a:pt x="1915592" y="4208766"/>
                </a:lnTo>
                <a:close/>
                <a:moveTo>
                  <a:pt x="1758909" y="4206359"/>
                </a:moveTo>
                <a:lnTo>
                  <a:pt x="1758909" y="4242391"/>
                </a:lnTo>
                <a:lnTo>
                  <a:pt x="1794941" y="4242391"/>
                </a:lnTo>
                <a:lnTo>
                  <a:pt x="1794941" y="4206359"/>
                </a:lnTo>
                <a:close/>
                <a:moveTo>
                  <a:pt x="1633445" y="4203989"/>
                </a:moveTo>
                <a:lnTo>
                  <a:pt x="1633445" y="4244798"/>
                </a:lnTo>
                <a:lnTo>
                  <a:pt x="1674254" y="4244798"/>
                </a:lnTo>
                <a:lnTo>
                  <a:pt x="1674254" y="4203989"/>
                </a:lnTo>
                <a:close/>
                <a:moveTo>
                  <a:pt x="1507980" y="4201582"/>
                </a:moveTo>
                <a:lnTo>
                  <a:pt x="1507980" y="4247168"/>
                </a:lnTo>
                <a:lnTo>
                  <a:pt x="1553566" y="4247168"/>
                </a:lnTo>
                <a:lnTo>
                  <a:pt x="1553566" y="4201582"/>
                </a:lnTo>
                <a:close/>
                <a:moveTo>
                  <a:pt x="1382775" y="4199397"/>
                </a:moveTo>
                <a:lnTo>
                  <a:pt x="1382775" y="4249353"/>
                </a:lnTo>
                <a:lnTo>
                  <a:pt x="1432731" y="4249353"/>
                </a:lnTo>
                <a:lnTo>
                  <a:pt x="1432731" y="4199397"/>
                </a:lnTo>
                <a:close/>
                <a:moveTo>
                  <a:pt x="1257533" y="4197249"/>
                </a:moveTo>
                <a:lnTo>
                  <a:pt x="1257533" y="4251538"/>
                </a:lnTo>
                <a:lnTo>
                  <a:pt x="1311822" y="4251538"/>
                </a:lnTo>
                <a:lnTo>
                  <a:pt x="1311822" y="4197249"/>
                </a:lnTo>
                <a:close/>
                <a:moveTo>
                  <a:pt x="1132291" y="4195065"/>
                </a:moveTo>
                <a:lnTo>
                  <a:pt x="1132291" y="4253687"/>
                </a:lnTo>
                <a:lnTo>
                  <a:pt x="1190913" y="4253687"/>
                </a:lnTo>
                <a:lnTo>
                  <a:pt x="1190913" y="4195065"/>
                </a:lnTo>
                <a:close/>
                <a:moveTo>
                  <a:pt x="1007271" y="4193102"/>
                </a:moveTo>
                <a:lnTo>
                  <a:pt x="1007271" y="4255649"/>
                </a:lnTo>
                <a:lnTo>
                  <a:pt x="1069818" y="4255649"/>
                </a:lnTo>
                <a:lnTo>
                  <a:pt x="1069818" y="4193102"/>
                </a:lnTo>
                <a:close/>
                <a:moveTo>
                  <a:pt x="882473" y="4191361"/>
                </a:moveTo>
                <a:lnTo>
                  <a:pt x="882473" y="4257389"/>
                </a:lnTo>
                <a:lnTo>
                  <a:pt x="948501" y="4257389"/>
                </a:lnTo>
                <a:lnTo>
                  <a:pt x="948501" y="4191361"/>
                </a:lnTo>
                <a:close/>
                <a:moveTo>
                  <a:pt x="757675" y="4189658"/>
                </a:moveTo>
                <a:lnTo>
                  <a:pt x="757675" y="4259167"/>
                </a:lnTo>
                <a:lnTo>
                  <a:pt x="827184" y="4259167"/>
                </a:lnTo>
                <a:lnTo>
                  <a:pt x="827184" y="4189658"/>
                </a:lnTo>
                <a:close/>
                <a:moveTo>
                  <a:pt x="633322" y="4188325"/>
                </a:moveTo>
                <a:lnTo>
                  <a:pt x="633322" y="4260426"/>
                </a:lnTo>
                <a:lnTo>
                  <a:pt x="705423" y="4260426"/>
                </a:lnTo>
                <a:lnTo>
                  <a:pt x="705423" y="4188325"/>
                </a:lnTo>
                <a:close/>
                <a:moveTo>
                  <a:pt x="509190" y="4187251"/>
                </a:moveTo>
                <a:lnTo>
                  <a:pt x="509190" y="4261537"/>
                </a:lnTo>
                <a:lnTo>
                  <a:pt x="583476" y="4261537"/>
                </a:lnTo>
                <a:lnTo>
                  <a:pt x="583476" y="4187251"/>
                </a:lnTo>
                <a:close/>
                <a:moveTo>
                  <a:pt x="385244" y="4186399"/>
                </a:moveTo>
                <a:lnTo>
                  <a:pt x="385244" y="4262389"/>
                </a:lnTo>
                <a:lnTo>
                  <a:pt x="461234" y="4262389"/>
                </a:lnTo>
                <a:lnTo>
                  <a:pt x="461234" y="4186399"/>
                </a:lnTo>
                <a:close/>
                <a:moveTo>
                  <a:pt x="15628" y="4185955"/>
                </a:moveTo>
                <a:lnTo>
                  <a:pt x="15628" y="4262834"/>
                </a:lnTo>
                <a:lnTo>
                  <a:pt x="92506" y="4262834"/>
                </a:lnTo>
                <a:lnTo>
                  <a:pt x="92506" y="4185955"/>
                </a:lnTo>
                <a:close/>
                <a:moveTo>
                  <a:pt x="261557" y="4185733"/>
                </a:moveTo>
                <a:lnTo>
                  <a:pt x="261557" y="4263056"/>
                </a:lnTo>
                <a:lnTo>
                  <a:pt x="338880" y="4263056"/>
                </a:lnTo>
                <a:lnTo>
                  <a:pt x="338880" y="4185733"/>
                </a:lnTo>
                <a:close/>
                <a:moveTo>
                  <a:pt x="137834" y="4185066"/>
                </a:moveTo>
                <a:lnTo>
                  <a:pt x="137834" y="4263685"/>
                </a:lnTo>
                <a:lnTo>
                  <a:pt x="216453" y="4263685"/>
                </a:lnTo>
                <a:lnTo>
                  <a:pt x="216453" y="4185066"/>
                </a:lnTo>
                <a:close/>
                <a:moveTo>
                  <a:pt x="4237905" y="4101114"/>
                </a:moveTo>
                <a:lnTo>
                  <a:pt x="4237905" y="4101558"/>
                </a:lnTo>
                <a:lnTo>
                  <a:pt x="4238349" y="4101558"/>
                </a:lnTo>
                <a:lnTo>
                  <a:pt x="4238349" y="4101114"/>
                </a:lnTo>
                <a:close/>
                <a:moveTo>
                  <a:pt x="4114848" y="4101114"/>
                </a:moveTo>
                <a:lnTo>
                  <a:pt x="4114848" y="4101558"/>
                </a:lnTo>
                <a:lnTo>
                  <a:pt x="4115292" y="4101558"/>
                </a:lnTo>
                <a:lnTo>
                  <a:pt x="4115292" y="4101114"/>
                </a:lnTo>
                <a:close/>
                <a:moveTo>
                  <a:pt x="3991790" y="4101114"/>
                </a:moveTo>
                <a:lnTo>
                  <a:pt x="3991790" y="4101558"/>
                </a:lnTo>
                <a:lnTo>
                  <a:pt x="3992235" y="4101558"/>
                </a:lnTo>
                <a:lnTo>
                  <a:pt x="3992235" y="4101114"/>
                </a:lnTo>
                <a:close/>
                <a:moveTo>
                  <a:pt x="3868733" y="4101114"/>
                </a:moveTo>
                <a:lnTo>
                  <a:pt x="3868733" y="4101558"/>
                </a:lnTo>
                <a:lnTo>
                  <a:pt x="3869177" y="4101558"/>
                </a:lnTo>
                <a:lnTo>
                  <a:pt x="3869177" y="4101114"/>
                </a:lnTo>
                <a:close/>
                <a:moveTo>
                  <a:pt x="3745676" y="4101114"/>
                </a:moveTo>
                <a:lnTo>
                  <a:pt x="3745676" y="4101558"/>
                </a:lnTo>
                <a:lnTo>
                  <a:pt x="3746120" y="4101558"/>
                </a:lnTo>
                <a:lnTo>
                  <a:pt x="3746120" y="4101114"/>
                </a:lnTo>
                <a:close/>
                <a:moveTo>
                  <a:pt x="3622618" y="4101114"/>
                </a:moveTo>
                <a:lnTo>
                  <a:pt x="3622618" y="4101558"/>
                </a:lnTo>
                <a:lnTo>
                  <a:pt x="3623062" y="4101558"/>
                </a:lnTo>
                <a:lnTo>
                  <a:pt x="3623062" y="4101114"/>
                </a:lnTo>
                <a:close/>
                <a:moveTo>
                  <a:pt x="3499339" y="4100892"/>
                </a:moveTo>
                <a:lnTo>
                  <a:pt x="3499339" y="4101744"/>
                </a:lnTo>
                <a:lnTo>
                  <a:pt x="3500191" y="4101744"/>
                </a:lnTo>
                <a:lnTo>
                  <a:pt x="3500191" y="4100892"/>
                </a:lnTo>
                <a:close/>
                <a:moveTo>
                  <a:pt x="3376059" y="4100670"/>
                </a:moveTo>
                <a:lnTo>
                  <a:pt x="3376059" y="4101966"/>
                </a:lnTo>
                <a:lnTo>
                  <a:pt x="3377355" y="4101966"/>
                </a:lnTo>
                <a:lnTo>
                  <a:pt x="3377355" y="4100670"/>
                </a:lnTo>
                <a:close/>
                <a:moveTo>
                  <a:pt x="3252780" y="4100448"/>
                </a:moveTo>
                <a:lnTo>
                  <a:pt x="3252780" y="4102188"/>
                </a:lnTo>
                <a:lnTo>
                  <a:pt x="3254520" y="4102188"/>
                </a:lnTo>
                <a:lnTo>
                  <a:pt x="3254520" y="4100448"/>
                </a:lnTo>
                <a:close/>
                <a:moveTo>
                  <a:pt x="3129278" y="4100040"/>
                </a:moveTo>
                <a:lnTo>
                  <a:pt x="3129278" y="4102632"/>
                </a:lnTo>
                <a:lnTo>
                  <a:pt x="3131870" y="4102632"/>
                </a:lnTo>
                <a:lnTo>
                  <a:pt x="3131870" y="4100040"/>
                </a:lnTo>
                <a:close/>
                <a:moveTo>
                  <a:pt x="3005554" y="4099374"/>
                </a:moveTo>
                <a:lnTo>
                  <a:pt x="3005554" y="4103299"/>
                </a:lnTo>
                <a:lnTo>
                  <a:pt x="3009479" y="4103299"/>
                </a:lnTo>
                <a:lnTo>
                  <a:pt x="3009479" y="4099374"/>
                </a:lnTo>
                <a:close/>
                <a:moveTo>
                  <a:pt x="2881867" y="4098707"/>
                </a:moveTo>
                <a:lnTo>
                  <a:pt x="2881867" y="4103928"/>
                </a:lnTo>
                <a:lnTo>
                  <a:pt x="2887088" y="4103928"/>
                </a:lnTo>
                <a:lnTo>
                  <a:pt x="2887088" y="4098707"/>
                </a:lnTo>
                <a:close/>
                <a:moveTo>
                  <a:pt x="2757921" y="4097856"/>
                </a:moveTo>
                <a:lnTo>
                  <a:pt x="2757921" y="4104818"/>
                </a:lnTo>
                <a:lnTo>
                  <a:pt x="2764883" y="4104818"/>
                </a:lnTo>
                <a:lnTo>
                  <a:pt x="2764883" y="4097856"/>
                </a:lnTo>
                <a:close/>
                <a:moveTo>
                  <a:pt x="2633790" y="4096782"/>
                </a:moveTo>
                <a:lnTo>
                  <a:pt x="2633790" y="4105892"/>
                </a:lnTo>
                <a:lnTo>
                  <a:pt x="2642900" y="4105892"/>
                </a:lnTo>
                <a:lnTo>
                  <a:pt x="2642900" y="4096782"/>
                </a:lnTo>
                <a:close/>
                <a:moveTo>
                  <a:pt x="2509400" y="4095449"/>
                </a:moveTo>
                <a:lnTo>
                  <a:pt x="2509400" y="4107188"/>
                </a:lnTo>
                <a:lnTo>
                  <a:pt x="2521139" y="4107188"/>
                </a:lnTo>
                <a:lnTo>
                  <a:pt x="2521139" y="4095449"/>
                </a:lnTo>
                <a:close/>
                <a:moveTo>
                  <a:pt x="2384824" y="4093930"/>
                </a:moveTo>
                <a:lnTo>
                  <a:pt x="2384824" y="4108706"/>
                </a:lnTo>
                <a:lnTo>
                  <a:pt x="2399600" y="4108706"/>
                </a:lnTo>
                <a:lnTo>
                  <a:pt x="2399600" y="4093930"/>
                </a:lnTo>
                <a:close/>
                <a:moveTo>
                  <a:pt x="2260248" y="4092412"/>
                </a:moveTo>
                <a:lnTo>
                  <a:pt x="2260248" y="4110224"/>
                </a:lnTo>
                <a:lnTo>
                  <a:pt x="2278060" y="4110224"/>
                </a:lnTo>
                <a:lnTo>
                  <a:pt x="2278060" y="4092412"/>
                </a:lnTo>
                <a:close/>
                <a:moveTo>
                  <a:pt x="2135228" y="4090449"/>
                </a:moveTo>
                <a:lnTo>
                  <a:pt x="2135228" y="4112150"/>
                </a:lnTo>
                <a:lnTo>
                  <a:pt x="2156929" y="4112150"/>
                </a:lnTo>
                <a:lnTo>
                  <a:pt x="2156929" y="4090449"/>
                </a:lnTo>
                <a:close/>
                <a:moveTo>
                  <a:pt x="2010208" y="4088524"/>
                </a:moveTo>
                <a:lnTo>
                  <a:pt x="2010208" y="4114150"/>
                </a:lnTo>
                <a:lnTo>
                  <a:pt x="2035834" y="4114150"/>
                </a:lnTo>
                <a:lnTo>
                  <a:pt x="2035834" y="4088524"/>
                </a:lnTo>
                <a:close/>
                <a:moveTo>
                  <a:pt x="1885225" y="4086561"/>
                </a:moveTo>
                <a:lnTo>
                  <a:pt x="1885225" y="4116112"/>
                </a:lnTo>
                <a:lnTo>
                  <a:pt x="1914777" y="4116112"/>
                </a:lnTo>
                <a:lnTo>
                  <a:pt x="1914777" y="4086561"/>
                </a:lnTo>
                <a:close/>
                <a:moveTo>
                  <a:pt x="1759761" y="4084154"/>
                </a:moveTo>
                <a:lnTo>
                  <a:pt x="1759761" y="4118483"/>
                </a:lnTo>
                <a:lnTo>
                  <a:pt x="1794090" y="4118483"/>
                </a:lnTo>
                <a:lnTo>
                  <a:pt x="1794090" y="4084154"/>
                </a:lnTo>
                <a:close/>
                <a:moveTo>
                  <a:pt x="1634741" y="4082228"/>
                </a:moveTo>
                <a:lnTo>
                  <a:pt x="1634741" y="4120445"/>
                </a:lnTo>
                <a:lnTo>
                  <a:pt x="1672958" y="4120445"/>
                </a:lnTo>
                <a:lnTo>
                  <a:pt x="1672958" y="4082228"/>
                </a:lnTo>
                <a:close/>
                <a:moveTo>
                  <a:pt x="1509499" y="4080043"/>
                </a:moveTo>
                <a:lnTo>
                  <a:pt x="1509499" y="4122593"/>
                </a:lnTo>
                <a:lnTo>
                  <a:pt x="1552049" y="4122593"/>
                </a:lnTo>
                <a:lnTo>
                  <a:pt x="1552049" y="4080043"/>
                </a:lnTo>
                <a:close/>
                <a:moveTo>
                  <a:pt x="1384294" y="4077858"/>
                </a:moveTo>
                <a:lnTo>
                  <a:pt x="1384294" y="4124778"/>
                </a:lnTo>
                <a:lnTo>
                  <a:pt x="1431214" y="4124778"/>
                </a:lnTo>
                <a:lnTo>
                  <a:pt x="1431214" y="4077858"/>
                </a:lnTo>
                <a:close/>
                <a:moveTo>
                  <a:pt x="1259051" y="4075710"/>
                </a:moveTo>
                <a:lnTo>
                  <a:pt x="1259051" y="4126962"/>
                </a:lnTo>
                <a:lnTo>
                  <a:pt x="1310303" y="4126962"/>
                </a:lnTo>
                <a:lnTo>
                  <a:pt x="1310303" y="4075710"/>
                </a:lnTo>
                <a:close/>
                <a:moveTo>
                  <a:pt x="1134031" y="4073748"/>
                </a:moveTo>
                <a:lnTo>
                  <a:pt x="1134031" y="4128926"/>
                </a:lnTo>
                <a:lnTo>
                  <a:pt x="1189209" y="4128926"/>
                </a:lnTo>
                <a:lnTo>
                  <a:pt x="1189209" y="4073748"/>
                </a:lnTo>
                <a:close/>
                <a:moveTo>
                  <a:pt x="1009233" y="4072007"/>
                </a:moveTo>
                <a:lnTo>
                  <a:pt x="1009233" y="4130629"/>
                </a:lnTo>
                <a:lnTo>
                  <a:pt x="1067855" y="4130629"/>
                </a:lnTo>
                <a:lnTo>
                  <a:pt x="1067855" y="4072007"/>
                </a:lnTo>
                <a:close/>
                <a:moveTo>
                  <a:pt x="884658" y="4070489"/>
                </a:moveTo>
                <a:lnTo>
                  <a:pt x="884658" y="4132147"/>
                </a:lnTo>
                <a:lnTo>
                  <a:pt x="946316" y="4132147"/>
                </a:lnTo>
                <a:lnTo>
                  <a:pt x="946316" y="4070489"/>
                </a:lnTo>
                <a:close/>
                <a:moveTo>
                  <a:pt x="760082" y="4068971"/>
                </a:moveTo>
                <a:lnTo>
                  <a:pt x="760082" y="4133703"/>
                </a:lnTo>
                <a:lnTo>
                  <a:pt x="824814" y="4133703"/>
                </a:lnTo>
                <a:lnTo>
                  <a:pt x="824814" y="4068971"/>
                </a:lnTo>
                <a:close/>
                <a:moveTo>
                  <a:pt x="635729" y="4067675"/>
                </a:moveTo>
                <a:lnTo>
                  <a:pt x="635729" y="4134999"/>
                </a:lnTo>
                <a:lnTo>
                  <a:pt x="703053" y="4134999"/>
                </a:lnTo>
                <a:lnTo>
                  <a:pt x="703053" y="4067675"/>
                </a:lnTo>
                <a:close/>
                <a:moveTo>
                  <a:pt x="511560" y="4066564"/>
                </a:moveTo>
                <a:lnTo>
                  <a:pt x="511560" y="4136073"/>
                </a:lnTo>
                <a:lnTo>
                  <a:pt x="581069" y="4136073"/>
                </a:lnTo>
                <a:lnTo>
                  <a:pt x="581069" y="4066564"/>
                </a:lnTo>
                <a:close/>
                <a:moveTo>
                  <a:pt x="387651" y="4065712"/>
                </a:moveTo>
                <a:lnTo>
                  <a:pt x="387651" y="4136924"/>
                </a:lnTo>
                <a:lnTo>
                  <a:pt x="458864" y="4136924"/>
                </a:lnTo>
                <a:lnTo>
                  <a:pt x="458864" y="4065712"/>
                </a:lnTo>
                <a:close/>
                <a:moveTo>
                  <a:pt x="18035" y="4065267"/>
                </a:moveTo>
                <a:lnTo>
                  <a:pt x="18035" y="4137368"/>
                </a:lnTo>
                <a:lnTo>
                  <a:pt x="90136" y="4137368"/>
                </a:lnTo>
                <a:lnTo>
                  <a:pt x="90136" y="4065267"/>
                </a:lnTo>
                <a:close/>
                <a:moveTo>
                  <a:pt x="263928" y="4065045"/>
                </a:moveTo>
                <a:lnTo>
                  <a:pt x="263928" y="4137591"/>
                </a:lnTo>
                <a:lnTo>
                  <a:pt x="336474" y="4137591"/>
                </a:lnTo>
                <a:lnTo>
                  <a:pt x="336474" y="4065045"/>
                </a:lnTo>
                <a:close/>
                <a:moveTo>
                  <a:pt x="140426" y="4064638"/>
                </a:moveTo>
                <a:lnTo>
                  <a:pt x="140426" y="4138035"/>
                </a:lnTo>
                <a:lnTo>
                  <a:pt x="213823" y="4138035"/>
                </a:lnTo>
                <a:lnTo>
                  <a:pt x="213823" y="4064638"/>
                </a:lnTo>
                <a:close/>
                <a:moveTo>
                  <a:pt x="4237905" y="3978057"/>
                </a:moveTo>
                <a:lnTo>
                  <a:pt x="4237905" y="3978501"/>
                </a:lnTo>
                <a:lnTo>
                  <a:pt x="4238349" y="3978501"/>
                </a:lnTo>
                <a:lnTo>
                  <a:pt x="4238349" y="3978057"/>
                </a:lnTo>
                <a:close/>
                <a:moveTo>
                  <a:pt x="4114848" y="3978057"/>
                </a:moveTo>
                <a:lnTo>
                  <a:pt x="4114848" y="3978501"/>
                </a:lnTo>
                <a:lnTo>
                  <a:pt x="4115292" y="3978501"/>
                </a:lnTo>
                <a:lnTo>
                  <a:pt x="4115292" y="3978057"/>
                </a:lnTo>
                <a:close/>
                <a:moveTo>
                  <a:pt x="3991790" y="3978057"/>
                </a:moveTo>
                <a:lnTo>
                  <a:pt x="3991790" y="3978501"/>
                </a:lnTo>
                <a:lnTo>
                  <a:pt x="3992235" y="3978501"/>
                </a:lnTo>
                <a:lnTo>
                  <a:pt x="3992235" y="3978057"/>
                </a:lnTo>
                <a:close/>
                <a:moveTo>
                  <a:pt x="3868733" y="3978057"/>
                </a:moveTo>
                <a:lnTo>
                  <a:pt x="3868733" y="3978501"/>
                </a:lnTo>
                <a:lnTo>
                  <a:pt x="3869177" y="3978501"/>
                </a:lnTo>
                <a:lnTo>
                  <a:pt x="3869177" y="3978057"/>
                </a:lnTo>
                <a:close/>
                <a:moveTo>
                  <a:pt x="3745676" y="3978057"/>
                </a:moveTo>
                <a:lnTo>
                  <a:pt x="3745676" y="3978501"/>
                </a:lnTo>
                <a:lnTo>
                  <a:pt x="3746120" y="3978501"/>
                </a:lnTo>
                <a:lnTo>
                  <a:pt x="3746120" y="3978057"/>
                </a:lnTo>
                <a:close/>
                <a:moveTo>
                  <a:pt x="3622396" y="3977835"/>
                </a:moveTo>
                <a:lnTo>
                  <a:pt x="3622396" y="3978687"/>
                </a:lnTo>
                <a:lnTo>
                  <a:pt x="3623248" y="3978687"/>
                </a:lnTo>
                <a:lnTo>
                  <a:pt x="3623248" y="3977835"/>
                </a:lnTo>
                <a:close/>
                <a:moveTo>
                  <a:pt x="3499339" y="3977835"/>
                </a:moveTo>
                <a:lnTo>
                  <a:pt x="3499339" y="3978687"/>
                </a:lnTo>
                <a:lnTo>
                  <a:pt x="3500191" y="3978687"/>
                </a:lnTo>
                <a:lnTo>
                  <a:pt x="3500191" y="3977835"/>
                </a:lnTo>
                <a:close/>
                <a:moveTo>
                  <a:pt x="3376059" y="3977613"/>
                </a:moveTo>
                <a:lnTo>
                  <a:pt x="3376059" y="3978909"/>
                </a:lnTo>
                <a:lnTo>
                  <a:pt x="3377355" y="3978909"/>
                </a:lnTo>
                <a:lnTo>
                  <a:pt x="3377355" y="3977613"/>
                </a:lnTo>
                <a:close/>
                <a:moveTo>
                  <a:pt x="3252558" y="3977168"/>
                </a:moveTo>
                <a:lnTo>
                  <a:pt x="3252558" y="3979353"/>
                </a:lnTo>
                <a:lnTo>
                  <a:pt x="3254743" y="3979353"/>
                </a:lnTo>
                <a:lnTo>
                  <a:pt x="3254743" y="3977168"/>
                </a:lnTo>
                <a:close/>
                <a:moveTo>
                  <a:pt x="3129056" y="3976761"/>
                </a:moveTo>
                <a:lnTo>
                  <a:pt x="3129056" y="3979798"/>
                </a:lnTo>
                <a:lnTo>
                  <a:pt x="3132093" y="3979798"/>
                </a:lnTo>
                <a:lnTo>
                  <a:pt x="3132093" y="3976761"/>
                </a:lnTo>
                <a:close/>
                <a:moveTo>
                  <a:pt x="3005554" y="3976317"/>
                </a:moveTo>
                <a:lnTo>
                  <a:pt x="3005554" y="3980242"/>
                </a:lnTo>
                <a:lnTo>
                  <a:pt x="3009479" y="3980242"/>
                </a:lnTo>
                <a:lnTo>
                  <a:pt x="3009479" y="3976317"/>
                </a:lnTo>
                <a:close/>
                <a:moveTo>
                  <a:pt x="2881645" y="3975428"/>
                </a:moveTo>
                <a:lnTo>
                  <a:pt x="2881645" y="3981057"/>
                </a:lnTo>
                <a:lnTo>
                  <a:pt x="2887274" y="3981057"/>
                </a:lnTo>
                <a:lnTo>
                  <a:pt x="2887274" y="3975428"/>
                </a:lnTo>
                <a:close/>
                <a:moveTo>
                  <a:pt x="2757699" y="3974576"/>
                </a:moveTo>
                <a:lnTo>
                  <a:pt x="2757699" y="3981945"/>
                </a:lnTo>
                <a:lnTo>
                  <a:pt x="2765068" y="3981945"/>
                </a:lnTo>
                <a:lnTo>
                  <a:pt x="2765068" y="3974576"/>
                </a:lnTo>
                <a:close/>
                <a:moveTo>
                  <a:pt x="2633790" y="3973687"/>
                </a:moveTo>
                <a:lnTo>
                  <a:pt x="2633790" y="3982797"/>
                </a:lnTo>
                <a:lnTo>
                  <a:pt x="2642900" y="3982797"/>
                </a:lnTo>
                <a:lnTo>
                  <a:pt x="2642900" y="3973687"/>
                </a:lnTo>
                <a:close/>
                <a:moveTo>
                  <a:pt x="2509400" y="3972391"/>
                </a:moveTo>
                <a:lnTo>
                  <a:pt x="2509400" y="3984130"/>
                </a:lnTo>
                <a:lnTo>
                  <a:pt x="2521139" y="3984130"/>
                </a:lnTo>
                <a:lnTo>
                  <a:pt x="2521139" y="3972391"/>
                </a:lnTo>
                <a:close/>
                <a:moveTo>
                  <a:pt x="2385046" y="3971095"/>
                </a:moveTo>
                <a:lnTo>
                  <a:pt x="2385046" y="3985426"/>
                </a:lnTo>
                <a:lnTo>
                  <a:pt x="2399377" y="3985426"/>
                </a:lnTo>
                <a:lnTo>
                  <a:pt x="2399377" y="3971095"/>
                </a:lnTo>
                <a:close/>
                <a:moveTo>
                  <a:pt x="2260471" y="3969577"/>
                </a:moveTo>
                <a:lnTo>
                  <a:pt x="2260471" y="3986945"/>
                </a:lnTo>
                <a:lnTo>
                  <a:pt x="2277839" y="3986945"/>
                </a:lnTo>
                <a:lnTo>
                  <a:pt x="2277839" y="3969577"/>
                </a:lnTo>
                <a:close/>
                <a:moveTo>
                  <a:pt x="2135673" y="3967836"/>
                </a:moveTo>
                <a:lnTo>
                  <a:pt x="2135673" y="3988685"/>
                </a:lnTo>
                <a:lnTo>
                  <a:pt x="2156522" y="3988685"/>
                </a:lnTo>
                <a:lnTo>
                  <a:pt x="2156522" y="3967836"/>
                </a:lnTo>
                <a:close/>
                <a:moveTo>
                  <a:pt x="2010875" y="3966096"/>
                </a:moveTo>
                <a:lnTo>
                  <a:pt x="2010875" y="3990426"/>
                </a:lnTo>
                <a:lnTo>
                  <a:pt x="2035205" y="3990426"/>
                </a:lnTo>
                <a:lnTo>
                  <a:pt x="2035205" y="3966096"/>
                </a:lnTo>
                <a:close/>
                <a:moveTo>
                  <a:pt x="1885855" y="3964133"/>
                </a:moveTo>
                <a:lnTo>
                  <a:pt x="1885855" y="3992351"/>
                </a:lnTo>
                <a:lnTo>
                  <a:pt x="1914073" y="3992351"/>
                </a:lnTo>
                <a:lnTo>
                  <a:pt x="1914073" y="3964133"/>
                </a:lnTo>
                <a:close/>
                <a:moveTo>
                  <a:pt x="1760835" y="3962207"/>
                </a:moveTo>
                <a:lnTo>
                  <a:pt x="1760835" y="3994351"/>
                </a:lnTo>
                <a:lnTo>
                  <a:pt x="1792979" y="3994351"/>
                </a:lnTo>
                <a:lnTo>
                  <a:pt x="1792979" y="3962207"/>
                </a:lnTo>
                <a:close/>
                <a:moveTo>
                  <a:pt x="1635815" y="3960245"/>
                </a:moveTo>
                <a:lnTo>
                  <a:pt x="1635815" y="3996277"/>
                </a:lnTo>
                <a:lnTo>
                  <a:pt x="1671847" y="3996277"/>
                </a:lnTo>
                <a:lnTo>
                  <a:pt x="1671847" y="3960245"/>
                </a:lnTo>
                <a:close/>
                <a:moveTo>
                  <a:pt x="1510832" y="3958282"/>
                </a:moveTo>
                <a:lnTo>
                  <a:pt x="1510832" y="3998239"/>
                </a:lnTo>
                <a:lnTo>
                  <a:pt x="1550790" y="3998239"/>
                </a:lnTo>
                <a:lnTo>
                  <a:pt x="1550790" y="3958282"/>
                </a:lnTo>
                <a:close/>
                <a:moveTo>
                  <a:pt x="1385812" y="3956319"/>
                </a:moveTo>
                <a:lnTo>
                  <a:pt x="1385812" y="4000202"/>
                </a:lnTo>
                <a:lnTo>
                  <a:pt x="1429695" y="4000202"/>
                </a:lnTo>
                <a:lnTo>
                  <a:pt x="1429695" y="3956319"/>
                </a:lnTo>
                <a:close/>
                <a:moveTo>
                  <a:pt x="1261014" y="3954579"/>
                </a:moveTo>
                <a:lnTo>
                  <a:pt x="1261014" y="4001906"/>
                </a:lnTo>
                <a:lnTo>
                  <a:pt x="1308341" y="4001906"/>
                </a:lnTo>
                <a:lnTo>
                  <a:pt x="1308341" y="3954579"/>
                </a:lnTo>
                <a:close/>
                <a:moveTo>
                  <a:pt x="1135994" y="3952653"/>
                </a:moveTo>
                <a:lnTo>
                  <a:pt x="1135994" y="4003905"/>
                </a:lnTo>
                <a:lnTo>
                  <a:pt x="1187246" y="4003905"/>
                </a:lnTo>
                <a:lnTo>
                  <a:pt x="1187246" y="3952653"/>
                </a:lnTo>
                <a:close/>
                <a:moveTo>
                  <a:pt x="1011418" y="3951135"/>
                </a:moveTo>
                <a:lnTo>
                  <a:pt x="1011418" y="4005424"/>
                </a:lnTo>
                <a:lnTo>
                  <a:pt x="1065707" y="4005424"/>
                </a:lnTo>
                <a:lnTo>
                  <a:pt x="1065707" y="3951135"/>
                </a:lnTo>
                <a:close/>
                <a:moveTo>
                  <a:pt x="886843" y="3949617"/>
                </a:moveTo>
                <a:lnTo>
                  <a:pt x="886843" y="4006942"/>
                </a:lnTo>
                <a:lnTo>
                  <a:pt x="944169" y="4006942"/>
                </a:lnTo>
                <a:lnTo>
                  <a:pt x="944169" y="3949617"/>
                </a:lnTo>
                <a:close/>
                <a:moveTo>
                  <a:pt x="762267" y="3948098"/>
                </a:moveTo>
                <a:lnTo>
                  <a:pt x="762267" y="4008460"/>
                </a:lnTo>
                <a:lnTo>
                  <a:pt x="822629" y="4008460"/>
                </a:lnTo>
                <a:lnTo>
                  <a:pt x="822629" y="3948098"/>
                </a:lnTo>
                <a:close/>
                <a:moveTo>
                  <a:pt x="638099" y="3946987"/>
                </a:moveTo>
                <a:lnTo>
                  <a:pt x="638099" y="4009534"/>
                </a:lnTo>
                <a:lnTo>
                  <a:pt x="700646" y="4009534"/>
                </a:lnTo>
                <a:lnTo>
                  <a:pt x="700646" y="3946987"/>
                </a:lnTo>
                <a:close/>
                <a:moveTo>
                  <a:pt x="513968" y="3945913"/>
                </a:moveTo>
                <a:lnTo>
                  <a:pt x="513968" y="4010645"/>
                </a:lnTo>
                <a:lnTo>
                  <a:pt x="578700" y="4010645"/>
                </a:lnTo>
                <a:lnTo>
                  <a:pt x="578700" y="3945913"/>
                </a:lnTo>
                <a:close/>
                <a:moveTo>
                  <a:pt x="390244" y="3945247"/>
                </a:moveTo>
                <a:lnTo>
                  <a:pt x="390244" y="4011275"/>
                </a:lnTo>
                <a:lnTo>
                  <a:pt x="456272" y="4011275"/>
                </a:lnTo>
                <a:lnTo>
                  <a:pt x="456272" y="3945247"/>
                </a:lnTo>
                <a:close/>
                <a:moveTo>
                  <a:pt x="20627" y="3944839"/>
                </a:moveTo>
                <a:lnTo>
                  <a:pt x="20627" y="4011719"/>
                </a:lnTo>
                <a:lnTo>
                  <a:pt x="87507" y="4011719"/>
                </a:lnTo>
                <a:lnTo>
                  <a:pt x="87507" y="3944839"/>
                </a:lnTo>
                <a:close/>
                <a:moveTo>
                  <a:pt x="266520" y="3944617"/>
                </a:moveTo>
                <a:lnTo>
                  <a:pt x="266520" y="4011941"/>
                </a:lnTo>
                <a:lnTo>
                  <a:pt x="333844" y="4011941"/>
                </a:lnTo>
                <a:lnTo>
                  <a:pt x="333844" y="3944617"/>
                </a:lnTo>
                <a:close/>
                <a:moveTo>
                  <a:pt x="143055" y="3944173"/>
                </a:moveTo>
                <a:lnTo>
                  <a:pt x="143055" y="4012349"/>
                </a:lnTo>
                <a:lnTo>
                  <a:pt x="211231" y="4012349"/>
                </a:lnTo>
                <a:lnTo>
                  <a:pt x="211231" y="3944173"/>
                </a:lnTo>
                <a:close/>
                <a:moveTo>
                  <a:pt x="4360962" y="3855000"/>
                </a:moveTo>
                <a:lnTo>
                  <a:pt x="4360962" y="3855444"/>
                </a:lnTo>
                <a:lnTo>
                  <a:pt x="4361406" y="3855444"/>
                </a:lnTo>
                <a:lnTo>
                  <a:pt x="4361406" y="3855000"/>
                </a:lnTo>
                <a:close/>
                <a:moveTo>
                  <a:pt x="4237905" y="3855000"/>
                </a:moveTo>
                <a:lnTo>
                  <a:pt x="4237905" y="3855444"/>
                </a:lnTo>
                <a:lnTo>
                  <a:pt x="4238349" y="3855444"/>
                </a:lnTo>
                <a:lnTo>
                  <a:pt x="4238349" y="3855000"/>
                </a:lnTo>
                <a:close/>
                <a:moveTo>
                  <a:pt x="4114848" y="3855000"/>
                </a:moveTo>
                <a:lnTo>
                  <a:pt x="4114848" y="3855444"/>
                </a:lnTo>
                <a:lnTo>
                  <a:pt x="4115292" y="3855444"/>
                </a:lnTo>
                <a:lnTo>
                  <a:pt x="4115292" y="3855000"/>
                </a:lnTo>
                <a:close/>
                <a:moveTo>
                  <a:pt x="3991790" y="3855000"/>
                </a:moveTo>
                <a:lnTo>
                  <a:pt x="3991790" y="3855444"/>
                </a:lnTo>
                <a:lnTo>
                  <a:pt x="3992235" y="3855444"/>
                </a:lnTo>
                <a:lnTo>
                  <a:pt x="3992235" y="3855000"/>
                </a:lnTo>
                <a:close/>
                <a:moveTo>
                  <a:pt x="3868733" y="3855000"/>
                </a:moveTo>
                <a:lnTo>
                  <a:pt x="3868733" y="3855444"/>
                </a:lnTo>
                <a:lnTo>
                  <a:pt x="3869177" y="3855444"/>
                </a:lnTo>
                <a:lnTo>
                  <a:pt x="3869177" y="3855000"/>
                </a:lnTo>
                <a:close/>
                <a:moveTo>
                  <a:pt x="3745676" y="3855000"/>
                </a:moveTo>
                <a:lnTo>
                  <a:pt x="3745676" y="3855444"/>
                </a:lnTo>
                <a:lnTo>
                  <a:pt x="3746120" y="3855444"/>
                </a:lnTo>
                <a:lnTo>
                  <a:pt x="3746120" y="3855000"/>
                </a:lnTo>
                <a:close/>
                <a:moveTo>
                  <a:pt x="3622396" y="3854778"/>
                </a:moveTo>
                <a:lnTo>
                  <a:pt x="3622396" y="3855630"/>
                </a:lnTo>
                <a:lnTo>
                  <a:pt x="3623248" y="3855630"/>
                </a:lnTo>
                <a:lnTo>
                  <a:pt x="3623248" y="3854778"/>
                </a:lnTo>
                <a:close/>
                <a:moveTo>
                  <a:pt x="3499117" y="3854555"/>
                </a:moveTo>
                <a:lnTo>
                  <a:pt x="3499117" y="3855851"/>
                </a:lnTo>
                <a:lnTo>
                  <a:pt x="3500413" y="3855851"/>
                </a:lnTo>
                <a:lnTo>
                  <a:pt x="3500413" y="3854555"/>
                </a:lnTo>
                <a:close/>
                <a:moveTo>
                  <a:pt x="3375837" y="3854333"/>
                </a:moveTo>
                <a:lnTo>
                  <a:pt x="3375837" y="3856073"/>
                </a:lnTo>
                <a:lnTo>
                  <a:pt x="3377577" y="3856073"/>
                </a:lnTo>
                <a:lnTo>
                  <a:pt x="3377577" y="3854333"/>
                </a:lnTo>
                <a:close/>
                <a:moveTo>
                  <a:pt x="3252558" y="3854111"/>
                </a:moveTo>
                <a:lnTo>
                  <a:pt x="3252558" y="3856296"/>
                </a:lnTo>
                <a:lnTo>
                  <a:pt x="3254743" y="3856296"/>
                </a:lnTo>
                <a:lnTo>
                  <a:pt x="3254743" y="3854111"/>
                </a:lnTo>
                <a:close/>
                <a:moveTo>
                  <a:pt x="3129056" y="3853704"/>
                </a:moveTo>
                <a:lnTo>
                  <a:pt x="3129056" y="3856741"/>
                </a:lnTo>
                <a:lnTo>
                  <a:pt x="3132093" y="3856741"/>
                </a:lnTo>
                <a:lnTo>
                  <a:pt x="3132093" y="3853704"/>
                </a:lnTo>
                <a:close/>
                <a:moveTo>
                  <a:pt x="3005332" y="3853037"/>
                </a:moveTo>
                <a:lnTo>
                  <a:pt x="3005332" y="3857370"/>
                </a:lnTo>
                <a:lnTo>
                  <a:pt x="3009665" y="3857370"/>
                </a:lnTo>
                <a:lnTo>
                  <a:pt x="3009665" y="3853037"/>
                </a:lnTo>
                <a:close/>
                <a:moveTo>
                  <a:pt x="2881645" y="3852370"/>
                </a:moveTo>
                <a:lnTo>
                  <a:pt x="2881645" y="3857999"/>
                </a:lnTo>
                <a:lnTo>
                  <a:pt x="2887274" y="3857999"/>
                </a:lnTo>
                <a:lnTo>
                  <a:pt x="2887274" y="3852370"/>
                </a:lnTo>
                <a:close/>
                <a:moveTo>
                  <a:pt x="2757699" y="3851519"/>
                </a:moveTo>
                <a:lnTo>
                  <a:pt x="2757699" y="3858888"/>
                </a:lnTo>
                <a:lnTo>
                  <a:pt x="2765068" y="3858888"/>
                </a:lnTo>
                <a:lnTo>
                  <a:pt x="2765068" y="3851519"/>
                </a:lnTo>
                <a:close/>
                <a:moveTo>
                  <a:pt x="2633790" y="3850630"/>
                </a:moveTo>
                <a:lnTo>
                  <a:pt x="2633790" y="3859740"/>
                </a:lnTo>
                <a:lnTo>
                  <a:pt x="2642900" y="3859740"/>
                </a:lnTo>
                <a:lnTo>
                  <a:pt x="2642900" y="3850630"/>
                </a:lnTo>
                <a:close/>
                <a:moveTo>
                  <a:pt x="2509622" y="3849556"/>
                </a:moveTo>
                <a:lnTo>
                  <a:pt x="2509622" y="3860851"/>
                </a:lnTo>
                <a:lnTo>
                  <a:pt x="2520917" y="3860851"/>
                </a:lnTo>
                <a:lnTo>
                  <a:pt x="2520917" y="3849556"/>
                </a:lnTo>
                <a:close/>
                <a:moveTo>
                  <a:pt x="2385268" y="3848260"/>
                </a:moveTo>
                <a:lnTo>
                  <a:pt x="2385268" y="3862147"/>
                </a:lnTo>
                <a:lnTo>
                  <a:pt x="2399155" y="3862147"/>
                </a:lnTo>
                <a:lnTo>
                  <a:pt x="2399155" y="3848260"/>
                </a:lnTo>
                <a:close/>
                <a:moveTo>
                  <a:pt x="2260915" y="3846964"/>
                </a:moveTo>
                <a:lnTo>
                  <a:pt x="2260915" y="3863480"/>
                </a:lnTo>
                <a:lnTo>
                  <a:pt x="2277431" y="3863480"/>
                </a:lnTo>
                <a:lnTo>
                  <a:pt x="2277431" y="3846964"/>
                </a:lnTo>
                <a:close/>
                <a:moveTo>
                  <a:pt x="2136339" y="3845446"/>
                </a:moveTo>
                <a:lnTo>
                  <a:pt x="2136339" y="3864999"/>
                </a:lnTo>
                <a:lnTo>
                  <a:pt x="2155892" y="3864999"/>
                </a:lnTo>
                <a:lnTo>
                  <a:pt x="2155892" y="3845446"/>
                </a:lnTo>
                <a:close/>
                <a:moveTo>
                  <a:pt x="2011541" y="3843705"/>
                </a:moveTo>
                <a:lnTo>
                  <a:pt x="2011541" y="3866739"/>
                </a:lnTo>
                <a:lnTo>
                  <a:pt x="2034575" y="3866739"/>
                </a:lnTo>
                <a:lnTo>
                  <a:pt x="2034575" y="3843705"/>
                </a:lnTo>
                <a:close/>
                <a:moveTo>
                  <a:pt x="1886744" y="3841965"/>
                </a:moveTo>
                <a:lnTo>
                  <a:pt x="1886744" y="3868443"/>
                </a:lnTo>
                <a:lnTo>
                  <a:pt x="1913222" y="3868443"/>
                </a:lnTo>
                <a:lnTo>
                  <a:pt x="1913222" y="3841965"/>
                </a:lnTo>
                <a:close/>
                <a:moveTo>
                  <a:pt x="1761946" y="3840224"/>
                </a:moveTo>
                <a:lnTo>
                  <a:pt x="1761946" y="3870183"/>
                </a:lnTo>
                <a:lnTo>
                  <a:pt x="1791905" y="3870183"/>
                </a:lnTo>
                <a:lnTo>
                  <a:pt x="1791905" y="3840224"/>
                </a:lnTo>
                <a:close/>
                <a:moveTo>
                  <a:pt x="1637148" y="3838483"/>
                </a:moveTo>
                <a:lnTo>
                  <a:pt x="1637148" y="3871923"/>
                </a:lnTo>
                <a:lnTo>
                  <a:pt x="1670588" y="3871923"/>
                </a:lnTo>
                <a:lnTo>
                  <a:pt x="1670588" y="3838483"/>
                </a:lnTo>
                <a:close/>
                <a:moveTo>
                  <a:pt x="1512350" y="3836743"/>
                </a:moveTo>
                <a:lnTo>
                  <a:pt x="1512350" y="3873664"/>
                </a:lnTo>
                <a:lnTo>
                  <a:pt x="1549271" y="3873664"/>
                </a:lnTo>
                <a:lnTo>
                  <a:pt x="1549271" y="3836743"/>
                </a:lnTo>
                <a:close/>
                <a:moveTo>
                  <a:pt x="1387330" y="3834780"/>
                </a:moveTo>
                <a:lnTo>
                  <a:pt x="1387330" y="3875589"/>
                </a:lnTo>
                <a:lnTo>
                  <a:pt x="1428139" y="3875589"/>
                </a:lnTo>
                <a:lnTo>
                  <a:pt x="1428139" y="3834780"/>
                </a:lnTo>
                <a:close/>
                <a:moveTo>
                  <a:pt x="1262532" y="3833040"/>
                </a:moveTo>
                <a:lnTo>
                  <a:pt x="1262532" y="3877330"/>
                </a:lnTo>
                <a:lnTo>
                  <a:pt x="1306822" y="3877330"/>
                </a:lnTo>
                <a:lnTo>
                  <a:pt x="1306822" y="3833040"/>
                </a:lnTo>
                <a:close/>
                <a:moveTo>
                  <a:pt x="1137957" y="3831521"/>
                </a:moveTo>
                <a:lnTo>
                  <a:pt x="1137957" y="3878848"/>
                </a:lnTo>
                <a:lnTo>
                  <a:pt x="1185284" y="3878848"/>
                </a:lnTo>
                <a:lnTo>
                  <a:pt x="1185284" y="3831521"/>
                </a:lnTo>
                <a:close/>
                <a:moveTo>
                  <a:pt x="1013381" y="3830003"/>
                </a:moveTo>
                <a:lnTo>
                  <a:pt x="1013381" y="3880404"/>
                </a:lnTo>
                <a:lnTo>
                  <a:pt x="1063781" y="3880404"/>
                </a:lnTo>
                <a:lnTo>
                  <a:pt x="1063781" y="3830003"/>
                </a:lnTo>
                <a:close/>
                <a:moveTo>
                  <a:pt x="888768" y="3828485"/>
                </a:moveTo>
                <a:lnTo>
                  <a:pt x="888768" y="3881922"/>
                </a:lnTo>
                <a:lnTo>
                  <a:pt x="942205" y="3881922"/>
                </a:lnTo>
                <a:lnTo>
                  <a:pt x="942205" y="3828485"/>
                </a:lnTo>
                <a:close/>
                <a:moveTo>
                  <a:pt x="764637" y="3827411"/>
                </a:moveTo>
                <a:lnTo>
                  <a:pt x="764637" y="3882996"/>
                </a:lnTo>
                <a:lnTo>
                  <a:pt x="820222" y="3882996"/>
                </a:lnTo>
                <a:lnTo>
                  <a:pt x="820222" y="3827411"/>
                </a:lnTo>
                <a:close/>
                <a:moveTo>
                  <a:pt x="640506" y="3826337"/>
                </a:moveTo>
                <a:lnTo>
                  <a:pt x="640506" y="3884107"/>
                </a:lnTo>
                <a:lnTo>
                  <a:pt x="698276" y="3884107"/>
                </a:lnTo>
                <a:lnTo>
                  <a:pt x="698276" y="3826337"/>
                </a:lnTo>
                <a:close/>
                <a:moveTo>
                  <a:pt x="516560" y="3825448"/>
                </a:moveTo>
                <a:lnTo>
                  <a:pt x="516560" y="3884958"/>
                </a:lnTo>
                <a:lnTo>
                  <a:pt x="576070" y="3884958"/>
                </a:lnTo>
                <a:lnTo>
                  <a:pt x="576070" y="3825448"/>
                </a:lnTo>
                <a:close/>
                <a:moveTo>
                  <a:pt x="392651" y="3824596"/>
                </a:moveTo>
                <a:lnTo>
                  <a:pt x="392651" y="3885847"/>
                </a:lnTo>
                <a:lnTo>
                  <a:pt x="453902" y="3885847"/>
                </a:lnTo>
                <a:lnTo>
                  <a:pt x="453902" y="3824596"/>
                </a:lnTo>
                <a:close/>
                <a:moveTo>
                  <a:pt x="269149" y="3824152"/>
                </a:moveTo>
                <a:lnTo>
                  <a:pt x="269149" y="3886255"/>
                </a:lnTo>
                <a:lnTo>
                  <a:pt x="331252" y="3886255"/>
                </a:lnTo>
                <a:lnTo>
                  <a:pt x="331252" y="3824152"/>
                </a:lnTo>
                <a:close/>
                <a:moveTo>
                  <a:pt x="23034" y="3824152"/>
                </a:moveTo>
                <a:lnTo>
                  <a:pt x="23034" y="3886255"/>
                </a:lnTo>
                <a:lnTo>
                  <a:pt x="85137" y="3886255"/>
                </a:lnTo>
                <a:lnTo>
                  <a:pt x="85137" y="3824152"/>
                </a:lnTo>
                <a:close/>
                <a:moveTo>
                  <a:pt x="145647" y="3823708"/>
                </a:moveTo>
                <a:lnTo>
                  <a:pt x="145647" y="3886699"/>
                </a:lnTo>
                <a:lnTo>
                  <a:pt x="208638" y="3886699"/>
                </a:lnTo>
                <a:lnTo>
                  <a:pt x="208638" y="3823708"/>
                </a:lnTo>
                <a:close/>
                <a:moveTo>
                  <a:pt x="4484020" y="3731942"/>
                </a:moveTo>
                <a:lnTo>
                  <a:pt x="4484020" y="3732386"/>
                </a:lnTo>
                <a:lnTo>
                  <a:pt x="4484464" y="3732386"/>
                </a:lnTo>
                <a:lnTo>
                  <a:pt x="4484464" y="3731942"/>
                </a:lnTo>
                <a:close/>
                <a:moveTo>
                  <a:pt x="4360962" y="3731942"/>
                </a:moveTo>
                <a:lnTo>
                  <a:pt x="4360962" y="3732386"/>
                </a:lnTo>
                <a:lnTo>
                  <a:pt x="4361406" y="3732386"/>
                </a:lnTo>
                <a:lnTo>
                  <a:pt x="4361406" y="3731942"/>
                </a:lnTo>
                <a:close/>
                <a:moveTo>
                  <a:pt x="4237905" y="3731942"/>
                </a:moveTo>
                <a:lnTo>
                  <a:pt x="4237905" y="3732386"/>
                </a:lnTo>
                <a:lnTo>
                  <a:pt x="4238349" y="3732386"/>
                </a:lnTo>
                <a:lnTo>
                  <a:pt x="4238349" y="3731942"/>
                </a:lnTo>
                <a:close/>
                <a:moveTo>
                  <a:pt x="4114848" y="3731942"/>
                </a:moveTo>
                <a:lnTo>
                  <a:pt x="4114848" y="3732386"/>
                </a:lnTo>
                <a:lnTo>
                  <a:pt x="4115292" y="3732386"/>
                </a:lnTo>
                <a:lnTo>
                  <a:pt x="4115292" y="3731942"/>
                </a:lnTo>
                <a:close/>
                <a:moveTo>
                  <a:pt x="3991790" y="3731942"/>
                </a:moveTo>
                <a:lnTo>
                  <a:pt x="3991790" y="3732386"/>
                </a:lnTo>
                <a:lnTo>
                  <a:pt x="3992235" y="3732386"/>
                </a:lnTo>
                <a:lnTo>
                  <a:pt x="3992235" y="3731942"/>
                </a:lnTo>
                <a:close/>
                <a:moveTo>
                  <a:pt x="3868733" y="3731942"/>
                </a:moveTo>
                <a:lnTo>
                  <a:pt x="3868733" y="3732386"/>
                </a:lnTo>
                <a:lnTo>
                  <a:pt x="3869177" y="3732386"/>
                </a:lnTo>
                <a:lnTo>
                  <a:pt x="3869177" y="3731942"/>
                </a:lnTo>
                <a:close/>
                <a:moveTo>
                  <a:pt x="3745676" y="3731942"/>
                </a:moveTo>
                <a:lnTo>
                  <a:pt x="3745676" y="3732386"/>
                </a:lnTo>
                <a:lnTo>
                  <a:pt x="3746120" y="3732386"/>
                </a:lnTo>
                <a:lnTo>
                  <a:pt x="3746120" y="3731942"/>
                </a:lnTo>
                <a:close/>
                <a:moveTo>
                  <a:pt x="3622396" y="3731720"/>
                </a:moveTo>
                <a:lnTo>
                  <a:pt x="3622396" y="3732572"/>
                </a:lnTo>
                <a:lnTo>
                  <a:pt x="3623248" y="3732572"/>
                </a:lnTo>
                <a:lnTo>
                  <a:pt x="3623248" y="3731720"/>
                </a:lnTo>
                <a:close/>
                <a:moveTo>
                  <a:pt x="3499117" y="3731498"/>
                </a:moveTo>
                <a:lnTo>
                  <a:pt x="3499117" y="3732794"/>
                </a:lnTo>
                <a:lnTo>
                  <a:pt x="3500413" y="3732794"/>
                </a:lnTo>
                <a:lnTo>
                  <a:pt x="3500413" y="3731498"/>
                </a:lnTo>
                <a:close/>
                <a:moveTo>
                  <a:pt x="3375837" y="3731276"/>
                </a:moveTo>
                <a:lnTo>
                  <a:pt x="3375837" y="3733016"/>
                </a:lnTo>
                <a:lnTo>
                  <a:pt x="3377577" y="3733016"/>
                </a:lnTo>
                <a:lnTo>
                  <a:pt x="3377577" y="3731276"/>
                </a:lnTo>
                <a:close/>
                <a:moveTo>
                  <a:pt x="3252558" y="3731054"/>
                </a:moveTo>
                <a:lnTo>
                  <a:pt x="3252558" y="3733239"/>
                </a:lnTo>
                <a:lnTo>
                  <a:pt x="3254743" y="3733239"/>
                </a:lnTo>
                <a:lnTo>
                  <a:pt x="3254743" y="3731054"/>
                </a:lnTo>
                <a:close/>
                <a:moveTo>
                  <a:pt x="3128834" y="3730424"/>
                </a:moveTo>
                <a:lnTo>
                  <a:pt x="3128834" y="3733905"/>
                </a:lnTo>
                <a:lnTo>
                  <a:pt x="3132315" y="3733905"/>
                </a:lnTo>
                <a:lnTo>
                  <a:pt x="3132315" y="3730424"/>
                </a:lnTo>
                <a:close/>
                <a:moveTo>
                  <a:pt x="3005332" y="3729980"/>
                </a:moveTo>
                <a:lnTo>
                  <a:pt x="3005332" y="3734313"/>
                </a:lnTo>
                <a:lnTo>
                  <a:pt x="3009665" y="3734313"/>
                </a:lnTo>
                <a:lnTo>
                  <a:pt x="3009665" y="3729980"/>
                </a:lnTo>
                <a:close/>
                <a:moveTo>
                  <a:pt x="2881645" y="3729313"/>
                </a:moveTo>
                <a:lnTo>
                  <a:pt x="2881645" y="3734942"/>
                </a:lnTo>
                <a:lnTo>
                  <a:pt x="2887274" y="3734942"/>
                </a:lnTo>
                <a:lnTo>
                  <a:pt x="2887274" y="3729313"/>
                </a:lnTo>
                <a:close/>
                <a:moveTo>
                  <a:pt x="2757699" y="3728461"/>
                </a:moveTo>
                <a:lnTo>
                  <a:pt x="2757699" y="3735830"/>
                </a:lnTo>
                <a:lnTo>
                  <a:pt x="2765068" y="3735830"/>
                </a:lnTo>
                <a:lnTo>
                  <a:pt x="2765068" y="3728461"/>
                </a:lnTo>
                <a:close/>
                <a:moveTo>
                  <a:pt x="2633790" y="3727573"/>
                </a:moveTo>
                <a:lnTo>
                  <a:pt x="2633790" y="3736683"/>
                </a:lnTo>
                <a:lnTo>
                  <a:pt x="2642900" y="3736683"/>
                </a:lnTo>
                <a:lnTo>
                  <a:pt x="2642900" y="3727573"/>
                </a:lnTo>
                <a:close/>
                <a:moveTo>
                  <a:pt x="2509844" y="3726721"/>
                </a:moveTo>
                <a:lnTo>
                  <a:pt x="2509844" y="3737571"/>
                </a:lnTo>
                <a:lnTo>
                  <a:pt x="2520694" y="3737571"/>
                </a:lnTo>
                <a:lnTo>
                  <a:pt x="2520694" y="3726721"/>
                </a:lnTo>
                <a:close/>
                <a:moveTo>
                  <a:pt x="2385713" y="3725647"/>
                </a:moveTo>
                <a:lnTo>
                  <a:pt x="2385713" y="3738682"/>
                </a:lnTo>
                <a:lnTo>
                  <a:pt x="2398748" y="3738682"/>
                </a:lnTo>
                <a:lnTo>
                  <a:pt x="2398748" y="3725647"/>
                </a:lnTo>
                <a:close/>
                <a:moveTo>
                  <a:pt x="2261137" y="3724129"/>
                </a:moveTo>
                <a:lnTo>
                  <a:pt x="2261137" y="3740201"/>
                </a:lnTo>
                <a:lnTo>
                  <a:pt x="2277209" y="3740201"/>
                </a:lnTo>
                <a:lnTo>
                  <a:pt x="2277209" y="3724129"/>
                </a:lnTo>
                <a:close/>
                <a:moveTo>
                  <a:pt x="2136747" y="3722796"/>
                </a:moveTo>
                <a:lnTo>
                  <a:pt x="2136747" y="3741460"/>
                </a:lnTo>
                <a:lnTo>
                  <a:pt x="2155411" y="3741460"/>
                </a:lnTo>
                <a:lnTo>
                  <a:pt x="2155411" y="3722796"/>
                </a:lnTo>
                <a:close/>
                <a:moveTo>
                  <a:pt x="2012171" y="3721277"/>
                </a:moveTo>
                <a:lnTo>
                  <a:pt x="2012171" y="3742978"/>
                </a:lnTo>
                <a:lnTo>
                  <a:pt x="2033872" y="3742978"/>
                </a:lnTo>
                <a:lnTo>
                  <a:pt x="2033872" y="3721277"/>
                </a:lnTo>
                <a:close/>
                <a:moveTo>
                  <a:pt x="1887595" y="3719759"/>
                </a:moveTo>
                <a:lnTo>
                  <a:pt x="1887595" y="3744533"/>
                </a:lnTo>
                <a:lnTo>
                  <a:pt x="1912369" y="3744533"/>
                </a:lnTo>
                <a:lnTo>
                  <a:pt x="1912369" y="3719759"/>
                </a:lnTo>
                <a:close/>
                <a:moveTo>
                  <a:pt x="1763020" y="3718241"/>
                </a:moveTo>
                <a:lnTo>
                  <a:pt x="1763020" y="3746052"/>
                </a:lnTo>
                <a:lnTo>
                  <a:pt x="1790831" y="3746052"/>
                </a:lnTo>
                <a:lnTo>
                  <a:pt x="1790831" y="3718241"/>
                </a:lnTo>
                <a:close/>
                <a:moveTo>
                  <a:pt x="1638444" y="3716722"/>
                </a:moveTo>
                <a:lnTo>
                  <a:pt x="1638444" y="3747570"/>
                </a:lnTo>
                <a:lnTo>
                  <a:pt x="1669292" y="3747570"/>
                </a:lnTo>
                <a:lnTo>
                  <a:pt x="1669292" y="3716722"/>
                </a:lnTo>
                <a:close/>
                <a:moveTo>
                  <a:pt x="1513646" y="3714982"/>
                </a:moveTo>
                <a:lnTo>
                  <a:pt x="1513646" y="3749311"/>
                </a:lnTo>
                <a:lnTo>
                  <a:pt x="1547975" y="3749311"/>
                </a:lnTo>
                <a:lnTo>
                  <a:pt x="1547975" y="3714982"/>
                </a:lnTo>
                <a:close/>
                <a:moveTo>
                  <a:pt x="1389071" y="3713463"/>
                </a:moveTo>
                <a:lnTo>
                  <a:pt x="1389071" y="3750828"/>
                </a:lnTo>
                <a:lnTo>
                  <a:pt x="1426436" y="3750828"/>
                </a:lnTo>
                <a:lnTo>
                  <a:pt x="1426436" y="3713463"/>
                </a:lnTo>
                <a:close/>
                <a:moveTo>
                  <a:pt x="1264273" y="3711723"/>
                </a:moveTo>
                <a:lnTo>
                  <a:pt x="1264273" y="3752532"/>
                </a:lnTo>
                <a:lnTo>
                  <a:pt x="1305082" y="3752532"/>
                </a:lnTo>
                <a:lnTo>
                  <a:pt x="1305082" y="3711723"/>
                </a:lnTo>
                <a:close/>
                <a:moveTo>
                  <a:pt x="1139882" y="3710427"/>
                </a:moveTo>
                <a:lnTo>
                  <a:pt x="1139882" y="3753865"/>
                </a:lnTo>
                <a:lnTo>
                  <a:pt x="1183321" y="3753865"/>
                </a:lnTo>
                <a:lnTo>
                  <a:pt x="1183321" y="3710427"/>
                </a:lnTo>
                <a:close/>
                <a:moveTo>
                  <a:pt x="1015307" y="3708909"/>
                </a:moveTo>
                <a:lnTo>
                  <a:pt x="1015307" y="3755384"/>
                </a:lnTo>
                <a:lnTo>
                  <a:pt x="1061782" y="3755384"/>
                </a:lnTo>
                <a:lnTo>
                  <a:pt x="1061782" y="3708909"/>
                </a:lnTo>
                <a:close/>
                <a:moveTo>
                  <a:pt x="890953" y="3707612"/>
                </a:moveTo>
                <a:lnTo>
                  <a:pt x="890953" y="3756680"/>
                </a:lnTo>
                <a:lnTo>
                  <a:pt x="940020" y="3756680"/>
                </a:lnTo>
                <a:lnTo>
                  <a:pt x="940020" y="3707612"/>
                </a:lnTo>
                <a:close/>
                <a:moveTo>
                  <a:pt x="766822" y="3706501"/>
                </a:moveTo>
                <a:lnTo>
                  <a:pt x="766822" y="3757753"/>
                </a:lnTo>
                <a:lnTo>
                  <a:pt x="818074" y="3757753"/>
                </a:lnTo>
                <a:lnTo>
                  <a:pt x="818074" y="3706501"/>
                </a:lnTo>
                <a:close/>
                <a:moveTo>
                  <a:pt x="642876" y="3705650"/>
                </a:moveTo>
                <a:lnTo>
                  <a:pt x="642876" y="3758643"/>
                </a:lnTo>
                <a:lnTo>
                  <a:pt x="695869" y="3758643"/>
                </a:lnTo>
                <a:lnTo>
                  <a:pt x="695869" y="3705650"/>
                </a:lnTo>
                <a:close/>
                <a:moveTo>
                  <a:pt x="518967" y="3704798"/>
                </a:moveTo>
                <a:lnTo>
                  <a:pt x="518967" y="3759531"/>
                </a:lnTo>
                <a:lnTo>
                  <a:pt x="573700" y="3759531"/>
                </a:lnTo>
                <a:lnTo>
                  <a:pt x="573700" y="3704798"/>
                </a:lnTo>
                <a:close/>
                <a:moveTo>
                  <a:pt x="395243" y="3704131"/>
                </a:moveTo>
                <a:lnTo>
                  <a:pt x="395243" y="3760161"/>
                </a:lnTo>
                <a:lnTo>
                  <a:pt x="451272" y="3760161"/>
                </a:lnTo>
                <a:lnTo>
                  <a:pt x="451272" y="3704131"/>
                </a:lnTo>
                <a:close/>
                <a:moveTo>
                  <a:pt x="25627" y="3703687"/>
                </a:moveTo>
                <a:lnTo>
                  <a:pt x="25627" y="3760568"/>
                </a:lnTo>
                <a:lnTo>
                  <a:pt x="82508" y="3760568"/>
                </a:lnTo>
                <a:lnTo>
                  <a:pt x="82508" y="3703687"/>
                </a:lnTo>
                <a:close/>
                <a:moveTo>
                  <a:pt x="271519" y="3703465"/>
                </a:moveTo>
                <a:lnTo>
                  <a:pt x="271519" y="3760790"/>
                </a:lnTo>
                <a:lnTo>
                  <a:pt x="328845" y="3760790"/>
                </a:lnTo>
                <a:lnTo>
                  <a:pt x="328845" y="3703465"/>
                </a:lnTo>
                <a:close/>
                <a:moveTo>
                  <a:pt x="148017" y="3703057"/>
                </a:moveTo>
                <a:lnTo>
                  <a:pt x="148017" y="3761271"/>
                </a:lnTo>
                <a:lnTo>
                  <a:pt x="206231" y="3761271"/>
                </a:lnTo>
                <a:lnTo>
                  <a:pt x="206231" y="3703057"/>
                </a:lnTo>
                <a:close/>
                <a:moveTo>
                  <a:pt x="4484020" y="3608885"/>
                </a:moveTo>
                <a:lnTo>
                  <a:pt x="4484020" y="3609329"/>
                </a:lnTo>
                <a:lnTo>
                  <a:pt x="4484464" y="3609329"/>
                </a:lnTo>
                <a:lnTo>
                  <a:pt x="4484464" y="3608885"/>
                </a:lnTo>
                <a:close/>
                <a:moveTo>
                  <a:pt x="4360962" y="3608885"/>
                </a:moveTo>
                <a:lnTo>
                  <a:pt x="4360962" y="3609329"/>
                </a:lnTo>
                <a:lnTo>
                  <a:pt x="4361406" y="3609329"/>
                </a:lnTo>
                <a:lnTo>
                  <a:pt x="4361406" y="3608885"/>
                </a:lnTo>
                <a:close/>
                <a:moveTo>
                  <a:pt x="4237905" y="3608885"/>
                </a:moveTo>
                <a:lnTo>
                  <a:pt x="4237905" y="3609329"/>
                </a:lnTo>
                <a:lnTo>
                  <a:pt x="4238349" y="3609329"/>
                </a:lnTo>
                <a:lnTo>
                  <a:pt x="4238349" y="3608885"/>
                </a:lnTo>
                <a:close/>
                <a:moveTo>
                  <a:pt x="4114848" y="3608885"/>
                </a:moveTo>
                <a:lnTo>
                  <a:pt x="4114848" y="3609329"/>
                </a:lnTo>
                <a:lnTo>
                  <a:pt x="4115292" y="3609329"/>
                </a:lnTo>
                <a:lnTo>
                  <a:pt x="4115292" y="3608885"/>
                </a:lnTo>
                <a:close/>
                <a:moveTo>
                  <a:pt x="3991790" y="3608885"/>
                </a:moveTo>
                <a:lnTo>
                  <a:pt x="3991790" y="3609329"/>
                </a:lnTo>
                <a:lnTo>
                  <a:pt x="3992235" y="3609329"/>
                </a:lnTo>
                <a:lnTo>
                  <a:pt x="3992235" y="3608885"/>
                </a:lnTo>
                <a:close/>
                <a:moveTo>
                  <a:pt x="3868733" y="3608885"/>
                </a:moveTo>
                <a:lnTo>
                  <a:pt x="3868733" y="3609329"/>
                </a:lnTo>
                <a:lnTo>
                  <a:pt x="3869177" y="3609329"/>
                </a:lnTo>
                <a:lnTo>
                  <a:pt x="3869177" y="3608885"/>
                </a:lnTo>
                <a:close/>
                <a:moveTo>
                  <a:pt x="3745454" y="3608663"/>
                </a:moveTo>
                <a:lnTo>
                  <a:pt x="3745454" y="3609515"/>
                </a:lnTo>
                <a:lnTo>
                  <a:pt x="3746306" y="3609515"/>
                </a:lnTo>
                <a:lnTo>
                  <a:pt x="3746306" y="3608663"/>
                </a:lnTo>
                <a:close/>
                <a:moveTo>
                  <a:pt x="3622396" y="3608663"/>
                </a:moveTo>
                <a:lnTo>
                  <a:pt x="3622396" y="3609515"/>
                </a:lnTo>
                <a:lnTo>
                  <a:pt x="3623248" y="3609515"/>
                </a:lnTo>
                <a:lnTo>
                  <a:pt x="3623248" y="3608663"/>
                </a:lnTo>
                <a:close/>
                <a:moveTo>
                  <a:pt x="3499117" y="3608441"/>
                </a:moveTo>
                <a:lnTo>
                  <a:pt x="3499117" y="3609737"/>
                </a:lnTo>
                <a:lnTo>
                  <a:pt x="3500413" y="3609737"/>
                </a:lnTo>
                <a:lnTo>
                  <a:pt x="3500413" y="3608441"/>
                </a:lnTo>
                <a:close/>
                <a:moveTo>
                  <a:pt x="3375837" y="3608219"/>
                </a:moveTo>
                <a:lnTo>
                  <a:pt x="3375837" y="3609959"/>
                </a:lnTo>
                <a:lnTo>
                  <a:pt x="3377577" y="3609959"/>
                </a:lnTo>
                <a:lnTo>
                  <a:pt x="3377577" y="3608219"/>
                </a:lnTo>
                <a:close/>
                <a:moveTo>
                  <a:pt x="3252336" y="3607774"/>
                </a:moveTo>
                <a:lnTo>
                  <a:pt x="3252336" y="3610366"/>
                </a:lnTo>
                <a:lnTo>
                  <a:pt x="3254928" y="3610366"/>
                </a:lnTo>
                <a:lnTo>
                  <a:pt x="3254928" y="3607774"/>
                </a:lnTo>
                <a:close/>
                <a:moveTo>
                  <a:pt x="3128834" y="3607330"/>
                </a:moveTo>
                <a:lnTo>
                  <a:pt x="3128834" y="3610811"/>
                </a:lnTo>
                <a:lnTo>
                  <a:pt x="3132315" y="3610811"/>
                </a:lnTo>
                <a:lnTo>
                  <a:pt x="3132315" y="3607330"/>
                </a:lnTo>
                <a:close/>
                <a:moveTo>
                  <a:pt x="3005332" y="3606922"/>
                </a:moveTo>
                <a:lnTo>
                  <a:pt x="3005332" y="3611255"/>
                </a:lnTo>
                <a:lnTo>
                  <a:pt x="3009665" y="3611255"/>
                </a:lnTo>
                <a:lnTo>
                  <a:pt x="3009665" y="3606922"/>
                </a:lnTo>
                <a:close/>
                <a:moveTo>
                  <a:pt x="2881645" y="3606256"/>
                </a:moveTo>
                <a:lnTo>
                  <a:pt x="2881645" y="3611885"/>
                </a:lnTo>
                <a:lnTo>
                  <a:pt x="2887274" y="3611885"/>
                </a:lnTo>
                <a:lnTo>
                  <a:pt x="2887274" y="3606256"/>
                </a:lnTo>
                <a:close/>
                <a:moveTo>
                  <a:pt x="2757921" y="3605626"/>
                </a:moveTo>
                <a:lnTo>
                  <a:pt x="2757921" y="3612588"/>
                </a:lnTo>
                <a:lnTo>
                  <a:pt x="2764883" y="3612588"/>
                </a:lnTo>
                <a:lnTo>
                  <a:pt x="2764883" y="3605626"/>
                </a:lnTo>
                <a:close/>
                <a:moveTo>
                  <a:pt x="2634012" y="3604738"/>
                </a:moveTo>
                <a:lnTo>
                  <a:pt x="2634012" y="3613440"/>
                </a:lnTo>
                <a:lnTo>
                  <a:pt x="2642715" y="3613440"/>
                </a:lnTo>
                <a:lnTo>
                  <a:pt x="2642715" y="3604738"/>
                </a:lnTo>
                <a:close/>
                <a:moveTo>
                  <a:pt x="2510066" y="3603886"/>
                </a:moveTo>
                <a:lnTo>
                  <a:pt x="2510066" y="3614292"/>
                </a:lnTo>
                <a:lnTo>
                  <a:pt x="2520472" y="3614292"/>
                </a:lnTo>
                <a:lnTo>
                  <a:pt x="2520472" y="3603886"/>
                </a:lnTo>
                <a:close/>
                <a:moveTo>
                  <a:pt x="2385935" y="3602775"/>
                </a:moveTo>
                <a:lnTo>
                  <a:pt x="2385935" y="3615366"/>
                </a:lnTo>
                <a:lnTo>
                  <a:pt x="2398526" y="3615366"/>
                </a:lnTo>
                <a:lnTo>
                  <a:pt x="2398526" y="3602775"/>
                </a:lnTo>
                <a:close/>
                <a:moveTo>
                  <a:pt x="2261767" y="3601701"/>
                </a:moveTo>
                <a:lnTo>
                  <a:pt x="2261767" y="3616477"/>
                </a:lnTo>
                <a:lnTo>
                  <a:pt x="2276543" y="3616477"/>
                </a:lnTo>
                <a:lnTo>
                  <a:pt x="2276543" y="3601701"/>
                </a:lnTo>
                <a:close/>
                <a:moveTo>
                  <a:pt x="2137413" y="3600405"/>
                </a:moveTo>
                <a:lnTo>
                  <a:pt x="2137413" y="3617773"/>
                </a:lnTo>
                <a:lnTo>
                  <a:pt x="2154781" y="3617773"/>
                </a:lnTo>
                <a:lnTo>
                  <a:pt x="2154781" y="3600405"/>
                </a:lnTo>
                <a:close/>
                <a:moveTo>
                  <a:pt x="2013060" y="3599109"/>
                </a:moveTo>
                <a:lnTo>
                  <a:pt x="2013060" y="3619106"/>
                </a:lnTo>
                <a:lnTo>
                  <a:pt x="2033057" y="3619106"/>
                </a:lnTo>
                <a:lnTo>
                  <a:pt x="2033057" y="3599109"/>
                </a:lnTo>
                <a:close/>
                <a:moveTo>
                  <a:pt x="1888669" y="3597776"/>
                </a:moveTo>
                <a:lnTo>
                  <a:pt x="1888669" y="3620365"/>
                </a:lnTo>
                <a:lnTo>
                  <a:pt x="1911258" y="3620365"/>
                </a:lnTo>
                <a:lnTo>
                  <a:pt x="1911258" y="3597776"/>
                </a:lnTo>
                <a:close/>
                <a:moveTo>
                  <a:pt x="1764094" y="3596257"/>
                </a:moveTo>
                <a:lnTo>
                  <a:pt x="1764094" y="3621883"/>
                </a:lnTo>
                <a:lnTo>
                  <a:pt x="1789720" y="3621883"/>
                </a:lnTo>
                <a:lnTo>
                  <a:pt x="1789720" y="3596257"/>
                </a:lnTo>
                <a:close/>
                <a:moveTo>
                  <a:pt x="1639518" y="3594739"/>
                </a:moveTo>
                <a:lnTo>
                  <a:pt x="1639518" y="3623402"/>
                </a:lnTo>
                <a:lnTo>
                  <a:pt x="1668181" y="3623402"/>
                </a:lnTo>
                <a:lnTo>
                  <a:pt x="1668181" y="3594739"/>
                </a:lnTo>
                <a:close/>
                <a:moveTo>
                  <a:pt x="1514942" y="3593221"/>
                </a:moveTo>
                <a:lnTo>
                  <a:pt x="1514942" y="3624920"/>
                </a:lnTo>
                <a:lnTo>
                  <a:pt x="1546641" y="3624920"/>
                </a:lnTo>
                <a:lnTo>
                  <a:pt x="1546641" y="3593221"/>
                </a:lnTo>
                <a:close/>
                <a:moveTo>
                  <a:pt x="1390589" y="3591924"/>
                </a:moveTo>
                <a:lnTo>
                  <a:pt x="1390589" y="3626253"/>
                </a:lnTo>
                <a:lnTo>
                  <a:pt x="1424918" y="3626253"/>
                </a:lnTo>
                <a:lnTo>
                  <a:pt x="1424918" y="3591924"/>
                </a:lnTo>
                <a:close/>
                <a:moveTo>
                  <a:pt x="1266013" y="3590406"/>
                </a:moveTo>
                <a:lnTo>
                  <a:pt x="1266013" y="3627771"/>
                </a:lnTo>
                <a:lnTo>
                  <a:pt x="1303378" y="3627771"/>
                </a:lnTo>
                <a:lnTo>
                  <a:pt x="1303378" y="3590406"/>
                </a:lnTo>
                <a:close/>
                <a:moveTo>
                  <a:pt x="1141623" y="3589110"/>
                </a:moveTo>
                <a:lnTo>
                  <a:pt x="1141623" y="3629068"/>
                </a:lnTo>
                <a:lnTo>
                  <a:pt x="1181581" y="3629068"/>
                </a:lnTo>
                <a:lnTo>
                  <a:pt x="1181581" y="3589110"/>
                </a:lnTo>
                <a:close/>
                <a:moveTo>
                  <a:pt x="1017492" y="3588036"/>
                </a:moveTo>
                <a:lnTo>
                  <a:pt x="1017492" y="3630178"/>
                </a:lnTo>
                <a:lnTo>
                  <a:pt x="1059634" y="3630178"/>
                </a:lnTo>
                <a:lnTo>
                  <a:pt x="1059634" y="3588036"/>
                </a:lnTo>
                <a:close/>
                <a:moveTo>
                  <a:pt x="893360" y="3586925"/>
                </a:moveTo>
                <a:lnTo>
                  <a:pt x="893360" y="3631215"/>
                </a:lnTo>
                <a:lnTo>
                  <a:pt x="937650" y="3631215"/>
                </a:lnTo>
                <a:lnTo>
                  <a:pt x="937650" y="3586925"/>
                </a:lnTo>
                <a:close/>
                <a:moveTo>
                  <a:pt x="769192" y="3585851"/>
                </a:moveTo>
                <a:lnTo>
                  <a:pt x="769192" y="3632326"/>
                </a:lnTo>
                <a:lnTo>
                  <a:pt x="815667" y="3632326"/>
                </a:lnTo>
                <a:lnTo>
                  <a:pt x="815667" y="3585851"/>
                </a:lnTo>
                <a:close/>
                <a:moveTo>
                  <a:pt x="645283" y="3584962"/>
                </a:moveTo>
                <a:lnTo>
                  <a:pt x="645283" y="3633178"/>
                </a:lnTo>
                <a:lnTo>
                  <a:pt x="693499" y="3633178"/>
                </a:lnTo>
                <a:lnTo>
                  <a:pt x="693499" y="3584962"/>
                </a:lnTo>
                <a:close/>
                <a:moveTo>
                  <a:pt x="521337" y="3584111"/>
                </a:moveTo>
                <a:lnTo>
                  <a:pt x="521337" y="3634067"/>
                </a:lnTo>
                <a:lnTo>
                  <a:pt x="571293" y="3634067"/>
                </a:lnTo>
                <a:lnTo>
                  <a:pt x="571293" y="3584111"/>
                </a:lnTo>
                <a:close/>
                <a:moveTo>
                  <a:pt x="397613" y="3583444"/>
                </a:moveTo>
                <a:lnTo>
                  <a:pt x="397613" y="3634696"/>
                </a:lnTo>
                <a:lnTo>
                  <a:pt x="448865" y="3634696"/>
                </a:lnTo>
                <a:lnTo>
                  <a:pt x="448865" y="3583444"/>
                </a:lnTo>
                <a:close/>
                <a:moveTo>
                  <a:pt x="28219" y="3583259"/>
                </a:moveTo>
                <a:lnTo>
                  <a:pt x="28219" y="3634956"/>
                </a:lnTo>
                <a:lnTo>
                  <a:pt x="79916" y="3634956"/>
                </a:lnTo>
                <a:lnTo>
                  <a:pt x="79916" y="3583259"/>
                </a:lnTo>
                <a:close/>
                <a:moveTo>
                  <a:pt x="274148" y="3583037"/>
                </a:moveTo>
                <a:lnTo>
                  <a:pt x="274148" y="3635141"/>
                </a:lnTo>
                <a:lnTo>
                  <a:pt x="326252" y="3635141"/>
                </a:lnTo>
                <a:lnTo>
                  <a:pt x="326252" y="3583037"/>
                </a:lnTo>
                <a:close/>
                <a:moveTo>
                  <a:pt x="150647" y="3582592"/>
                </a:moveTo>
                <a:lnTo>
                  <a:pt x="150647" y="3635585"/>
                </a:lnTo>
                <a:lnTo>
                  <a:pt x="203640" y="3635585"/>
                </a:lnTo>
                <a:lnTo>
                  <a:pt x="203640" y="3582592"/>
                </a:lnTo>
                <a:close/>
                <a:moveTo>
                  <a:pt x="4484020" y="3485791"/>
                </a:moveTo>
                <a:lnTo>
                  <a:pt x="4484020" y="3486235"/>
                </a:lnTo>
                <a:lnTo>
                  <a:pt x="4484464" y="3486235"/>
                </a:lnTo>
                <a:lnTo>
                  <a:pt x="4484464" y="3485791"/>
                </a:lnTo>
                <a:close/>
                <a:moveTo>
                  <a:pt x="4360962" y="3485791"/>
                </a:moveTo>
                <a:lnTo>
                  <a:pt x="4360962" y="3486235"/>
                </a:lnTo>
                <a:lnTo>
                  <a:pt x="4361406" y="3486235"/>
                </a:lnTo>
                <a:lnTo>
                  <a:pt x="4361406" y="3485791"/>
                </a:lnTo>
                <a:close/>
                <a:moveTo>
                  <a:pt x="4237905" y="3485791"/>
                </a:moveTo>
                <a:lnTo>
                  <a:pt x="4237905" y="3486235"/>
                </a:lnTo>
                <a:lnTo>
                  <a:pt x="4238349" y="3486235"/>
                </a:lnTo>
                <a:lnTo>
                  <a:pt x="4238349" y="3485791"/>
                </a:lnTo>
                <a:close/>
                <a:moveTo>
                  <a:pt x="4114848" y="3485791"/>
                </a:moveTo>
                <a:lnTo>
                  <a:pt x="4114848" y="3486235"/>
                </a:lnTo>
                <a:lnTo>
                  <a:pt x="4115292" y="3486235"/>
                </a:lnTo>
                <a:lnTo>
                  <a:pt x="4115292" y="3485791"/>
                </a:lnTo>
                <a:close/>
                <a:moveTo>
                  <a:pt x="3991790" y="3485791"/>
                </a:moveTo>
                <a:lnTo>
                  <a:pt x="3991790" y="3486235"/>
                </a:lnTo>
                <a:lnTo>
                  <a:pt x="3992235" y="3486235"/>
                </a:lnTo>
                <a:lnTo>
                  <a:pt x="3992235" y="3485791"/>
                </a:lnTo>
                <a:close/>
                <a:moveTo>
                  <a:pt x="3868733" y="3485791"/>
                </a:moveTo>
                <a:lnTo>
                  <a:pt x="3868733" y="3486235"/>
                </a:lnTo>
                <a:lnTo>
                  <a:pt x="3869177" y="3486235"/>
                </a:lnTo>
                <a:lnTo>
                  <a:pt x="3869177" y="3485791"/>
                </a:lnTo>
                <a:close/>
                <a:moveTo>
                  <a:pt x="3745454" y="3485606"/>
                </a:moveTo>
                <a:lnTo>
                  <a:pt x="3745454" y="3486458"/>
                </a:lnTo>
                <a:lnTo>
                  <a:pt x="3746306" y="3486458"/>
                </a:lnTo>
                <a:lnTo>
                  <a:pt x="3746306" y="3485606"/>
                </a:lnTo>
                <a:close/>
                <a:moveTo>
                  <a:pt x="3622396" y="3485606"/>
                </a:moveTo>
                <a:lnTo>
                  <a:pt x="3622396" y="3486458"/>
                </a:lnTo>
                <a:lnTo>
                  <a:pt x="3623248" y="3486458"/>
                </a:lnTo>
                <a:lnTo>
                  <a:pt x="3623248" y="3485606"/>
                </a:lnTo>
                <a:close/>
                <a:moveTo>
                  <a:pt x="3499117" y="3485383"/>
                </a:moveTo>
                <a:lnTo>
                  <a:pt x="3499117" y="3486679"/>
                </a:lnTo>
                <a:lnTo>
                  <a:pt x="3500413" y="3486679"/>
                </a:lnTo>
                <a:lnTo>
                  <a:pt x="3500413" y="3485383"/>
                </a:lnTo>
                <a:close/>
                <a:moveTo>
                  <a:pt x="3375837" y="3485161"/>
                </a:moveTo>
                <a:lnTo>
                  <a:pt x="3375837" y="3486901"/>
                </a:lnTo>
                <a:lnTo>
                  <a:pt x="3377577" y="3486901"/>
                </a:lnTo>
                <a:lnTo>
                  <a:pt x="3377577" y="3485161"/>
                </a:lnTo>
                <a:close/>
                <a:moveTo>
                  <a:pt x="3252336" y="3484717"/>
                </a:moveTo>
                <a:lnTo>
                  <a:pt x="3252336" y="3487309"/>
                </a:lnTo>
                <a:lnTo>
                  <a:pt x="3254928" y="3487309"/>
                </a:lnTo>
                <a:lnTo>
                  <a:pt x="3254928" y="3484717"/>
                </a:lnTo>
                <a:close/>
                <a:moveTo>
                  <a:pt x="3129056" y="3484495"/>
                </a:moveTo>
                <a:lnTo>
                  <a:pt x="3129056" y="3487532"/>
                </a:lnTo>
                <a:lnTo>
                  <a:pt x="3132093" y="3487532"/>
                </a:lnTo>
                <a:lnTo>
                  <a:pt x="3132093" y="3484495"/>
                </a:lnTo>
                <a:close/>
                <a:moveTo>
                  <a:pt x="3005332" y="3483865"/>
                </a:moveTo>
                <a:lnTo>
                  <a:pt x="3005332" y="3488198"/>
                </a:lnTo>
                <a:lnTo>
                  <a:pt x="3009665" y="3488198"/>
                </a:lnTo>
                <a:lnTo>
                  <a:pt x="3009665" y="3483865"/>
                </a:lnTo>
                <a:close/>
                <a:moveTo>
                  <a:pt x="2881867" y="3483421"/>
                </a:moveTo>
                <a:lnTo>
                  <a:pt x="2881867" y="3488642"/>
                </a:lnTo>
                <a:lnTo>
                  <a:pt x="2887088" y="3488642"/>
                </a:lnTo>
                <a:lnTo>
                  <a:pt x="2887088" y="3483421"/>
                </a:lnTo>
                <a:close/>
                <a:moveTo>
                  <a:pt x="2758144" y="3482754"/>
                </a:moveTo>
                <a:lnTo>
                  <a:pt x="2758144" y="3489272"/>
                </a:lnTo>
                <a:lnTo>
                  <a:pt x="2764662" y="3489272"/>
                </a:lnTo>
                <a:lnTo>
                  <a:pt x="2764662" y="3482754"/>
                </a:lnTo>
                <a:close/>
                <a:moveTo>
                  <a:pt x="2634197" y="3481902"/>
                </a:moveTo>
                <a:lnTo>
                  <a:pt x="2634197" y="3490160"/>
                </a:lnTo>
                <a:lnTo>
                  <a:pt x="2642455" y="3490160"/>
                </a:lnTo>
                <a:lnTo>
                  <a:pt x="2642455" y="3481902"/>
                </a:lnTo>
                <a:close/>
                <a:moveTo>
                  <a:pt x="2510288" y="3481014"/>
                </a:moveTo>
                <a:lnTo>
                  <a:pt x="2510288" y="3491013"/>
                </a:lnTo>
                <a:lnTo>
                  <a:pt x="2520287" y="3491013"/>
                </a:lnTo>
                <a:lnTo>
                  <a:pt x="2520287" y="3481014"/>
                </a:lnTo>
                <a:close/>
                <a:moveTo>
                  <a:pt x="2386342" y="3480162"/>
                </a:moveTo>
                <a:lnTo>
                  <a:pt x="2386342" y="3491901"/>
                </a:lnTo>
                <a:lnTo>
                  <a:pt x="2398081" y="3491901"/>
                </a:lnTo>
                <a:lnTo>
                  <a:pt x="2398081" y="3480162"/>
                </a:lnTo>
                <a:close/>
                <a:moveTo>
                  <a:pt x="2262211" y="3479088"/>
                </a:moveTo>
                <a:lnTo>
                  <a:pt x="2262211" y="3492975"/>
                </a:lnTo>
                <a:lnTo>
                  <a:pt x="2276098" y="3492975"/>
                </a:lnTo>
                <a:lnTo>
                  <a:pt x="2276098" y="3479088"/>
                </a:lnTo>
                <a:close/>
                <a:moveTo>
                  <a:pt x="2138080" y="3477977"/>
                </a:moveTo>
                <a:lnTo>
                  <a:pt x="2138080" y="3494049"/>
                </a:lnTo>
                <a:lnTo>
                  <a:pt x="2154152" y="3494049"/>
                </a:lnTo>
                <a:lnTo>
                  <a:pt x="2154152" y="3477977"/>
                </a:lnTo>
                <a:close/>
                <a:moveTo>
                  <a:pt x="2013912" y="3476903"/>
                </a:moveTo>
                <a:lnTo>
                  <a:pt x="2013912" y="3495160"/>
                </a:lnTo>
                <a:lnTo>
                  <a:pt x="2032169" y="3495160"/>
                </a:lnTo>
                <a:lnTo>
                  <a:pt x="2032169" y="3476903"/>
                </a:lnTo>
                <a:close/>
                <a:moveTo>
                  <a:pt x="1889558" y="3475607"/>
                </a:moveTo>
                <a:lnTo>
                  <a:pt x="1889558" y="3496456"/>
                </a:lnTo>
                <a:lnTo>
                  <a:pt x="1910407" y="3496456"/>
                </a:lnTo>
                <a:lnTo>
                  <a:pt x="1910407" y="3475607"/>
                </a:lnTo>
                <a:close/>
                <a:moveTo>
                  <a:pt x="1764982" y="3474089"/>
                </a:moveTo>
                <a:lnTo>
                  <a:pt x="1764982" y="3497975"/>
                </a:lnTo>
                <a:lnTo>
                  <a:pt x="1788868" y="3497975"/>
                </a:lnTo>
                <a:lnTo>
                  <a:pt x="1788868" y="3474089"/>
                </a:lnTo>
                <a:close/>
                <a:moveTo>
                  <a:pt x="1640592" y="3472793"/>
                </a:moveTo>
                <a:lnTo>
                  <a:pt x="1640592" y="3499271"/>
                </a:lnTo>
                <a:lnTo>
                  <a:pt x="1667070" y="3499271"/>
                </a:lnTo>
                <a:lnTo>
                  <a:pt x="1667070" y="3472793"/>
                </a:lnTo>
                <a:close/>
                <a:moveTo>
                  <a:pt x="1516239" y="3471459"/>
                </a:moveTo>
                <a:lnTo>
                  <a:pt x="1516239" y="3500566"/>
                </a:lnTo>
                <a:lnTo>
                  <a:pt x="1545346" y="3500566"/>
                </a:lnTo>
                <a:lnTo>
                  <a:pt x="1545346" y="3471459"/>
                </a:lnTo>
                <a:close/>
                <a:moveTo>
                  <a:pt x="1392107" y="3470385"/>
                </a:moveTo>
                <a:lnTo>
                  <a:pt x="1392107" y="3501640"/>
                </a:lnTo>
                <a:lnTo>
                  <a:pt x="1423362" y="3501640"/>
                </a:lnTo>
                <a:lnTo>
                  <a:pt x="1423362" y="3470385"/>
                </a:lnTo>
                <a:close/>
                <a:moveTo>
                  <a:pt x="1267754" y="3469089"/>
                </a:moveTo>
                <a:lnTo>
                  <a:pt x="1267754" y="3502973"/>
                </a:lnTo>
                <a:lnTo>
                  <a:pt x="1301638" y="3502973"/>
                </a:lnTo>
                <a:lnTo>
                  <a:pt x="1301638" y="3469089"/>
                </a:lnTo>
                <a:close/>
                <a:moveTo>
                  <a:pt x="1143586" y="3468015"/>
                </a:moveTo>
                <a:lnTo>
                  <a:pt x="1143586" y="3504047"/>
                </a:lnTo>
                <a:lnTo>
                  <a:pt x="1179618" y="3504047"/>
                </a:lnTo>
                <a:lnTo>
                  <a:pt x="1179618" y="3468015"/>
                </a:lnTo>
                <a:close/>
                <a:moveTo>
                  <a:pt x="1019454" y="3466904"/>
                </a:moveTo>
                <a:lnTo>
                  <a:pt x="1019454" y="3505121"/>
                </a:lnTo>
                <a:lnTo>
                  <a:pt x="1057671" y="3505121"/>
                </a:lnTo>
                <a:lnTo>
                  <a:pt x="1057671" y="3466904"/>
                </a:lnTo>
                <a:close/>
                <a:moveTo>
                  <a:pt x="895286" y="3465831"/>
                </a:moveTo>
                <a:lnTo>
                  <a:pt x="895286" y="3506233"/>
                </a:lnTo>
                <a:lnTo>
                  <a:pt x="935688" y="3506233"/>
                </a:lnTo>
                <a:lnTo>
                  <a:pt x="935688" y="3465831"/>
                </a:lnTo>
                <a:close/>
                <a:moveTo>
                  <a:pt x="771377" y="3464942"/>
                </a:moveTo>
                <a:lnTo>
                  <a:pt x="771377" y="3507084"/>
                </a:lnTo>
                <a:lnTo>
                  <a:pt x="813519" y="3507084"/>
                </a:lnTo>
                <a:lnTo>
                  <a:pt x="813519" y="3464942"/>
                </a:lnTo>
                <a:close/>
                <a:moveTo>
                  <a:pt x="647431" y="3464090"/>
                </a:moveTo>
                <a:lnTo>
                  <a:pt x="647431" y="3507973"/>
                </a:lnTo>
                <a:lnTo>
                  <a:pt x="691314" y="3507973"/>
                </a:lnTo>
                <a:lnTo>
                  <a:pt x="691314" y="3464090"/>
                </a:lnTo>
                <a:close/>
                <a:moveTo>
                  <a:pt x="523744" y="3463423"/>
                </a:moveTo>
                <a:lnTo>
                  <a:pt x="523744" y="3508602"/>
                </a:lnTo>
                <a:lnTo>
                  <a:pt x="568923" y="3508602"/>
                </a:lnTo>
                <a:lnTo>
                  <a:pt x="568923" y="3463423"/>
                </a:lnTo>
                <a:close/>
                <a:moveTo>
                  <a:pt x="400020" y="3462794"/>
                </a:moveTo>
                <a:lnTo>
                  <a:pt x="400020" y="3509269"/>
                </a:lnTo>
                <a:lnTo>
                  <a:pt x="446495" y="3509269"/>
                </a:lnTo>
                <a:lnTo>
                  <a:pt x="446495" y="3462794"/>
                </a:lnTo>
                <a:close/>
                <a:moveTo>
                  <a:pt x="30626" y="3462572"/>
                </a:moveTo>
                <a:lnTo>
                  <a:pt x="30626" y="3509491"/>
                </a:lnTo>
                <a:lnTo>
                  <a:pt x="77546" y="3509491"/>
                </a:lnTo>
                <a:lnTo>
                  <a:pt x="77546" y="3462572"/>
                </a:lnTo>
                <a:close/>
                <a:moveTo>
                  <a:pt x="276518" y="3462349"/>
                </a:moveTo>
                <a:lnTo>
                  <a:pt x="276518" y="3509676"/>
                </a:lnTo>
                <a:lnTo>
                  <a:pt x="323845" y="3509676"/>
                </a:lnTo>
                <a:lnTo>
                  <a:pt x="323845" y="3462349"/>
                </a:lnTo>
                <a:close/>
                <a:moveTo>
                  <a:pt x="153239" y="3462127"/>
                </a:moveTo>
                <a:lnTo>
                  <a:pt x="153239" y="3509898"/>
                </a:lnTo>
                <a:lnTo>
                  <a:pt x="201010" y="3509898"/>
                </a:lnTo>
                <a:lnTo>
                  <a:pt x="201010" y="3462127"/>
                </a:lnTo>
                <a:close/>
                <a:moveTo>
                  <a:pt x="4484020" y="3362733"/>
                </a:moveTo>
                <a:lnTo>
                  <a:pt x="4484020" y="3363177"/>
                </a:lnTo>
                <a:lnTo>
                  <a:pt x="4484464" y="3363177"/>
                </a:lnTo>
                <a:lnTo>
                  <a:pt x="4484464" y="3362733"/>
                </a:lnTo>
                <a:close/>
                <a:moveTo>
                  <a:pt x="4360962" y="3362733"/>
                </a:moveTo>
                <a:lnTo>
                  <a:pt x="4360962" y="3363177"/>
                </a:lnTo>
                <a:lnTo>
                  <a:pt x="4361406" y="3363177"/>
                </a:lnTo>
                <a:lnTo>
                  <a:pt x="4361406" y="3362733"/>
                </a:lnTo>
                <a:close/>
                <a:moveTo>
                  <a:pt x="4237905" y="3362733"/>
                </a:moveTo>
                <a:lnTo>
                  <a:pt x="4237905" y="3363177"/>
                </a:lnTo>
                <a:lnTo>
                  <a:pt x="4238349" y="3363177"/>
                </a:lnTo>
                <a:lnTo>
                  <a:pt x="4238349" y="3362733"/>
                </a:lnTo>
                <a:close/>
                <a:moveTo>
                  <a:pt x="4114848" y="3362733"/>
                </a:moveTo>
                <a:lnTo>
                  <a:pt x="4114848" y="3363177"/>
                </a:lnTo>
                <a:lnTo>
                  <a:pt x="4115292" y="3363177"/>
                </a:lnTo>
                <a:lnTo>
                  <a:pt x="4115292" y="3362733"/>
                </a:lnTo>
                <a:close/>
                <a:moveTo>
                  <a:pt x="3991790" y="3362733"/>
                </a:moveTo>
                <a:lnTo>
                  <a:pt x="3991790" y="3363177"/>
                </a:lnTo>
                <a:lnTo>
                  <a:pt x="3992235" y="3363177"/>
                </a:lnTo>
                <a:lnTo>
                  <a:pt x="3992235" y="3362733"/>
                </a:lnTo>
                <a:close/>
                <a:moveTo>
                  <a:pt x="3868733" y="3362733"/>
                </a:moveTo>
                <a:lnTo>
                  <a:pt x="3868733" y="3363177"/>
                </a:lnTo>
                <a:lnTo>
                  <a:pt x="3869177" y="3363177"/>
                </a:lnTo>
                <a:lnTo>
                  <a:pt x="3869177" y="3362733"/>
                </a:lnTo>
                <a:close/>
                <a:moveTo>
                  <a:pt x="3745454" y="3362548"/>
                </a:moveTo>
                <a:lnTo>
                  <a:pt x="3745454" y="3363400"/>
                </a:lnTo>
                <a:lnTo>
                  <a:pt x="3746306" y="3363400"/>
                </a:lnTo>
                <a:lnTo>
                  <a:pt x="3746306" y="3362548"/>
                </a:lnTo>
                <a:close/>
                <a:moveTo>
                  <a:pt x="3622396" y="3362548"/>
                </a:moveTo>
                <a:lnTo>
                  <a:pt x="3622396" y="3363400"/>
                </a:lnTo>
                <a:lnTo>
                  <a:pt x="3623248" y="3363400"/>
                </a:lnTo>
                <a:lnTo>
                  <a:pt x="3623248" y="3362548"/>
                </a:lnTo>
                <a:close/>
                <a:moveTo>
                  <a:pt x="3499117" y="3362326"/>
                </a:moveTo>
                <a:lnTo>
                  <a:pt x="3499117" y="3363622"/>
                </a:lnTo>
                <a:lnTo>
                  <a:pt x="3500413" y="3363622"/>
                </a:lnTo>
                <a:lnTo>
                  <a:pt x="3500413" y="3362326"/>
                </a:lnTo>
                <a:close/>
                <a:moveTo>
                  <a:pt x="3375837" y="3362104"/>
                </a:moveTo>
                <a:lnTo>
                  <a:pt x="3375837" y="3363844"/>
                </a:lnTo>
                <a:lnTo>
                  <a:pt x="3377577" y="3363844"/>
                </a:lnTo>
                <a:lnTo>
                  <a:pt x="3377577" y="3362104"/>
                </a:lnTo>
                <a:close/>
                <a:moveTo>
                  <a:pt x="3252336" y="3361659"/>
                </a:moveTo>
                <a:lnTo>
                  <a:pt x="3252336" y="3364251"/>
                </a:lnTo>
                <a:lnTo>
                  <a:pt x="3254928" y="3364251"/>
                </a:lnTo>
                <a:lnTo>
                  <a:pt x="3254928" y="3361659"/>
                </a:lnTo>
                <a:close/>
                <a:moveTo>
                  <a:pt x="3129056" y="3361437"/>
                </a:moveTo>
                <a:lnTo>
                  <a:pt x="3129056" y="3364474"/>
                </a:lnTo>
                <a:lnTo>
                  <a:pt x="3132093" y="3364474"/>
                </a:lnTo>
                <a:lnTo>
                  <a:pt x="3132093" y="3361437"/>
                </a:lnTo>
                <a:close/>
                <a:moveTo>
                  <a:pt x="3005554" y="3360993"/>
                </a:moveTo>
                <a:lnTo>
                  <a:pt x="3005554" y="3364918"/>
                </a:lnTo>
                <a:lnTo>
                  <a:pt x="3009479" y="3364918"/>
                </a:lnTo>
                <a:lnTo>
                  <a:pt x="3009479" y="3360993"/>
                </a:lnTo>
                <a:close/>
                <a:moveTo>
                  <a:pt x="2881867" y="3360363"/>
                </a:moveTo>
                <a:lnTo>
                  <a:pt x="2881867" y="3365584"/>
                </a:lnTo>
                <a:lnTo>
                  <a:pt x="2887088" y="3365584"/>
                </a:lnTo>
                <a:lnTo>
                  <a:pt x="2887088" y="3360363"/>
                </a:lnTo>
                <a:close/>
                <a:moveTo>
                  <a:pt x="2758366" y="3359919"/>
                </a:moveTo>
                <a:lnTo>
                  <a:pt x="2758366" y="3365992"/>
                </a:lnTo>
                <a:lnTo>
                  <a:pt x="2764439" y="3365992"/>
                </a:lnTo>
                <a:lnTo>
                  <a:pt x="2764439" y="3359919"/>
                </a:lnTo>
                <a:close/>
                <a:moveTo>
                  <a:pt x="2634420" y="3359067"/>
                </a:moveTo>
                <a:lnTo>
                  <a:pt x="2634420" y="3366881"/>
                </a:lnTo>
                <a:lnTo>
                  <a:pt x="2642234" y="3366881"/>
                </a:lnTo>
                <a:lnTo>
                  <a:pt x="2642234" y="3359067"/>
                </a:lnTo>
                <a:close/>
                <a:moveTo>
                  <a:pt x="2510733" y="3358401"/>
                </a:moveTo>
                <a:lnTo>
                  <a:pt x="2510733" y="3367511"/>
                </a:lnTo>
                <a:lnTo>
                  <a:pt x="2519843" y="3367511"/>
                </a:lnTo>
                <a:lnTo>
                  <a:pt x="2519843" y="3358401"/>
                </a:lnTo>
                <a:close/>
                <a:moveTo>
                  <a:pt x="2386787" y="3357549"/>
                </a:moveTo>
                <a:lnTo>
                  <a:pt x="2386787" y="3368399"/>
                </a:lnTo>
                <a:lnTo>
                  <a:pt x="2397637" y="3368399"/>
                </a:lnTo>
                <a:lnTo>
                  <a:pt x="2397637" y="3357549"/>
                </a:lnTo>
                <a:close/>
                <a:moveTo>
                  <a:pt x="2262655" y="3356438"/>
                </a:moveTo>
                <a:lnTo>
                  <a:pt x="2262655" y="3369473"/>
                </a:lnTo>
                <a:lnTo>
                  <a:pt x="2275690" y="3369473"/>
                </a:lnTo>
                <a:lnTo>
                  <a:pt x="2275690" y="3356438"/>
                </a:lnTo>
                <a:close/>
                <a:moveTo>
                  <a:pt x="2138709" y="3355586"/>
                </a:moveTo>
                <a:lnTo>
                  <a:pt x="2138709" y="3370362"/>
                </a:lnTo>
                <a:lnTo>
                  <a:pt x="2153485" y="3370362"/>
                </a:lnTo>
                <a:lnTo>
                  <a:pt x="2153485" y="3355586"/>
                </a:lnTo>
                <a:close/>
                <a:moveTo>
                  <a:pt x="2014578" y="3354512"/>
                </a:moveTo>
                <a:lnTo>
                  <a:pt x="2014578" y="3371436"/>
                </a:lnTo>
                <a:lnTo>
                  <a:pt x="2031502" y="3371436"/>
                </a:lnTo>
                <a:lnTo>
                  <a:pt x="2031502" y="3354512"/>
                </a:lnTo>
                <a:close/>
                <a:moveTo>
                  <a:pt x="1890410" y="3353401"/>
                </a:moveTo>
                <a:lnTo>
                  <a:pt x="1890410" y="3372509"/>
                </a:lnTo>
                <a:lnTo>
                  <a:pt x="1909519" y="3372509"/>
                </a:lnTo>
                <a:lnTo>
                  <a:pt x="1909519" y="3353401"/>
                </a:lnTo>
                <a:close/>
                <a:moveTo>
                  <a:pt x="1766056" y="3352105"/>
                </a:moveTo>
                <a:lnTo>
                  <a:pt x="1766056" y="3373806"/>
                </a:lnTo>
                <a:lnTo>
                  <a:pt x="1787757" y="3373806"/>
                </a:lnTo>
                <a:lnTo>
                  <a:pt x="1787757" y="3352105"/>
                </a:lnTo>
                <a:close/>
                <a:moveTo>
                  <a:pt x="1641925" y="3351031"/>
                </a:moveTo>
                <a:lnTo>
                  <a:pt x="1641925" y="3374917"/>
                </a:lnTo>
                <a:lnTo>
                  <a:pt x="1665811" y="3374917"/>
                </a:lnTo>
                <a:lnTo>
                  <a:pt x="1665811" y="3351031"/>
                </a:lnTo>
                <a:close/>
                <a:moveTo>
                  <a:pt x="1517757" y="3349920"/>
                </a:moveTo>
                <a:lnTo>
                  <a:pt x="1517757" y="3375990"/>
                </a:lnTo>
                <a:lnTo>
                  <a:pt x="1543828" y="3375990"/>
                </a:lnTo>
                <a:lnTo>
                  <a:pt x="1543828" y="3349920"/>
                </a:lnTo>
                <a:close/>
                <a:moveTo>
                  <a:pt x="1393403" y="3348624"/>
                </a:moveTo>
                <a:lnTo>
                  <a:pt x="1393403" y="3377287"/>
                </a:lnTo>
                <a:lnTo>
                  <a:pt x="1422066" y="3377287"/>
                </a:lnTo>
                <a:lnTo>
                  <a:pt x="1422066" y="3348624"/>
                </a:lnTo>
                <a:close/>
                <a:moveTo>
                  <a:pt x="1269457" y="3347772"/>
                </a:moveTo>
                <a:lnTo>
                  <a:pt x="1269457" y="3378175"/>
                </a:lnTo>
                <a:lnTo>
                  <a:pt x="1299860" y="3378175"/>
                </a:lnTo>
                <a:lnTo>
                  <a:pt x="1299860" y="3347772"/>
                </a:lnTo>
                <a:close/>
                <a:moveTo>
                  <a:pt x="1145326" y="3346662"/>
                </a:moveTo>
                <a:lnTo>
                  <a:pt x="1145326" y="3379250"/>
                </a:lnTo>
                <a:lnTo>
                  <a:pt x="1177914" y="3379250"/>
                </a:lnTo>
                <a:lnTo>
                  <a:pt x="1177914" y="3346662"/>
                </a:lnTo>
                <a:close/>
                <a:moveTo>
                  <a:pt x="1021417" y="3345810"/>
                </a:moveTo>
                <a:lnTo>
                  <a:pt x="1021417" y="3380139"/>
                </a:lnTo>
                <a:lnTo>
                  <a:pt x="1055746" y="3380139"/>
                </a:lnTo>
                <a:lnTo>
                  <a:pt x="1055746" y="3345810"/>
                </a:lnTo>
                <a:close/>
                <a:moveTo>
                  <a:pt x="897249" y="3344736"/>
                </a:moveTo>
                <a:lnTo>
                  <a:pt x="897249" y="3381212"/>
                </a:lnTo>
                <a:lnTo>
                  <a:pt x="933726" y="3381212"/>
                </a:lnTo>
                <a:lnTo>
                  <a:pt x="933726" y="3344736"/>
                </a:lnTo>
                <a:close/>
                <a:moveTo>
                  <a:pt x="773340" y="3343847"/>
                </a:moveTo>
                <a:lnTo>
                  <a:pt x="773340" y="3382064"/>
                </a:lnTo>
                <a:lnTo>
                  <a:pt x="811557" y="3382064"/>
                </a:lnTo>
                <a:lnTo>
                  <a:pt x="811557" y="3343847"/>
                </a:lnTo>
                <a:close/>
                <a:moveTo>
                  <a:pt x="649616" y="3343218"/>
                </a:moveTo>
                <a:lnTo>
                  <a:pt x="649616" y="3382731"/>
                </a:lnTo>
                <a:lnTo>
                  <a:pt x="689129" y="3382731"/>
                </a:lnTo>
                <a:lnTo>
                  <a:pt x="689129" y="3343218"/>
                </a:lnTo>
                <a:close/>
                <a:moveTo>
                  <a:pt x="525892" y="3342551"/>
                </a:moveTo>
                <a:lnTo>
                  <a:pt x="525892" y="3383360"/>
                </a:lnTo>
                <a:lnTo>
                  <a:pt x="566701" y="3383360"/>
                </a:lnTo>
                <a:lnTo>
                  <a:pt x="566701" y="3342551"/>
                </a:lnTo>
                <a:close/>
                <a:moveTo>
                  <a:pt x="402390" y="3342107"/>
                </a:moveTo>
                <a:lnTo>
                  <a:pt x="402390" y="3383805"/>
                </a:lnTo>
                <a:lnTo>
                  <a:pt x="444088" y="3383805"/>
                </a:lnTo>
                <a:lnTo>
                  <a:pt x="444088" y="3342107"/>
                </a:lnTo>
                <a:close/>
                <a:moveTo>
                  <a:pt x="32996" y="3341884"/>
                </a:moveTo>
                <a:lnTo>
                  <a:pt x="32996" y="3384027"/>
                </a:lnTo>
                <a:lnTo>
                  <a:pt x="75138" y="3384027"/>
                </a:lnTo>
                <a:lnTo>
                  <a:pt x="75138" y="3341884"/>
                </a:lnTo>
                <a:close/>
                <a:moveTo>
                  <a:pt x="278925" y="3341699"/>
                </a:moveTo>
                <a:lnTo>
                  <a:pt x="278925" y="3384249"/>
                </a:lnTo>
                <a:lnTo>
                  <a:pt x="321475" y="3384249"/>
                </a:lnTo>
                <a:lnTo>
                  <a:pt x="321475" y="3341699"/>
                </a:lnTo>
                <a:close/>
                <a:moveTo>
                  <a:pt x="155646" y="3341477"/>
                </a:moveTo>
                <a:lnTo>
                  <a:pt x="155646" y="3384471"/>
                </a:lnTo>
                <a:lnTo>
                  <a:pt x="198640" y="3384471"/>
                </a:lnTo>
                <a:lnTo>
                  <a:pt x="198640" y="3341477"/>
                </a:lnTo>
                <a:close/>
                <a:moveTo>
                  <a:pt x="4484020" y="3239676"/>
                </a:moveTo>
                <a:lnTo>
                  <a:pt x="4484020" y="3240120"/>
                </a:lnTo>
                <a:lnTo>
                  <a:pt x="4484464" y="3240120"/>
                </a:lnTo>
                <a:lnTo>
                  <a:pt x="4484464" y="3239676"/>
                </a:lnTo>
                <a:close/>
                <a:moveTo>
                  <a:pt x="4360962" y="3239676"/>
                </a:moveTo>
                <a:lnTo>
                  <a:pt x="4360962" y="3240120"/>
                </a:lnTo>
                <a:lnTo>
                  <a:pt x="4361406" y="3240120"/>
                </a:lnTo>
                <a:lnTo>
                  <a:pt x="4361406" y="3239676"/>
                </a:lnTo>
                <a:close/>
                <a:moveTo>
                  <a:pt x="4237905" y="3239676"/>
                </a:moveTo>
                <a:lnTo>
                  <a:pt x="4237905" y="3240120"/>
                </a:lnTo>
                <a:lnTo>
                  <a:pt x="4238349" y="3240120"/>
                </a:lnTo>
                <a:lnTo>
                  <a:pt x="4238349" y="3239676"/>
                </a:lnTo>
                <a:close/>
                <a:moveTo>
                  <a:pt x="4114848" y="3239676"/>
                </a:moveTo>
                <a:lnTo>
                  <a:pt x="4114848" y="3240120"/>
                </a:lnTo>
                <a:lnTo>
                  <a:pt x="4115292" y="3240120"/>
                </a:lnTo>
                <a:lnTo>
                  <a:pt x="4115292" y="3239676"/>
                </a:lnTo>
                <a:close/>
                <a:moveTo>
                  <a:pt x="3991790" y="3239676"/>
                </a:moveTo>
                <a:lnTo>
                  <a:pt x="3991790" y="3240120"/>
                </a:lnTo>
                <a:lnTo>
                  <a:pt x="3992235" y="3240120"/>
                </a:lnTo>
                <a:lnTo>
                  <a:pt x="3992235" y="3239676"/>
                </a:lnTo>
                <a:close/>
                <a:moveTo>
                  <a:pt x="3868733" y="3239676"/>
                </a:moveTo>
                <a:lnTo>
                  <a:pt x="3868733" y="3240120"/>
                </a:lnTo>
                <a:lnTo>
                  <a:pt x="3869177" y="3240120"/>
                </a:lnTo>
                <a:lnTo>
                  <a:pt x="3869177" y="3239676"/>
                </a:lnTo>
                <a:close/>
                <a:moveTo>
                  <a:pt x="3745454" y="3239454"/>
                </a:moveTo>
                <a:lnTo>
                  <a:pt x="3745454" y="3240306"/>
                </a:lnTo>
                <a:lnTo>
                  <a:pt x="3746306" y="3240306"/>
                </a:lnTo>
                <a:lnTo>
                  <a:pt x="3746306" y="3239454"/>
                </a:lnTo>
                <a:close/>
                <a:moveTo>
                  <a:pt x="3622396" y="3239454"/>
                </a:moveTo>
                <a:lnTo>
                  <a:pt x="3622396" y="3240306"/>
                </a:lnTo>
                <a:lnTo>
                  <a:pt x="3623248" y="3240306"/>
                </a:lnTo>
                <a:lnTo>
                  <a:pt x="3623248" y="3239454"/>
                </a:lnTo>
                <a:close/>
                <a:moveTo>
                  <a:pt x="3499117" y="3239269"/>
                </a:moveTo>
                <a:lnTo>
                  <a:pt x="3499117" y="3240565"/>
                </a:lnTo>
                <a:lnTo>
                  <a:pt x="3500413" y="3240565"/>
                </a:lnTo>
                <a:lnTo>
                  <a:pt x="3500413" y="3239269"/>
                </a:lnTo>
                <a:close/>
                <a:moveTo>
                  <a:pt x="3375837" y="3239047"/>
                </a:moveTo>
                <a:lnTo>
                  <a:pt x="3375837" y="3240787"/>
                </a:lnTo>
                <a:lnTo>
                  <a:pt x="3377577" y="3240787"/>
                </a:lnTo>
                <a:lnTo>
                  <a:pt x="3377577" y="3239047"/>
                </a:lnTo>
                <a:close/>
                <a:moveTo>
                  <a:pt x="3252558" y="3238824"/>
                </a:moveTo>
                <a:lnTo>
                  <a:pt x="3252558" y="3241009"/>
                </a:lnTo>
                <a:lnTo>
                  <a:pt x="3254743" y="3241009"/>
                </a:lnTo>
                <a:lnTo>
                  <a:pt x="3254743" y="3238824"/>
                </a:lnTo>
                <a:close/>
                <a:moveTo>
                  <a:pt x="3129056" y="3238380"/>
                </a:moveTo>
                <a:lnTo>
                  <a:pt x="3129056" y="3241417"/>
                </a:lnTo>
                <a:lnTo>
                  <a:pt x="3132093" y="3241417"/>
                </a:lnTo>
                <a:lnTo>
                  <a:pt x="3132093" y="3238380"/>
                </a:lnTo>
                <a:close/>
                <a:moveTo>
                  <a:pt x="3005554" y="3237936"/>
                </a:moveTo>
                <a:lnTo>
                  <a:pt x="3005554" y="3241861"/>
                </a:lnTo>
                <a:lnTo>
                  <a:pt x="3009479" y="3241861"/>
                </a:lnTo>
                <a:lnTo>
                  <a:pt x="3009479" y="3237936"/>
                </a:lnTo>
                <a:close/>
                <a:moveTo>
                  <a:pt x="2882053" y="3237528"/>
                </a:moveTo>
                <a:lnTo>
                  <a:pt x="2882053" y="3242305"/>
                </a:lnTo>
                <a:lnTo>
                  <a:pt x="2886830" y="3242305"/>
                </a:lnTo>
                <a:lnTo>
                  <a:pt x="2886830" y="3237528"/>
                </a:lnTo>
                <a:close/>
                <a:moveTo>
                  <a:pt x="2758366" y="3236862"/>
                </a:moveTo>
                <a:lnTo>
                  <a:pt x="2758366" y="3242935"/>
                </a:lnTo>
                <a:lnTo>
                  <a:pt x="2764439" y="3242935"/>
                </a:lnTo>
                <a:lnTo>
                  <a:pt x="2764439" y="3236862"/>
                </a:lnTo>
                <a:close/>
                <a:moveTo>
                  <a:pt x="2634642" y="3236195"/>
                </a:moveTo>
                <a:lnTo>
                  <a:pt x="2634642" y="3243564"/>
                </a:lnTo>
                <a:lnTo>
                  <a:pt x="2642011" y="3243564"/>
                </a:lnTo>
                <a:lnTo>
                  <a:pt x="2642011" y="3236195"/>
                </a:lnTo>
                <a:close/>
                <a:moveTo>
                  <a:pt x="2510918" y="3235566"/>
                </a:moveTo>
                <a:lnTo>
                  <a:pt x="2510918" y="3244268"/>
                </a:lnTo>
                <a:lnTo>
                  <a:pt x="2519620" y="3244268"/>
                </a:lnTo>
                <a:lnTo>
                  <a:pt x="2519620" y="3235566"/>
                </a:lnTo>
                <a:close/>
                <a:moveTo>
                  <a:pt x="2387231" y="3234899"/>
                </a:moveTo>
                <a:lnTo>
                  <a:pt x="2387231" y="3244898"/>
                </a:lnTo>
                <a:lnTo>
                  <a:pt x="2397230" y="3244898"/>
                </a:lnTo>
                <a:lnTo>
                  <a:pt x="2397230" y="3234899"/>
                </a:lnTo>
                <a:close/>
                <a:moveTo>
                  <a:pt x="2263285" y="3234047"/>
                </a:moveTo>
                <a:lnTo>
                  <a:pt x="2263285" y="3245786"/>
                </a:lnTo>
                <a:lnTo>
                  <a:pt x="2275024" y="3245786"/>
                </a:lnTo>
                <a:lnTo>
                  <a:pt x="2275024" y="3234047"/>
                </a:lnTo>
                <a:close/>
                <a:moveTo>
                  <a:pt x="2139376" y="3233158"/>
                </a:moveTo>
                <a:lnTo>
                  <a:pt x="2139376" y="3246638"/>
                </a:lnTo>
                <a:lnTo>
                  <a:pt x="2152856" y="3246638"/>
                </a:lnTo>
                <a:lnTo>
                  <a:pt x="2152856" y="3233158"/>
                </a:lnTo>
                <a:close/>
                <a:moveTo>
                  <a:pt x="2015430" y="3232307"/>
                </a:moveTo>
                <a:lnTo>
                  <a:pt x="2015430" y="3247490"/>
                </a:lnTo>
                <a:lnTo>
                  <a:pt x="2030613" y="3247490"/>
                </a:lnTo>
                <a:lnTo>
                  <a:pt x="2030613" y="3232307"/>
                </a:lnTo>
                <a:close/>
                <a:moveTo>
                  <a:pt x="1891299" y="3231233"/>
                </a:moveTo>
                <a:lnTo>
                  <a:pt x="1891299" y="3248601"/>
                </a:lnTo>
                <a:lnTo>
                  <a:pt x="1908667" y="3248601"/>
                </a:lnTo>
                <a:lnTo>
                  <a:pt x="1908667" y="3231233"/>
                </a:lnTo>
                <a:close/>
                <a:moveTo>
                  <a:pt x="1767130" y="3230122"/>
                </a:moveTo>
                <a:lnTo>
                  <a:pt x="1767130" y="3249675"/>
                </a:lnTo>
                <a:lnTo>
                  <a:pt x="1786683" y="3249675"/>
                </a:lnTo>
                <a:lnTo>
                  <a:pt x="1786683" y="3230122"/>
                </a:lnTo>
                <a:close/>
                <a:moveTo>
                  <a:pt x="1643221" y="3229270"/>
                </a:moveTo>
                <a:lnTo>
                  <a:pt x="1643221" y="3250563"/>
                </a:lnTo>
                <a:lnTo>
                  <a:pt x="1664514" y="3250563"/>
                </a:lnTo>
                <a:lnTo>
                  <a:pt x="1664514" y="3229270"/>
                </a:lnTo>
                <a:close/>
                <a:moveTo>
                  <a:pt x="1519053" y="3228196"/>
                </a:moveTo>
                <a:lnTo>
                  <a:pt x="1519053" y="3251637"/>
                </a:lnTo>
                <a:lnTo>
                  <a:pt x="1542494" y="3251637"/>
                </a:lnTo>
                <a:lnTo>
                  <a:pt x="1542494" y="3228196"/>
                </a:lnTo>
                <a:close/>
                <a:moveTo>
                  <a:pt x="1395144" y="3227307"/>
                </a:moveTo>
                <a:lnTo>
                  <a:pt x="1395144" y="3252489"/>
                </a:lnTo>
                <a:lnTo>
                  <a:pt x="1420326" y="3252489"/>
                </a:lnTo>
                <a:lnTo>
                  <a:pt x="1420326" y="3227307"/>
                </a:lnTo>
                <a:close/>
                <a:moveTo>
                  <a:pt x="1271013" y="3226233"/>
                </a:moveTo>
                <a:lnTo>
                  <a:pt x="1271013" y="3253600"/>
                </a:lnTo>
                <a:lnTo>
                  <a:pt x="1298380" y="3253600"/>
                </a:lnTo>
                <a:lnTo>
                  <a:pt x="1298380" y="3226233"/>
                </a:lnTo>
                <a:close/>
                <a:moveTo>
                  <a:pt x="1147067" y="3225345"/>
                </a:moveTo>
                <a:lnTo>
                  <a:pt x="1147067" y="3254452"/>
                </a:lnTo>
                <a:lnTo>
                  <a:pt x="1176174" y="3254452"/>
                </a:lnTo>
                <a:lnTo>
                  <a:pt x="1176174" y="3225345"/>
                </a:lnTo>
                <a:close/>
                <a:moveTo>
                  <a:pt x="1023120" y="3224493"/>
                </a:moveTo>
                <a:lnTo>
                  <a:pt x="1023120" y="3255341"/>
                </a:lnTo>
                <a:lnTo>
                  <a:pt x="1053968" y="3255341"/>
                </a:lnTo>
                <a:lnTo>
                  <a:pt x="1053968" y="3224493"/>
                </a:lnTo>
                <a:close/>
                <a:moveTo>
                  <a:pt x="899211" y="3223604"/>
                </a:moveTo>
                <a:lnTo>
                  <a:pt x="899211" y="3256192"/>
                </a:lnTo>
                <a:lnTo>
                  <a:pt x="931799" y="3256192"/>
                </a:lnTo>
                <a:lnTo>
                  <a:pt x="931799" y="3223604"/>
                </a:lnTo>
                <a:close/>
                <a:moveTo>
                  <a:pt x="775488" y="3222975"/>
                </a:moveTo>
                <a:lnTo>
                  <a:pt x="775488" y="3256859"/>
                </a:lnTo>
                <a:lnTo>
                  <a:pt x="809372" y="3256859"/>
                </a:lnTo>
                <a:lnTo>
                  <a:pt x="809372" y="3222975"/>
                </a:lnTo>
                <a:close/>
                <a:moveTo>
                  <a:pt x="651801" y="3222308"/>
                </a:moveTo>
                <a:lnTo>
                  <a:pt x="651801" y="3257488"/>
                </a:lnTo>
                <a:lnTo>
                  <a:pt x="686981" y="3257488"/>
                </a:lnTo>
                <a:lnTo>
                  <a:pt x="686981" y="3222308"/>
                </a:lnTo>
                <a:close/>
                <a:moveTo>
                  <a:pt x="528299" y="3221864"/>
                </a:moveTo>
                <a:lnTo>
                  <a:pt x="528299" y="3257896"/>
                </a:lnTo>
                <a:lnTo>
                  <a:pt x="564331" y="3257896"/>
                </a:lnTo>
                <a:lnTo>
                  <a:pt x="564331" y="3221864"/>
                </a:lnTo>
                <a:close/>
                <a:moveTo>
                  <a:pt x="404797" y="3221456"/>
                </a:moveTo>
                <a:lnTo>
                  <a:pt x="404797" y="3258377"/>
                </a:lnTo>
                <a:lnTo>
                  <a:pt x="441718" y="3258377"/>
                </a:lnTo>
                <a:lnTo>
                  <a:pt x="441718" y="3221456"/>
                </a:lnTo>
                <a:close/>
                <a:moveTo>
                  <a:pt x="35403" y="3221234"/>
                </a:moveTo>
                <a:lnTo>
                  <a:pt x="35403" y="3258599"/>
                </a:lnTo>
                <a:lnTo>
                  <a:pt x="72768" y="3258599"/>
                </a:lnTo>
                <a:lnTo>
                  <a:pt x="72768" y="3221234"/>
                </a:lnTo>
                <a:close/>
                <a:moveTo>
                  <a:pt x="281296" y="3221012"/>
                </a:moveTo>
                <a:lnTo>
                  <a:pt x="281296" y="3258785"/>
                </a:lnTo>
                <a:lnTo>
                  <a:pt x="319069" y="3258785"/>
                </a:lnTo>
                <a:lnTo>
                  <a:pt x="319069" y="3221012"/>
                </a:lnTo>
                <a:close/>
                <a:moveTo>
                  <a:pt x="158016" y="3220790"/>
                </a:moveTo>
                <a:lnTo>
                  <a:pt x="158016" y="3259007"/>
                </a:lnTo>
                <a:lnTo>
                  <a:pt x="196233" y="3259007"/>
                </a:lnTo>
                <a:lnTo>
                  <a:pt x="196233" y="3220790"/>
                </a:lnTo>
                <a:close/>
                <a:moveTo>
                  <a:pt x="4484020" y="3116619"/>
                </a:moveTo>
                <a:lnTo>
                  <a:pt x="4484020" y="3117063"/>
                </a:lnTo>
                <a:lnTo>
                  <a:pt x="4484464" y="3117063"/>
                </a:lnTo>
                <a:lnTo>
                  <a:pt x="4484464" y="3116619"/>
                </a:lnTo>
                <a:close/>
                <a:moveTo>
                  <a:pt x="4360962" y="3116619"/>
                </a:moveTo>
                <a:lnTo>
                  <a:pt x="4360962" y="3117063"/>
                </a:lnTo>
                <a:lnTo>
                  <a:pt x="4361406" y="3117063"/>
                </a:lnTo>
                <a:lnTo>
                  <a:pt x="4361406" y="3116619"/>
                </a:lnTo>
                <a:close/>
                <a:moveTo>
                  <a:pt x="4237905" y="3116619"/>
                </a:moveTo>
                <a:lnTo>
                  <a:pt x="4237905" y="3117063"/>
                </a:lnTo>
                <a:lnTo>
                  <a:pt x="4238349" y="3117063"/>
                </a:lnTo>
                <a:lnTo>
                  <a:pt x="4238349" y="3116619"/>
                </a:lnTo>
                <a:close/>
                <a:moveTo>
                  <a:pt x="4114848" y="3116619"/>
                </a:moveTo>
                <a:lnTo>
                  <a:pt x="4114848" y="3117063"/>
                </a:lnTo>
                <a:lnTo>
                  <a:pt x="4115292" y="3117063"/>
                </a:lnTo>
                <a:lnTo>
                  <a:pt x="4115292" y="3116619"/>
                </a:lnTo>
                <a:close/>
                <a:moveTo>
                  <a:pt x="3991790" y="3116619"/>
                </a:moveTo>
                <a:lnTo>
                  <a:pt x="3991790" y="3117063"/>
                </a:lnTo>
                <a:lnTo>
                  <a:pt x="3992235" y="3117063"/>
                </a:lnTo>
                <a:lnTo>
                  <a:pt x="3992235" y="3116619"/>
                </a:lnTo>
                <a:close/>
                <a:moveTo>
                  <a:pt x="3868733" y="3116619"/>
                </a:moveTo>
                <a:lnTo>
                  <a:pt x="3868733" y="3117063"/>
                </a:lnTo>
                <a:lnTo>
                  <a:pt x="3869177" y="3117063"/>
                </a:lnTo>
                <a:lnTo>
                  <a:pt x="3869177" y="3116619"/>
                </a:lnTo>
                <a:close/>
                <a:moveTo>
                  <a:pt x="3745454" y="3116397"/>
                </a:moveTo>
                <a:lnTo>
                  <a:pt x="3745454" y="3117249"/>
                </a:lnTo>
                <a:lnTo>
                  <a:pt x="3746306" y="3117249"/>
                </a:lnTo>
                <a:lnTo>
                  <a:pt x="3746306" y="3116397"/>
                </a:lnTo>
                <a:close/>
                <a:moveTo>
                  <a:pt x="3622396" y="3116397"/>
                </a:moveTo>
                <a:lnTo>
                  <a:pt x="3622396" y="3117249"/>
                </a:lnTo>
                <a:lnTo>
                  <a:pt x="3623248" y="3117249"/>
                </a:lnTo>
                <a:lnTo>
                  <a:pt x="3623248" y="3116397"/>
                </a:lnTo>
                <a:close/>
                <a:moveTo>
                  <a:pt x="3499117" y="3116211"/>
                </a:moveTo>
                <a:lnTo>
                  <a:pt x="3499117" y="3117507"/>
                </a:lnTo>
                <a:lnTo>
                  <a:pt x="3500413" y="3117507"/>
                </a:lnTo>
                <a:lnTo>
                  <a:pt x="3500413" y="3116211"/>
                </a:lnTo>
                <a:close/>
                <a:moveTo>
                  <a:pt x="3375837" y="3115989"/>
                </a:moveTo>
                <a:lnTo>
                  <a:pt x="3375837" y="3117729"/>
                </a:lnTo>
                <a:lnTo>
                  <a:pt x="3377577" y="3117729"/>
                </a:lnTo>
                <a:lnTo>
                  <a:pt x="3377577" y="3115989"/>
                </a:lnTo>
                <a:close/>
                <a:moveTo>
                  <a:pt x="3252558" y="3115767"/>
                </a:moveTo>
                <a:lnTo>
                  <a:pt x="3252558" y="3117952"/>
                </a:lnTo>
                <a:lnTo>
                  <a:pt x="3254743" y="3117952"/>
                </a:lnTo>
                <a:lnTo>
                  <a:pt x="3254743" y="3115767"/>
                </a:lnTo>
                <a:close/>
                <a:moveTo>
                  <a:pt x="3129056" y="3115323"/>
                </a:moveTo>
                <a:lnTo>
                  <a:pt x="3129056" y="3118360"/>
                </a:lnTo>
                <a:lnTo>
                  <a:pt x="3132093" y="3118360"/>
                </a:lnTo>
                <a:lnTo>
                  <a:pt x="3132093" y="3115323"/>
                </a:lnTo>
                <a:close/>
                <a:moveTo>
                  <a:pt x="3005777" y="3115100"/>
                </a:moveTo>
                <a:lnTo>
                  <a:pt x="3005777" y="3118581"/>
                </a:lnTo>
                <a:lnTo>
                  <a:pt x="3009258" y="3118581"/>
                </a:lnTo>
                <a:lnTo>
                  <a:pt x="3009258" y="3115100"/>
                </a:lnTo>
                <a:close/>
                <a:moveTo>
                  <a:pt x="2882275" y="3114656"/>
                </a:moveTo>
                <a:lnTo>
                  <a:pt x="2882275" y="3118989"/>
                </a:lnTo>
                <a:lnTo>
                  <a:pt x="2886608" y="3118989"/>
                </a:lnTo>
                <a:lnTo>
                  <a:pt x="2886608" y="3114656"/>
                </a:lnTo>
                <a:close/>
                <a:moveTo>
                  <a:pt x="2758588" y="3114027"/>
                </a:moveTo>
                <a:lnTo>
                  <a:pt x="2758588" y="3119656"/>
                </a:lnTo>
                <a:lnTo>
                  <a:pt x="2764217" y="3119656"/>
                </a:lnTo>
                <a:lnTo>
                  <a:pt x="2764217" y="3114027"/>
                </a:lnTo>
                <a:close/>
                <a:moveTo>
                  <a:pt x="2635086" y="3113582"/>
                </a:moveTo>
                <a:lnTo>
                  <a:pt x="2635086" y="3120100"/>
                </a:lnTo>
                <a:lnTo>
                  <a:pt x="2641604" y="3120100"/>
                </a:lnTo>
                <a:lnTo>
                  <a:pt x="2641604" y="3113582"/>
                </a:lnTo>
                <a:close/>
                <a:moveTo>
                  <a:pt x="2511362" y="3112953"/>
                </a:moveTo>
                <a:lnTo>
                  <a:pt x="2511362" y="3120767"/>
                </a:lnTo>
                <a:lnTo>
                  <a:pt x="2519176" y="3120767"/>
                </a:lnTo>
                <a:lnTo>
                  <a:pt x="2519176" y="3112953"/>
                </a:lnTo>
                <a:close/>
                <a:moveTo>
                  <a:pt x="2387675" y="3112286"/>
                </a:moveTo>
                <a:lnTo>
                  <a:pt x="2387675" y="3121396"/>
                </a:lnTo>
                <a:lnTo>
                  <a:pt x="2396785" y="3121396"/>
                </a:lnTo>
                <a:lnTo>
                  <a:pt x="2396785" y="3112286"/>
                </a:lnTo>
                <a:close/>
                <a:moveTo>
                  <a:pt x="2263729" y="3111397"/>
                </a:moveTo>
                <a:lnTo>
                  <a:pt x="2263729" y="3122247"/>
                </a:lnTo>
                <a:lnTo>
                  <a:pt x="2274579" y="3122247"/>
                </a:lnTo>
                <a:lnTo>
                  <a:pt x="2274579" y="3111397"/>
                </a:lnTo>
                <a:close/>
                <a:moveTo>
                  <a:pt x="2140005" y="3110768"/>
                </a:moveTo>
                <a:lnTo>
                  <a:pt x="2140005" y="3122915"/>
                </a:lnTo>
                <a:lnTo>
                  <a:pt x="2152152" y="3122915"/>
                </a:lnTo>
                <a:lnTo>
                  <a:pt x="2152152" y="3110768"/>
                </a:lnTo>
                <a:close/>
                <a:moveTo>
                  <a:pt x="2016096" y="3109879"/>
                </a:moveTo>
                <a:lnTo>
                  <a:pt x="2016096" y="3123766"/>
                </a:lnTo>
                <a:lnTo>
                  <a:pt x="2029983" y="3123766"/>
                </a:lnTo>
                <a:lnTo>
                  <a:pt x="2029983" y="3109879"/>
                </a:lnTo>
                <a:close/>
                <a:moveTo>
                  <a:pt x="1892150" y="3109027"/>
                </a:moveTo>
                <a:lnTo>
                  <a:pt x="1892150" y="3124654"/>
                </a:lnTo>
                <a:lnTo>
                  <a:pt x="1907777" y="3124654"/>
                </a:lnTo>
                <a:lnTo>
                  <a:pt x="1907777" y="3109027"/>
                </a:lnTo>
                <a:close/>
                <a:moveTo>
                  <a:pt x="1768241" y="3108175"/>
                </a:moveTo>
                <a:lnTo>
                  <a:pt x="1768241" y="3125543"/>
                </a:lnTo>
                <a:lnTo>
                  <a:pt x="1785609" y="3125543"/>
                </a:lnTo>
                <a:lnTo>
                  <a:pt x="1785609" y="3108175"/>
                </a:lnTo>
                <a:close/>
                <a:moveTo>
                  <a:pt x="1644295" y="3107287"/>
                </a:moveTo>
                <a:lnTo>
                  <a:pt x="1644295" y="3126395"/>
                </a:lnTo>
                <a:lnTo>
                  <a:pt x="1663403" y="3126395"/>
                </a:lnTo>
                <a:lnTo>
                  <a:pt x="1663403" y="3107287"/>
                </a:lnTo>
                <a:close/>
                <a:moveTo>
                  <a:pt x="1520386" y="3106435"/>
                </a:moveTo>
                <a:lnTo>
                  <a:pt x="1520386" y="3127284"/>
                </a:lnTo>
                <a:lnTo>
                  <a:pt x="1541235" y="3127284"/>
                </a:lnTo>
                <a:lnTo>
                  <a:pt x="1541235" y="3106435"/>
                </a:lnTo>
                <a:close/>
                <a:moveTo>
                  <a:pt x="1396440" y="3105546"/>
                </a:moveTo>
                <a:lnTo>
                  <a:pt x="1396440" y="3128135"/>
                </a:lnTo>
                <a:lnTo>
                  <a:pt x="1419030" y="3128135"/>
                </a:lnTo>
                <a:lnTo>
                  <a:pt x="1419030" y="3105546"/>
                </a:lnTo>
                <a:close/>
                <a:moveTo>
                  <a:pt x="1272531" y="3104694"/>
                </a:moveTo>
                <a:lnTo>
                  <a:pt x="1272531" y="3129024"/>
                </a:lnTo>
                <a:lnTo>
                  <a:pt x="1296861" y="3129024"/>
                </a:lnTo>
                <a:lnTo>
                  <a:pt x="1296861" y="3104694"/>
                </a:lnTo>
                <a:close/>
                <a:moveTo>
                  <a:pt x="1148807" y="3104028"/>
                </a:moveTo>
                <a:lnTo>
                  <a:pt x="1148807" y="3129654"/>
                </a:lnTo>
                <a:lnTo>
                  <a:pt x="1174433" y="3129654"/>
                </a:lnTo>
                <a:lnTo>
                  <a:pt x="1174433" y="3104028"/>
                </a:lnTo>
                <a:close/>
                <a:moveTo>
                  <a:pt x="1024861" y="3103176"/>
                </a:moveTo>
                <a:lnTo>
                  <a:pt x="1024861" y="3130543"/>
                </a:lnTo>
                <a:lnTo>
                  <a:pt x="1052228" y="3130543"/>
                </a:lnTo>
                <a:lnTo>
                  <a:pt x="1052228" y="3103176"/>
                </a:lnTo>
                <a:close/>
                <a:moveTo>
                  <a:pt x="901174" y="3102510"/>
                </a:moveTo>
                <a:lnTo>
                  <a:pt x="901174" y="3131173"/>
                </a:lnTo>
                <a:lnTo>
                  <a:pt x="929837" y="3131173"/>
                </a:lnTo>
                <a:lnTo>
                  <a:pt x="929837" y="3102510"/>
                </a:lnTo>
                <a:close/>
                <a:moveTo>
                  <a:pt x="777450" y="3101843"/>
                </a:moveTo>
                <a:lnTo>
                  <a:pt x="777450" y="3131802"/>
                </a:lnTo>
                <a:lnTo>
                  <a:pt x="807409" y="3131802"/>
                </a:lnTo>
                <a:lnTo>
                  <a:pt x="807409" y="3101843"/>
                </a:lnTo>
                <a:close/>
                <a:moveTo>
                  <a:pt x="653949" y="3101436"/>
                </a:moveTo>
                <a:lnTo>
                  <a:pt x="653949" y="3132284"/>
                </a:lnTo>
                <a:lnTo>
                  <a:pt x="684797" y="3132284"/>
                </a:lnTo>
                <a:lnTo>
                  <a:pt x="684797" y="3101436"/>
                </a:lnTo>
                <a:close/>
                <a:moveTo>
                  <a:pt x="530447" y="3100991"/>
                </a:moveTo>
                <a:lnTo>
                  <a:pt x="530447" y="3132690"/>
                </a:lnTo>
                <a:lnTo>
                  <a:pt x="562146" y="3132690"/>
                </a:lnTo>
                <a:lnTo>
                  <a:pt x="562146" y="3100991"/>
                </a:lnTo>
                <a:close/>
                <a:moveTo>
                  <a:pt x="406982" y="3100547"/>
                </a:moveTo>
                <a:lnTo>
                  <a:pt x="406982" y="3133135"/>
                </a:lnTo>
                <a:lnTo>
                  <a:pt x="439570" y="3133135"/>
                </a:lnTo>
                <a:lnTo>
                  <a:pt x="439570" y="3100547"/>
                </a:lnTo>
                <a:close/>
                <a:moveTo>
                  <a:pt x="283703" y="3100325"/>
                </a:moveTo>
                <a:lnTo>
                  <a:pt x="283703" y="3133320"/>
                </a:lnTo>
                <a:lnTo>
                  <a:pt x="316699" y="3133320"/>
                </a:lnTo>
                <a:lnTo>
                  <a:pt x="316699" y="3100325"/>
                </a:lnTo>
                <a:close/>
                <a:moveTo>
                  <a:pt x="37588" y="3100325"/>
                </a:moveTo>
                <a:lnTo>
                  <a:pt x="37588" y="3133320"/>
                </a:lnTo>
                <a:lnTo>
                  <a:pt x="70584" y="3133320"/>
                </a:lnTo>
                <a:lnTo>
                  <a:pt x="70584" y="3100325"/>
                </a:lnTo>
                <a:close/>
                <a:moveTo>
                  <a:pt x="160423" y="3100140"/>
                </a:moveTo>
                <a:lnTo>
                  <a:pt x="160423" y="3133580"/>
                </a:lnTo>
                <a:lnTo>
                  <a:pt x="193863" y="3133580"/>
                </a:lnTo>
                <a:lnTo>
                  <a:pt x="193863" y="3100140"/>
                </a:lnTo>
                <a:close/>
                <a:moveTo>
                  <a:pt x="4484020" y="2993561"/>
                </a:moveTo>
                <a:lnTo>
                  <a:pt x="4484020" y="2994005"/>
                </a:lnTo>
                <a:lnTo>
                  <a:pt x="4484464" y="2994005"/>
                </a:lnTo>
                <a:lnTo>
                  <a:pt x="4484464" y="2993561"/>
                </a:lnTo>
                <a:close/>
                <a:moveTo>
                  <a:pt x="4360962" y="2993561"/>
                </a:moveTo>
                <a:lnTo>
                  <a:pt x="4360962" y="2994005"/>
                </a:lnTo>
                <a:lnTo>
                  <a:pt x="4361406" y="2994005"/>
                </a:lnTo>
                <a:lnTo>
                  <a:pt x="4361406" y="2993561"/>
                </a:lnTo>
                <a:close/>
                <a:moveTo>
                  <a:pt x="4237905" y="2993561"/>
                </a:moveTo>
                <a:lnTo>
                  <a:pt x="4237905" y="2994005"/>
                </a:lnTo>
                <a:lnTo>
                  <a:pt x="4238349" y="2994005"/>
                </a:lnTo>
                <a:lnTo>
                  <a:pt x="4238349" y="2993561"/>
                </a:lnTo>
                <a:close/>
                <a:moveTo>
                  <a:pt x="4114848" y="2993561"/>
                </a:moveTo>
                <a:lnTo>
                  <a:pt x="4114848" y="2994005"/>
                </a:lnTo>
                <a:lnTo>
                  <a:pt x="4115292" y="2994005"/>
                </a:lnTo>
                <a:lnTo>
                  <a:pt x="4115292" y="2993561"/>
                </a:lnTo>
                <a:close/>
                <a:moveTo>
                  <a:pt x="3991790" y="2993561"/>
                </a:moveTo>
                <a:lnTo>
                  <a:pt x="3991790" y="2994005"/>
                </a:lnTo>
                <a:lnTo>
                  <a:pt x="3992235" y="2994005"/>
                </a:lnTo>
                <a:lnTo>
                  <a:pt x="3992235" y="2993561"/>
                </a:lnTo>
                <a:close/>
                <a:moveTo>
                  <a:pt x="3868733" y="2993561"/>
                </a:moveTo>
                <a:lnTo>
                  <a:pt x="3868733" y="2994005"/>
                </a:lnTo>
                <a:lnTo>
                  <a:pt x="3869177" y="2994005"/>
                </a:lnTo>
                <a:lnTo>
                  <a:pt x="3869177" y="2993561"/>
                </a:lnTo>
                <a:close/>
                <a:moveTo>
                  <a:pt x="3745454" y="2993339"/>
                </a:moveTo>
                <a:lnTo>
                  <a:pt x="3745454" y="2994191"/>
                </a:lnTo>
                <a:lnTo>
                  <a:pt x="3746306" y="2994191"/>
                </a:lnTo>
                <a:lnTo>
                  <a:pt x="3746306" y="2993339"/>
                </a:lnTo>
                <a:close/>
                <a:moveTo>
                  <a:pt x="3622396" y="2993339"/>
                </a:moveTo>
                <a:lnTo>
                  <a:pt x="3622396" y="2994191"/>
                </a:lnTo>
                <a:lnTo>
                  <a:pt x="3623248" y="2994191"/>
                </a:lnTo>
                <a:lnTo>
                  <a:pt x="3623248" y="2993339"/>
                </a:lnTo>
                <a:close/>
                <a:moveTo>
                  <a:pt x="3499117" y="2993117"/>
                </a:moveTo>
                <a:lnTo>
                  <a:pt x="3499117" y="2994413"/>
                </a:lnTo>
                <a:lnTo>
                  <a:pt x="3500413" y="2994413"/>
                </a:lnTo>
                <a:lnTo>
                  <a:pt x="3500413" y="2993117"/>
                </a:lnTo>
                <a:close/>
                <a:moveTo>
                  <a:pt x="3375837" y="2992932"/>
                </a:moveTo>
                <a:lnTo>
                  <a:pt x="3375837" y="2994673"/>
                </a:lnTo>
                <a:lnTo>
                  <a:pt x="3377577" y="2994673"/>
                </a:lnTo>
                <a:lnTo>
                  <a:pt x="3377577" y="2992932"/>
                </a:lnTo>
                <a:close/>
                <a:moveTo>
                  <a:pt x="3252558" y="2992710"/>
                </a:moveTo>
                <a:lnTo>
                  <a:pt x="3252558" y="2994895"/>
                </a:lnTo>
                <a:lnTo>
                  <a:pt x="3254743" y="2994895"/>
                </a:lnTo>
                <a:lnTo>
                  <a:pt x="3254743" y="2992710"/>
                </a:lnTo>
                <a:close/>
                <a:moveTo>
                  <a:pt x="3129278" y="2992488"/>
                </a:moveTo>
                <a:lnTo>
                  <a:pt x="3129278" y="2995080"/>
                </a:lnTo>
                <a:lnTo>
                  <a:pt x="3131870" y="2995080"/>
                </a:lnTo>
                <a:lnTo>
                  <a:pt x="3131870" y="2992488"/>
                </a:lnTo>
                <a:close/>
                <a:moveTo>
                  <a:pt x="3005777" y="2992043"/>
                </a:moveTo>
                <a:lnTo>
                  <a:pt x="3005777" y="2995524"/>
                </a:lnTo>
                <a:lnTo>
                  <a:pt x="3009258" y="2995524"/>
                </a:lnTo>
                <a:lnTo>
                  <a:pt x="3009258" y="2992043"/>
                </a:lnTo>
                <a:close/>
                <a:moveTo>
                  <a:pt x="2882497" y="2991821"/>
                </a:moveTo>
                <a:lnTo>
                  <a:pt x="2882497" y="2995746"/>
                </a:lnTo>
                <a:lnTo>
                  <a:pt x="2886422" y="2995746"/>
                </a:lnTo>
                <a:lnTo>
                  <a:pt x="2886422" y="2991821"/>
                </a:lnTo>
                <a:close/>
                <a:moveTo>
                  <a:pt x="2758995" y="2991414"/>
                </a:moveTo>
                <a:lnTo>
                  <a:pt x="2758995" y="2996191"/>
                </a:lnTo>
                <a:lnTo>
                  <a:pt x="2763772" y="2996191"/>
                </a:lnTo>
                <a:lnTo>
                  <a:pt x="2763772" y="2991414"/>
                </a:lnTo>
                <a:close/>
                <a:moveTo>
                  <a:pt x="2635308" y="2990747"/>
                </a:moveTo>
                <a:lnTo>
                  <a:pt x="2635308" y="2996820"/>
                </a:lnTo>
                <a:lnTo>
                  <a:pt x="2641381" y="2996820"/>
                </a:lnTo>
                <a:lnTo>
                  <a:pt x="2641381" y="2990747"/>
                </a:lnTo>
                <a:close/>
                <a:moveTo>
                  <a:pt x="2511807" y="2990303"/>
                </a:moveTo>
                <a:lnTo>
                  <a:pt x="2511807" y="2997265"/>
                </a:lnTo>
                <a:lnTo>
                  <a:pt x="2518769" y="2997265"/>
                </a:lnTo>
                <a:lnTo>
                  <a:pt x="2518769" y="2990303"/>
                </a:lnTo>
                <a:close/>
                <a:moveTo>
                  <a:pt x="2388083" y="2989673"/>
                </a:moveTo>
                <a:lnTo>
                  <a:pt x="2388083" y="2997931"/>
                </a:lnTo>
                <a:lnTo>
                  <a:pt x="2396341" y="2997931"/>
                </a:lnTo>
                <a:lnTo>
                  <a:pt x="2396341" y="2989673"/>
                </a:lnTo>
                <a:close/>
                <a:moveTo>
                  <a:pt x="2264396" y="2989007"/>
                </a:moveTo>
                <a:lnTo>
                  <a:pt x="2264396" y="2998561"/>
                </a:lnTo>
                <a:lnTo>
                  <a:pt x="2273950" y="2998561"/>
                </a:lnTo>
                <a:lnTo>
                  <a:pt x="2273950" y="2989007"/>
                </a:lnTo>
                <a:close/>
                <a:moveTo>
                  <a:pt x="2140672" y="2988340"/>
                </a:moveTo>
                <a:lnTo>
                  <a:pt x="2140672" y="2999190"/>
                </a:lnTo>
                <a:lnTo>
                  <a:pt x="2151522" y="2999190"/>
                </a:lnTo>
                <a:lnTo>
                  <a:pt x="2151522" y="2988340"/>
                </a:lnTo>
                <a:close/>
                <a:moveTo>
                  <a:pt x="2016948" y="2987710"/>
                </a:moveTo>
                <a:lnTo>
                  <a:pt x="2016948" y="2999857"/>
                </a:lnTo>
                <a:lnTo>
                  <a:pt x="2029095" y="2999857"/>
                </a:lnTo>
                <a:lnTo>
                  <a:pt x="2029095" y="2987710"/>
                </a:lnTo>
                <a:close/>
                <a:moveTo>
                  <a:pt x="1893039" y="2986822"/>
                </a:moveTo>
                <a:lnTo>
                  <a:pt x="1893039" y="3000709"/>
                </a:lnTo>
                <a:lnTo>
                  <a:pt x="1906926" y="3000709"/>
                </a:lnTo>
                <a:lnTo>
                  <a:pt x="1906926" y="2986822"/>
                </a:lnTo>
                <a:close/>
                <a:moveTo>
                  <a:pt x="1769093" y="2985970"/>
                </a:moveTo>
                <a:lnTo>
                  <a:pt x="1769093" y="3001598"/>
                </a:lnTo>
                <a:lnTo>
                  <a:pt x="1784721" y="3001598"/>
                </a:lnTo>
                <a:lnTo>
                  <a:pt x="1784721" y="2985970"/>
                </a:lnTo>
                <a:close/>
                <a:moveTo>
                  <a:pt x="1645369" y="2985303"/>
                </a:moveTo>
                <a:lnTo>
                  <a:pt x="1645369" y="3002227"/>
                </a:lnTo>
                <a:lnTo>
                  <a:pt x="1662293" y="3002227"/>
                </a:lnTo>
                <a:lnTo>
                  <a:pt x="1662293" y="2985303"/>
                </a:lnTo>
                <a:close/>
                <a:moveTo>
                  <a:pt x="1521682" y="2984674"/>
                </a:moveTo>
                <a:lnTo>
                  <a:pt x="1521682" y="3002931"/>
                </a:lnTo>
                <a:lnTo>
                  <a:pt x="1539939" y="3002931"/>
                </a:lnTo>
                <a:lnTo>
                  <a:pt x="1539939" y="2984674"/>
                </a:lnTo>
                <a:close/>
                <a:moveTo>
                  <a:pt x="1397736" y="2983785"/>
                </a:moveTo>
                <a:lnTo>
                  <a:pt x="1397736" y="3003782"/>
                </a:lnTo>
                <a:lnTo>
                  <a:pt x="1417733" y="3003782"/>
                </a:lnTo>
                <a:lnTo>
                  <a:pt x="1417733" y="2983785"/>
                </a:lnTo>
                <a:close/>
                <a:moveTo>
                  <a:pt x="1274049" y="2983155"/>
                </a:moveTo>
                <a:lnTo>
                  <a:pt x="1274049" y="3004448"/>
                </a:lnTo>
                <a:lnTo>
                  <a:pt x="1295342" y="3004448"/>
                </a:lnTo>
                <a:lnTo>
                  <a:pt x="1295342" y="2983155"/>
                </a:lnTo>
                <a:close/>
                <a:moveTo>
                  <a:pt x="1150325" y="2982489"/>
                </a:moveTo>
                <a:lnTo>
                  <a:pt x="1150325" y="3005079"/>
                </a:lnTo>
                <a:lnTo>
                  <a:pt x="1172915" y="3005079"/>
                </a:lnTo>
                <a:lnTo>
                  <a:pt x="1172915" y="2982489"/>
                </a:lnTo>
                <a:close/>
                <a:moveTo>
                  <a:pt x="1026601" y="2981822"/>
                </a:moveTo>
                <a:lnTo>
                  <a:pt x="1026601" y="3005708"/>
                </a:lnTo>
                <a:lnTo>
                  <a:pt x="1050487" y="3005708"/>
                </a:lnTo>
                <a:lnTo>
                  <a:pt x="1050487" y="2981822"/>
                </a:lnTo>
                <a:close/>
                <a:moveTo>
                  <a:pt x="903100" y="2981415"/>
                </a:moveTo>
                <a:lnTo>
                  <a:pt x="903100" y="3006189"/>
                </a:lnTo>
                <a:lnTo>
                  <a:pt x="927874" y="3006189"/>
                </a:lnTo>
                <a:lnTo>
                  <a:pt x="927874" y="2981415"/>
                </a:lnTo>
                <a:close/>
                <a:moveTo>
                  <a:pt x="779413" y="2980748"/>
                </a:moveTo>
                <a:lnTo>
                  <a:pt x="779413" y="3006819"/>
                </a:lnTo>
                <a:lnTo>
                  <a:pt x="805484" y="3006819"/>
                </a:lnTo>
                <a:lnTo>
                  <a:pt x="805484" y="2980748"/>
                </a:lnTo>
                <a:close/>
                <a:moveTo>
                  <a:pt x="655911" y="2980304"/>
                </a:moveTo>
                <a:lnTo>
                  <a:pt x="655911" y="3007226"/>
                </a:lnTo>
                <a:lnTo>
                  <a:pt x="682833" y="3007226"/>
                </a:lnTo>
                <a:lnTo>
                  <a:pt x="682833" y="2980304"/>
                </a:lnTo>
                <a:close/>
                <a:moveTo>
                  <a:pt x="532410" y="2979897"/>
                </a:moveTo>
                <a:lnTo>
                  <a:pt x="532410" y="3007708"/>
                </a:lnTo>
                <a:lnTo>
                  <a:pt x="560221" y="3007708"/>
                </a:lnTo>
                <a:lnTo>
                  <a:pt x="560221" y="2979897"/>
                </a:lnTo>
                <a:close/>
                <a:moveTo>
                  <a:pt x="409130" y="2979674"/>
                </a:moveTo>
                <a:lnTo>
                  <a:pt x="409130" y="3007892"/>
                </a:lnTo>
                <a:lnTo>
                  <a:pt x="437348" y="3007892"/>
                </a:lnTo>
                <a:lnTo>
                  <a:pt x="437348" y="2979674"/>
                </a:lnTo>
                <a:close/>
                <a:moveTo>
                  <a:pt x="285850" y="2979452"/>
                </a:moveTo>
                <a:lnTo>
                  <a:pt x="285850" y="3008115"/>
                </a:lnTo>
                <a:lnTo>
                  <a:pt x="314513" y="3008115"/>
                </a:lnTo>
                <a:lnTo>
                  <a:pt x="314513" y="2979452"/>
                </a:lnTo>
                <a:close/>
                <a:moveTo>
                  <a:pt x="39736" y="2979452"/>
                </a:moveTo>
                <a:lnTo>
                  <a:pt x="39736" y="3008115"/>
                </a:lnTo>
                <a:lnTo>
                  <a:pt x="68399" y="3008115"/>
                </a:lnTo>
                <a:lnTo>
                  <a:pt x="68399" y="2979452"/>
                </a:lnTo>
                <a:close/>
                <a:moveTo>
                  <a:pt x="162571" y="2979230"/>
                </a:moveTo>
                <a:lnTo>
                  <a:pt x="162571" y="3008337"/>
                </a:lnTo>
                <a:lnTo>
                  <a:pt x="191678" y="3008337"/>
                </a:lnTo>
                <a:lnTo>
                  <a:pt x="191678" y="2979230"/>
                </a:lnTo>
                <a:close/>
                <a:moveTo>
                  <a:pt x="4484020" y="2870504"/>
                </a:moveTo>
                <a:lnTo>
                  <a:pt x="4484020" y="2870948"/>
                </a:lnTo>
                <a:lnTo>
                  <a:pt x="4484464" y="2870948"/>
                </a:lnTo>
                <a:lnTo>
                  <a:pt x="4484464" y="2870504"/>
                </a:lnTo>
                <a:close/>
                <a:moveTo>
                  <a:pt x="4360962" y="2870504"/>
                </a:moveTo>
                <a:lnTo>
                  <a:pt x="4360962" y="2870948"/>
                </a:lnTo>
                <a:lnTo>
                  <a:pt x="4361406" y="2870948"/>
                </a:lnTo>
                <a:lnTo>
                  <a:pt x="4361406" y="2870504"/>
                </a:lnTo>
                <a:close/>
                <a:moveTo>
                  <a:pt x="4237905" y="2870504"/>
                </a:moveTo>
                <a:lnTo>
                  <a:pt x="4237905" y="2870948"/>
                </a:lnTo>
                <a:lnTo>
                  <a:pt x="4238349" y="2870948"/>
                </a:lnTo>
                <a:lnTo>
                  <a:pt x="4238349" y="2870504"/>
                </a:lnTo>
                <a:close/>
                <a:moveTo>
                  <a:pt x="4114848" y="2870504"/>
                </a:moveTo>
                <a:lnTo>
                  <a:pt x="4114848" y="2870948"/>
                </a:lnTo>
                <a:lnTo>
                  <a:pt x="4115292" y="2870948"/>
                </a:lnTo>
                <a:lnTo>
                  <a:pt x="4115292" y="2870504"/>
                </a:lnTo>
                <a:close/>
                <a:moveTo>
                  <a:pt x="3991790" y="2870504"/>
                </a:moveTo>
                <a:lnTo>
                  <a:pt x="3991790" y="2870948"/>
                </a:lnTo>
                <a:lnTo>
                  <a:pt x="3992235" y="2870948"/>
                </a:lnTo>
                <a:lnTo>
                  <a:pt x="3992235" y="2870504"/>
                </a:lnTo>
                <a:close/>
                <a:moveTo>
                  <a:pt x="3868733" y="2870504"/>
                </a:moveTo>
                <a:lnTo>
                  <a:pt x="3868733" y="2870948"/>
                </a:lnTo>
                <a:lnTo>
                  <a:pt x="3869177" y="2870948"/>
                </a:lnTo>
                <a:lnTo>
                  <a:pt x="3869177" y="2870504"/>
                </a:lnTo>
                <a:close/>
                <a:moveTo>
                  <a:pt x="3745454" y="2870282"/>
                </a:moveTo>
                <a:lnTo>
                  <a:pt x="3745454" y="2871134"/>
                </a:lnTo>
                <a:lnTo>
                  <a:pt x="3746306" y="2871134"/>
                </a:lnTo>
                <a:lnTo>
                  <a:pt x="3746306" y="2870282"/>
                </a:lnTo>
                <a:close/>
                <a:moveTo>
                  <a:pt x="3622396" y="2870282"/>
                </a:moveTo>
                <a:lnTo>
                  <a:pt x="3622396" y="2871134"/>
                </a:lnTo>
                <a:lnTo>
                  <a:pt x="3623248" y="2871134"/>
                </a:lnTo>
                <a:lnTo>
                  <a:pt x="3623248" y="2870282"/>
                </a:lnTo>
                <a:close/>
                <a:moveTo>
                  <a:pt x="3499117" y="2870060"/>
                </a:moveTo>
                <a:lnTo>
                  <a:pt x="3499117" y="2871356"/>
                </a:lnTo>
                <a:lnTo>
                  <a:pt x="3500413" y="2871356"/>
                </a:lnTo>
                <a:lnTo>
                  <a:pt x="3500413" y="2870060"/>
                </a:lnTo>
                <a:close/>
                <a:moveTo>
                  <a:pt x="3376059" y="2870060"/>
                </a:moveTo>
                <a:lnTo>
                  <a:pt x="3376059" y="2871356"/>
                </a:lnTo>
                <a:lnTo>
                  <a:pt x="3377355" y="2871356"/>
                </a:lnTo>
                <a:lnTo>
                  <a:pt x="3377355" y="2870060"/>
                </a:lnTo>
                <a:close/>
                <a:moveTo>
                  <a:pt x="3252780" y="2869838"/>
                </a:moveTo>
                <a:lnTo>
                  <a:pt x="3252780" y="2871578"/>
                </a:lnTo>
                <a:lnTo>
                  <a:pt x="3254520" y="2871578"/>
                </a:lnTo>
                <a:lnTo>
                  <a:pt x="3254520" y="2869838"/>
                </a:lnTo>
                <a:close/>
                <a:moveTo>
                  <a:pt x="3129278" y="2869430"/>
                </a:moveTo>
                <a:lnTo>
                  <a:pt x="3129278" y="2872022"/>
                </a:lnTo>
                <a:lnTo>
                  <a:pt x="3131870" y="2872022"/>
                </a:lnTo>
                <a:lnTo>
                  <a:pt x="3131870" y="2869430"/>
                </a:lnTo>
                <a:close/>
                <a:moveTo>
                  <a:pt x="3005999" y="2869208"/>
                </a:moveTo>
                <a:lnTo>
                  <a:pt x="3005999" y="2872245"/>
                </a:lnTo>
                <a:lnTo>
                  <a:pt x="3009036" y="2872245"/>
                </a:lnTo>
                <a:lnTo>
                  <a:pt x="3009036" y="2869208"/>
                </a:lnTo>
                <a:close/>
                <a:moveTo>
                  <a:pt x="2882497" y="2868764"/>
                </a:moveTo>
                <a:lnTo>
                  <a:pt x="2882497" y="2872689"/>
                </a:lnTo>
                <a:lnTo>
                  <a:pt x="2886422" y="2872689"/>
                </a:lnTo>
                <a:lnTo>
                  <a:pt x="2886422" y="2868764"/>
                </a:lnTo>
                <a:close/>
                <a:moveTo>
                  <a:pt x="2759217" y="2868541"/>
                </a:moveTo>
                <a:lnTo>
                  <a:pt x="2759217" y="2872874"/>
                </a:lnTo>
                <a:lnTo>
                  <a:pt x="2763550" y="2872874"/>
                </a:lnTo>
                <a:lnTo>
                  <a:pt x="2763550" y="2868541"/>
                </a:lnTo>
                <a:close/>
                <a:moveTo>
                  <a:pt x="2635716" y="2868134"/>
                </a:moveTo>
                <a:lnTo>
                  <a:pt x="2635716" y="2873356"/>
                </a:lnTo>
                <a:lnTo>
                  <a:pt x="2640937" y="2873356"/>
                </a:lnTo>
                <a:lnTo>
                  <a:pt x="2640937" y="2868134"/>
                </a:lnTo>
                <a:close/>
                <a:moveTo>
                  <a:pt x="2512029" y="2867467"/>
                </a:moveTo>
                <a:lnTo>
                  <a:pt x="2512029" y="2873985"/>
                </a:lnTo>
                <a:lnTo>
                  <a:pt x="2518547" y="2873985"/>
                </a:lnTo>
                <a:lnTo>
                  <a:pt x="2518547" y="2867467"/>
                </a:lnTo>
                <a:close/>
                <a:moveTo>
                  <a:pt x="2388527" y="2867023"/>
                </a:moveTo>
                <a:lnTo>
                  <a:pt x="2388527" y="2874392"/>
                </a:lnTo>
                <a:lnTo>
                  <a:pt x="2395896" y="2874392"/>
                </a:lnTo>
                <a:lnTo>
                  <a:pt x="2395896" y="2867023"/>
                </a:lnTo>
                <a:close/>
                <a:moveTo>
                  <a:pt x="2264803" y="2866394"/>
                </a:moveTo>
                <a:lnTo>
                  <a:pt x="2264803" y="2875097"/>
                </a:lnTo>
                <a:lnTo>
                  <a:pt x="2273505" y="2875097"/>
                </a:lnTo>
                <a:lnTo>
                  <a:pt x="2273505" y="2866394"/>
                </a:lnTo>
                <a:close/>
                <a:moveTo>
                  <a:pt x="2141302" y="2865949"/>
                </a:moveTo>
                <a:lnTo>
                  <a:pt x="2141302" y="2875503"/>
                </a:lnTo>
                <a:lnTo>
                  <a:pt x="2150856" y="2875503"/>
                </a:lnTo>
                <a:lnTo>
                  <a:pt x="2150856" y="2865949"/>
                </a:lnTo>
                <a:close/>
                <a:moveTo>
                  <a:pt x="2017615" y="2865283"/>
                </a:moveTo>
                <a:lnTo>
                  <a:pt x="2017615" y="2876133"/>
                </a:lnTo>
                <a:lnTo>
                  <a:pt x="2028465" y="2876133"/>
                </a:lnTo>
                <a:lnTo>
                  <a:pt x="2028465" y="2865283"/>
                </a:lnTo>
                <a:close/>
                <a:moveTo>
                  <a:pt x="1893891" y="2864653"/>
                </a:moveTo>
                <a:lnTo>
                  <a:pt x="1893891" y="2876799"/>
                </a:lnTo>
                <a:lnTo>
                  <a:pt x="1906038" y="2876799"/>
                </a:lnTo>
                <a:lnTo>
                  <a:pt x="1906038" y="2864653"/>
                </a:lnTo>
                <a:close/>
                <a:moveTo>
                  <a:pt x="1770167" y="2863986"/>
                </a:moveTo>
                <a:lnTo>
                  <a:pt x="1770167" y="2877466"/>
                </a:lnTo>
                <a:lnTo>
                  <a:pt x="1783647" y="2877466"/>
                </a:lnTo>
                <a:lnTo>
                  <a:pt x="1783647" y="2863986"/>
                </a:lnTo>
                <a:close/>
                <a:moveTo>
                  <a:pt x="1646480" y="2863357"/>
                </a:moveTo>
                <a:lnTo>
                  <a:pt x="1646480" y="2878133"/>
                </a:lnTo>
                <a:lnTo>
                  <a:pt x="1661256" y="2878133"/>
                </a:lnTo>
                <a:lnTo>
                  <a:pt x="1661256" y="2863357"/>
                </a:lnTo>
                <a:close/>
                <a:moveTo>
                  <a:pt x="1522756" y="2862690"/>
                </a:moveTo>
                <a:lnTo>
                  <a:pt x="1522756" y="2878762"/>
                </a:lnTo>
                <a:lnTo>
                  <a:pt x="1538828" y="2878762"/>
                </a:lnTo>
                <a:lnTo>
                  <a:pt x="1538828" y="2862690"/>
                </a:lnTo>
                <a:close/>
                <a:moveTo>
                  <a:pt x="1399032" y="2862024"/>
                </a:moveTo>
                <a:lnTo>
                  <a:pt x="1399032" y="2879392"/>
                </a:lnTo>
                <a:lnTo>
                  <a:pt x="1416400" y="2879392"/>
                </a:lnTo>
                <a:lnTo>
                  <a:pt x="1416400" y="2862024"/>
                </a:lnTo>
                <a:close/>
                <a:moveTo>
                  <a:pt x="1275568" y="2861616"/>
                </a:moveTo>
                <a:lnTo>
                  <a:pt x="1275568" y="2879873"/>
                </a:lnTo>
                <a:lnTo>
                  <a:pt x="1293825" y="2879873"/>
                </a:lnTo>
                <a:lnTo>
                  <a:pt x="1293825" y="2861616"/>
                </a:lnTo>
                <a:close/>
                <a:moveTo>
                  <a:pt x="1151844" y="2860950"/>
                </a:moveTo>
                <a:lnTo>
                  <a:pt x="1151844" y="2880503"/>
                </a:lnTo>
                <a:lnTo>
                  <a:pt x="1171397" y="2880503"/>
                </a:lnTo>
                <a:lnTo>
                  <a:pt x="1171397" y="2860950"/>
                </a:lnTo>
                <a:close/>
                <a:moveTo>
                  <a:pt x="1028342" y="2860505"/>
                </a:moveTo>
                <a:lnTo>
                  <a:pt x="1028342" y="2880910"/>
                </a:lnTo>
                <a:lnTo>
                  <a:pt x="1048747" y="2880910"/>
                </a:lnTo>
                <a:lnTo>
                  <a:pt x="1048747" y="2860505"/>
                </a:lnTo>
                <a:close/>
                <a:moveTo>
                  <a:pt x="904840" y="2860098"/>
                </a:moveTo>
                <a:lnTo>
                  <a:pt x="904840" y="2881391"/>
                </a:lnTo>
                <a:lnTo>
                  <a:pt x="926133" y="2881391"/>
                </a:lnTo>
                <a:lnTo>
                  <a:pt x="926133" y="2860098"/>
                </a:lnTo>
                <a:close/>
                <a:moveTo>
                  <a:pt x="781376" y="2859654"/>
                </a:moveTo>
                <a:lnTo>
                  <a:pt x="781376" y="2881799"/>
                </a:lnTo>
                <a:lnTo>
                  <a:pt x="803521" y="2881799"/>
                </a:lnTo>
                <a:lnTo>
                  <a:pt x="803521" y="2859654"/>
                </a:lnTo>
                <a:close/>
                <a:moveTo>
                  <a:pt x="657874" y="2859209"/>
                </a:moveTo>
                <a:lnTo>
                  <a:pt x="657874" y="2882243"/>
                </a:lnTo>
                <a:lnTo>
                  <a:pt x="680908" y="2882243"/>
                </a:lnTo>
                <a:lnTo>
                  <a:pt x="680908" y="2859209"/>
                </a:lnTo>
                <a:close/>
                <a:moveTo>
                  <a:pt x="534594" y="2858987"/>
                </a:moveTo>
                <a:lnTo>
                  <a:pt x="534594" y="2882428"/>
                </a:lnTo>
                <a:lnTo>
                  <a:pt x="558035" y="2882428"/>
                </a:lnTo>
                <a:lnTo>
                  <a:pt x="558035" y="2858987"/>
                </a:lnTo>
                <a:close/>
                <a:moveTo>
                  <a:pt x="411315" y="2858765"/>
                </a:moveTo>
                <a:lnTo>
                  <a:pt x="411315" y="2882651"/>
                </a:lnTo>
                <a:lnTo>
                  <a:pt x="435201" y="2882651"/>
                </a:lnTo>
                <a:lnTo>
                  <a:pt x="435201" y="2858765"/>
                </a:lnTo>
                <a:close/>
                <a:moveTo>
                  <a:pt x="41921" y="2858580"/>
                </a:moveTo>
                <a:lnTo>
                  <a:pt x="41921" y="2882910"/>
                </a:lnTo>
                <a:lnTo>
                  <a:pt x="66251" y="2882910"/>
                </a:lnTo>
                <a:lnTo>
                  <a:pt x="66251" y="2858580"/>
                </a:lnTo>
                <a:close/>
                <a:moveTo>
                  <a:pt x="287813" y="2858358"/>
                </a:moveTo>
                <a:lnTo>
                  <a:pt x="287813" y="2883132"/>
                </a:lnTo>
                <a:lnTo>
                  <a:pt x="312587" y="2883132"/>
                </a:lnTo>
                <a:lnTo>
                  <a:pt x="312587" y="2858358"/>
                </a:lnTo>
                <a:close/>
                <a:moveTo>
                  <a:pt x="164756" y="2858358"/>
                </a:moveTo>
                <a:lnTo>
                  <a:pt x="164756" y="2883132"/>
                </a:lnTo>
                <a:lnTo>
                  <a:pt x="189530" y="2883132"/>
                </a:lnTo>
                <a:lnTo>
                  <a:pt x="189530" y="2858358"/>
                </a:lnTo>
                <a:close/>
                <a:moveTo>
                  <a:pt x="4484020" y="2747447"/>
                </a:moveTo>
                <a:lnTo>
                  <a:pt x="4484020" y="2747891"/>
                </a:lnTo>
                <a:lnTo>
                  <a:pt x="4484464" y="2747891"/>
                </a:lnTo>
                <a:lnTo>
                  <a:pt x="4484464" y="2747447"/>
                </a:lnTo>
                <a:close/>
                <a:moveTo>
                  <a:pt x="4360962" y="2747447"/>
                </a:moveTo>
                <a:lnTo>
                  <a:pt x="4360962" y="2747891"/>
                </a:lnTo>
                <a:lnTo>
                  <a:pt x="4361406" y="2747891"/>
                </a:lnTo>
                <a:lnTo>
                  <a:pt x="4361406" y="2747447"/>
                </a:lnTo>
                <a:close/>
                <a:moveTo>
                  <a:pt x="4237905" y="2747447"/>
                </a:moveTo>
                <a:lnTo>
                  <a:pt x="4237905" y="2747891"/>
                </a:lnTo>
                <a:lnTo>
                  <a:pt x="4238349" y="2747891"/>
                </a:lnTo>
                <a:lnTo>
                  <a:pt x="4238349" y="2747447"/>
                </a:lnTo>
                <a:close/>
                <a:moveTo>
                  <a:pt x="4114848" y="2747447"/>
                </a:moveTo>
                <a:lnTo>
                  <a:pt x="4114848" y="2747891"/>
                </a:lnTo>
                <a:lnTo>
                  <a:pt x="4115292" y="2747891"/>
                </a:lnTo>
                <a:lnTo>
                  <a:pt x="4115292" y="2747447"/>
                </a:lnTo>
                <a:close/>
                <a:moveTo>
                  <a:pt x="3991790" y="2747447"/>
                </a:moveTo>
                <a:lnTo>
                  <a:pt x="3991790" y="2747891"/>
                </a:lnTo>
                <a:lnTo>
                  <a:pt x="3992235" y="2747891"/>
                </a:lnTo>
                <a:lnTo>
                  <a:pt x="3992235" y="2747447"/>
                </a:lnTo>
                <a:close/>
                <a:moveTo>
                  <a:pt x="3868733" y="2747447"/>
                </a:moveTo>
                <a:lnTo>
                  <a:pt x="3868733" y="2747891"/>
                </a:lnTo>
                <a:lnTo>
                  <a:pt x="3869177" y="2747891"/>
                </a:lnTo>
                <a:lnTo>
                  <a:pt x="3869177" y="2747447"/>
                </a:lnTo>
                <a:close/>
                <a:moveTo>
                  <a:pt x="3745676" y="2747447"/>
                </a:moveTo>
                <a:lnTo>
                  <a:pt x="3745676" y="2747891"/>
                </a:lnTo>
                <a:lnTo>
                  <a:pt x="3746120" y="2747891"/>
                </a:lnTo>
                <a:lnTo>
                  <a:pt x="3746120" y="2747447"/>
                </a:lnTo>
                <a:close/>
                <a:moveTo>
                  <a:pt x="3622396" y="2747225"/>
                </a:moveTo>
                <a:lnTo>
                  <a:pt x="3622396" y="2748077"/>
                </a:lnTo>
                <a:lnTo>
                  <a:pt x="3623248" y="2748077"/>
                </a:lnTo>
                <a:lnTo>
                  <a:pt x="3623248" y="2747225"/>
                </a:lnTo>
                <a:close/>
                <a:moveTo>
                  <a:pt x="3499339" y="2747225"/>
                </a:moveTo>
                <a:lnTo>
                  <a:pt x="3499339" y="2748077"/>
                </a:lnTo>
                <a:lnTo>
                  <a:pt x="3500191" y="2748077"/>
                </a:lnTo>
                <a:lnTo>
                  <a:pt x="3500191" y="2747225"/>
                </a:lnTo>
                <a:close/>
                <a:moveTo>
                  <a:pt x="3376059" y="2747002"/>
                </a:moveTo>
                <a:lnTo>
                  <a:pt x="3376059" y="2748298"/>
                </a:lnTo>
                <a:lnTo>
                  <a:pt x="3377355" y="2748298"/>
                </a:lnTo>
                <a:lnTo>
                  <a:pt x="3377355" y="2747002"/>
                </a:lnTo>
                <a:close/>
                <a:moveTo>
                  <a:pt x="3252780" y="2746780"/>
                </a:moveTo>
                <a:lnTo>
                  <a:pt x="3252780" y="2748521"/>
                </a:lnTo>
                <a:lnTo>
                  <a:pt x="3254520" y="2748521"/>
                </a:lnTo>
                <a:lnTo>
                  <a:pt x="3254520" y="2746780"/>
                </a:lnTo>
                <a:close/>
                <a:moveTo>
                  <a:pt x="3129500" y="2746595"/>
                </a:moveTo>
                <a:lnTo>
                  <a:pt x="3129500" y="2748780"/>
                </a:lnTo>
                <a:lnTo>
                  <a:pt x="3131685" y="2748780"/>
                </a:lnTo>
                <a:lnTo>
                  <a:pt x="3131685" y="2746595"/>
                </a:lnTo>
                <a:close/>
                <a:moveTo>
                  <a:pt x="3006221" y="2746373"/>
                </a:moveTo>
                <a:lnTo>
                  <a:pt x="3006221" y="2748965"/>
                </a:lnTo>
                <a:lnTo>
                  <a:pt x="3008813" y="2748965"/>
                </a:lnTo>
                <a:lnTo>
                  <a:pt x="3008813" y="2746373"/>
                </a:lnTo>
                <a:close/>
                <a:moveTo>
                  <a:pt x="2882719" y="2745928"/>
                </a:moveTo>
                <a:lnTo>
                  <a:pt x="2882719" y="2749409"/>
                </a:lnTo>
                <a:lnTo>
                  <a:pt x="2886200" y="2749409"/>
                </a:lnTo>
                <a:lnTo>
                  <a:pt x="2886200" y="2745928"/>
                </a:lnTo>
                <a:close/>
                <a:moveTo>
                  <a:pt x="2759440" y="2745706"/>
                </a:moveTo>
                <a:lnTo>
                  <a:pt x="2759440" y="2749631"/>
                </a:lnTo>
                <a:lnTo>
                  <a:pt x="2763365" y="2749631"/>
                </a:lnTo>
                <a:lnTo>
                  <a:pt x="2763365" y="2745706"/>
                </a:lnTo>
                <a:close/>
                <a:moveTo>
                  <a:pt x="2635938" y="2745262"/>
                </a:moveTo>
                <a:lnTo>
                  <a:pt x="2635938" y="2750039"/>
                </a:lnTo>
                <a:lnTo>
                  <a:pt x="2640715" y="2750039"/>
                </a:lnTo>
                <a:lnTo>
                  <a:pt x="2640715" y="2745262"/>
                </a:lnTo>
                <a:close/>
                <a:moveTo>
                  <a:pt x="2512473" y="2744855"/>
                </a:moveTo>
                <a:lnTo>
                  <a:pt x="2512473" y="2750484"/>
                </a:lnTo>
                <a:lnTo>
                  <a:pt x="2518102" y="2750484"/>
                </a:lnTo>
                <a:lnTo>
                  <a:pt x="2518102" y="2744855"/>
                </a:lnTo>
                <a:close/>
                <a:moveTo>
                  <a:pt x="2388972" y="2744410"/>
                </a:moveTo>
                <a:lnTo>
                  <a:pt x="2388972" y="2750928"/>
                </a:lnTo>
                <a:lnTo>
                  <a:pt x="2395490" y="2750928"/>
                </a:lnTo>
                <a:lnTo>
                  <a:pt x="2395490" y="2744410"/>
                </a:lnTo>
                <a:close/>
                <a:moveTo>
                  <a:pt x="2265470" y="2743966"/>
                </a:moveTo>
                <a:lnTo>
                  <a:pt x="2265470" y="2751335"/>
                </a:lnTo>
                <a:lnTo>
                  <a:pt x="2272839" y="2751335"/>
                </a:lnTo>
                <a:lnTo>
                  <a:pt x="2272839" y="2743966"/>
                </a:lnTo>
                <a:close/>
                <a:moveTo>
                  <a:pt x="2141746" y="2743336"/>
                </a:moveTo>
                <a:lnTo>
                  <a:pt x="2141746" y="2752039"/>
                </a:lnTo>
                <a:lnTo>
                  <a:pt x="2150448" y="2752039"/>
                </a:lnTo>
                <a:lnTo>
                  <a:pt x="2150448" y="2743336"/>
                </a:lnTo>
                <a:close/>
                <a:moveTo>
                  <a:pt x="2018244" y="2742892"/>
                </a:moveTo>
                <a:lnTo>
                  <a:pt x="2018244" y="2752446"/>
                </a:lnTo>
                <a:lnTo>
                  <a:pt x="2027798" y="2752446"/>
                </a:lnTo>
                <a:lnTo>
                  <a:pt x="2027798" y="2742892"/>
                </a:lnTo>
                <a:close/>
                <a:moveTo>
                  <a:pt x="1894780" y="2742447"/>
                </a:moveTo>
                <a:lnTo>
                  <a:pt x="1894780" y="2752853"/>
                </a:lnTo>
                <a:lnTo>
                  <a:pt x="1905186" y="2752853"/>
                </a:lnTo>
                <a:lnTo>
                  <a:pt x="1905186" y="2742447"/>
                </a:lnTo>
                <a:close/>
                <a:moveTo>
                  <a:pt x="1771056" y="2741818"/>
                </a:moveTo>
                <a:lnTo>
                  <a:pt x="1771056" y="2753557"/>
                </a:lnTo>
                <a:lnTo>
                  <a:pt x="1782795" y="2753557"/>
                </a:lnTo>
                <a:lnTo>
                  <a:pt x="1782795" y="2741818"/>
                </a:lnTo>
                <a:close/>
                <a:moveTo>
                  <a:pt x="1647554" y="2741374"/>
                </a:moveTo>
                <a:lnTo>
                  <a:pt x="1647554" y="2753965"/>
                </a:lnTo>
                <a:lnTo>
                  <a:pt x="1660145" y="2753965"/>
                </a:lnTo>
                <a:lnTo>
                  <a:pt x="1660145" y="2741374"/>
                </a:lnTo>
                <a:close/>
                <a:moveTo>
                  <a:pt x="1523830" y="2740707"/>
                </a:moveTo>
                <a:lnTo>
                  <a:pt x="1523830" y="2754594"/>
                </a:lnTo>
                <a:lnTo>
                  <a:pt x="1537717" y="2754594"/>
                </a:lnTo>
                <a:lnTo>
                  <a:pt x="1537717" y="2740707"/>
                </a:lnTo>
                <a:close/>
                <a:moveTo>
                  <a:pt x="1400365" y="2740263"/>
                </a:moveTo>
                <a:lnTo>
                  <a:pt x="1400365" y="2755039"/>
                </a:lnTo>
                <a:lnTo>
                  <a:pt x="1415141" y="2755039"/>
                </a:lnTo>
                <a:lnTo>
                  <a:pt x="1415141" y="2740263"/>
                </a:lnTo>
                <a:close/>
                <a:moveTo>
                  <a:pt x="1276864" y="2739855"/>
                </a:moveTo>
                <a:lnTo>
                  <a:pt x="1276864" y="2755483"/>
                </a:lnTo>
                <a:lnTo>
                  <a:pt x="1292491" y="2755483"/>
                </a:lnTo>
                <a:lnTo>
                  <a:pt x="1292491" y="2739855"/>
                </a:lnTo>
                <a:close/>
                <a:moveTo>
                  <a:pt x="1153362" y="2739411"/>
                </a:moveTo>
                <a:lnTo>
                  <a:pt x="1153362" y="2755927"/>
                </a:lnTo>
                <a:lnTo>
                  <a:pt x="1169878" y="2755927"/>
                </a:lnTo>
                <a:lnTo>
                  <a:pt x="1169878" y="2739411"/>
                </a:lnTo>
                <a:close/>
                <a:moveTo>
                  <a:pt x="1029860" y="2738966"/>
                </a:moveTo>
                <a:lnTo>
                  <a:pt x="1029860" y="2756334"/>
                </a:lnTo>
                <a:lnTo>
                  <a:pt x="1047228" y="2756334"/>
                </a:lnTo>
                <a:lnTo>
                  <a:pt x="1047228" y="2738966"/>
                </a:lnTo>
                <a:close/>
                <a:moveTo>
                  <a:pt x="906359" y="2738559"/>
                </a:moveTo>
                <a:lnTo>
                  <a:pt x="906359" y="2756816"/>
                </a:lnTo>
                <a:lnTo>
                  <a:pt x="924616" y="2756816"/>
                </a:lnTo>
                <a:lnTo>
                  <a:pt x="924616" y="2738559"/>
                </a:lnTo>
                <a:close/>
                <a:moveTo>
                  <a:pt x="783079" y="2738337"/>
                </a:moveTo>
                <a:lnTo>
                  <a:pt x="783079" y="2757001"/>
                </a:lnTo>
                <a:lnTo>
                  <a:pt x="801743" y="2757001"/>
                </a:lnTo>
                <a:lnTo>
                  <a:pt x="801743" y="2738337"/>
                </a:lnTo>
                <a:close/>
                <a:moveTo>
                  <a:pt x="659614" y="2737893"/>
                </a:moveTo>
                <a:lnTo>
                  <a:pt x="659614" y="2757446"/>
                </a:lnTo>
                <a:lnTo>
                  <a:pt x="679167" y="2757446"/>
                </a:lnTo>
                <a:lnTo>
                  <a:pt x="679167" y="2737893"/>
                </a:lnTo>
                <a:close/>
                <a:moveTo>
                  <a:pt x="536335" y="2737670"/>
                </a:moveTo>
                <a:lnTo>
                  <a:pt x="536335" y="2757667"/>
                </a:lnTo>
                <a:lnTo>
                  <a:pt x="556332" y="2757667"/>
                </a:lnTo>
                <a:lnTo>
                  <a:pt x="556332" y="2737670"/>
                </a:lnTo>
                <a:close/>
                <a:moveTo>
                  <a:pt x="413055" y="2737448"/>
                </a:moveTo>
                <a:lnTo>
                  <a:pt x="413055" y="2757853"/>
                </a:lnTo>
                <a:lnTo>
                  <a:pt x="433460" y="2757853"/>
                </a:lnTo>
                <a:lnTo>
                  <a:pt x="433460" y="2737448"/>
                </a:lnTo>
                <a:close/>
                <a:moveTo>
                  <a:pt x="43883" y="2737448"/>
                </a:moveTo>
                <a:lnTo>
                  <a:pt x="43883" y="2757853"/>
                </a:lnTo>
                <a:lnTo>
                  <a:pt x="64288" y="2757853"/>
                </a:lnTo>
                <a:lnTo>
                  <a:pt x="64288" y="2737448"/>
                </a:lnTo>
                <a:close/>
                <a:moveTo>
                  <a:pt x="289776" y="2737226"/>
                </a:moveTo>
                <a:lnTo>
                  <a:pt x="289776" y="2758075"/>
                </a:lnTo>
                <a:lnTo>
                  <a:pt x="310625" y="2758075"/>
                </a:lnTo>
                <a:lnTo>
                  <a:pt x="310625" y="2737226"/>
                </a:lnTo>
                <a:close/>
                <a:moveTo>
                  <a:pt x="166719" y="2737226"/>
                </a:moveTo>
                <a:lnTo>
                  <a:pt x="166719" y="2758075"/>
                </a:lnTo>
                <a:lnTo>
                  <a:pt x="187568" y="2758075"/>
                </a:lnTo>
                <a:lnTo>
                  <a:pt x="187568" y="2737226"/>
                </a:lnTo>
                <a:close/>
                <a:moveTo>
                  <a:pt x="4484020" y="2624389"/>
                </a:moveTo>
                <a:lnTo>
                  <a:pt x="4484020" y="2624833"/>
                </a:lnTo>
                <a:lnTo>
                  <a:pt x="4484464" y="2624833"/>
                </a:lnTo>
                <a:lnTo>
                  <a:pt x="4484464" y="2624389"/>
                </a:lnTo>
                <a:close/>
                <a:moveTo>
                  <a:pt x="4360962" y="2624389"/>
                </a:moveTo>
                <a:lnTo>
                  <a:pt x="4360962" y="2624833"/>
                </a:lnTo>
                <a:lnTo>
                  <a:pt x="4361406" y="2624833"/>
                </a:lnTo>
                <a:lnTo>
                  <a:pt x="4361406" y="2624389"/>
                </a:lnTo>
                <a:close/>
                <a:moveTo>
                  <a:pt x="4237905" y="2624389"/>
                </a:moveTo>
                <a:lnTo>
                  <a:pt x="4237905" y="2624833"/>
                </a:lnTo>
                <a:lnTo>
                  <a:pt x="4238349" y="2624833"/>
                </a:lnTo>
                <a:lnTo>
                  <a:pt x="4238349" y="2624389"/>
                </a:lnTo>
                <a:close/>
                <a:moveTo>
                  <a:pt x="4114848" y="2624389"/>
                </a:moveTo>
                <a:lnTo>
                  <a:pt x="4114848" y="2624833"/>
                </a:lnTo>
                <a:lnTo>
                  <a:pt x="4115292" y="2624833"/>
                </a:lnTo>
                <a:lnTo>
                  <a:pt x="4115292" y="2624389"/>
                </a:lnTo>
                <a:close/>
                <a:moveTo>
                  <a:pt x="3991790" y="2624389"/>
                </a:moveTo>
                <a:lnTo>
                  <a:pt x="3991790" y="2624833"/>
                </a:lnTo>
                <a:lnTo>
                  <a:pt x="3992235" y="2624833"/>
                </a:lnTo>
                <a:lnTo>
                  <a:pt x="3992235" y="2624389"/>
                </a:lnTo>
                <a:close/>
                <a:moveTo>
                  <a:pt x="3868733" y="2624389"/>
                </a:moveTo>
                <a:lnTo>
                  <a:pt x="3868733" y="2624833"/>
                </a:lnTo>
                <a:lnTo>
                  <a:pt x="3869177" y="2624833"/>
                </a:lnTo>
                <a:lnTo>
                  <a:pt x="3869177" y="2624389"/>
                </a:lnTo>
                <a:close/>
                <a:moveTo>
                  <a:pt x="3745676" y="2624389"/>
                </a:moveTo>
                <a:lnTo>
                  <a:pt x="3745676" y="2624833"/>
                </a:lnTo>
                <a:lnTo>
                  <a:pt x="3746120" y="2624833"/>
                </a:lnTo>
                <a:lnTo>
                  <a:pt x="3746120" y="2624389"/>
                </a:lnTo>
                <a:close/>
                <a:moveTo>
                  <a:pt x="3622396" y="2624167"/>
                </a:moveTo>
                <a:lnTo>
                  <a:pt x="3622396" y="2625019"/>
                </a:lnTo>
                <a:lnTo>
                  <a:pt x="3623248" y="2625019"/>
                </a:lnTo>
                <a:lnTo>
                  <a:pt x="3623248" y="2624167"/>
                </a:lnTo>
                <a:close/>
                <a:moveTo>
                  <a:pt x="3499339" y="2624167"/>
                </a:moveTo>
                <a:lnTo>
                  <a:pt x="3499339" y="2625019"/>
                </a:lnTo>
                <a:lnTo>
                  <a:pt x="3500191" y="2625019"/>
                </a:lnTo>
                <a:lnTo>
                  <a:pt x="3500191" y="2624167"/>
                </a:lnTo>
                <a:close/>
                <a:moveTo>
                  <a:pt x="3376059" y="2623945"/>
                </a:moveTo>
                <a:lnTo>
                  <a:pt x="3376059" y="2625241"/>
                </a:lnTo>
                <a:lnTo>
                  <a:pt x="3377355" y="2625241"/>
                </a:lnTo>
                <a:lnTo>
                  <a:pt x="3377355" y="2623945"/>
                </a:lnTo>
                <a:close/>
                <a:moveTo>
                  <a:pt x="3252780" y="2623723"/>
                </a:moveTo>
                <a:lnTo>
                  <a:pt x="3252780" y="2625463"/>
                </a:lnTo>
                <a:lnTo>
                  <a:pt x="3254520" y="2625463"/>
                </a:lnTo>
                <a:lnTo>
                  <a:pt x="3254520" y="2623723"/>
                </a:lnTo>
                <a:close/>
                <a:moveTo>
                  <a:pt x="3129723" y="2623723"/>
                </a:moveTo>
                <a:lnTo>
                  <a:pt x="3129723" y="2625463"/>
                </a:lnTo>
                <a:lnTo>
                  <a:pt x="3131463" y="2625463"/>
                </a:lnTo>
                <a:lnTo>
                  <a:pt x="3131463" y="2623723"/>
                </a:lnTo>
                <a:close/>
                <a:moveTo>
                  <a:pt x="3006221" y="2623316"/>
                </a:moveTo>
                <a:lnTo>
                  <a:pt x="3006221" y="2625908"/>
                </a:lnTo>
                <a:lnTo>
                  <a:pt x="3008813" y="2625908"/>
                </a:lnTo>
                <a:lnTo>
                  <a:pt x="3008813" y="2623316"/>
                </a:lnTo>
                <a:close/>
                <a:moveTo>
                  <a:pt x="2882941" y="2623093"/>
                </a:moveTo>
                <a:lnTo>
                  <a:pt x="2882941" y="2626130"/>
                </a:lnTo>
                <a:lnTo>
                  <a:pt x="2885978" y="2626130"/>
                </a:lnTo>
                <a:lnTo>
                  <a:pt x="2885978" y="2623093"/>
                </a:lnTo>
                <a:close/>
                <a:moveTo>
                  <a:pt x="2759662" y="2622871"/>
                </a:moveTo>
                <a:lnTo>
                  <a:pt x="2759662" y="2626352"/>
                </a:lnTo>
                <a:lnTo>
                  <a:pt x="2763143" y="2626352"/>
                </a:lnTo>
                <a:lnTo>
                  <a:pt x="2763143" y="2622871"/>
                </a:lnTo>
                <a:close/>
                <a:moveTo>
                  <a:pt x="2636160" y="2622427"/>
                </a:moveTo>
                <a:lnTo>
                  <a:pt x="2636160" y="2626760"/>
                </a:lnTo>
                <a:lnTo>
                  <a:pt x="2640493" y="2626760"/>
                </a:lnTo>
                <a:lnTo>
                  <a:pt x="2640493" y="2622427"/>
                </a:lnTo>
                <a:close/>
                <a:moveTo>
                  <a:pt x="2512881" y="2622205"/>
                </a:moveTo>
                <a:lnTo>
                  <a:pt x="2512881" y="2626982"/>
                </a:lnTo>
                <a:lnTo>
                  <a:pt x="2517658" y="2626982"/>
                </a:lnTo>
                <a:lnTo>
                  <a:pt x="2517658" y="2622205"/>
                </a:lnTo>
                <a:close/>
                <a:moveTo>
                  <a:pt x="2389379" y="2621797"/>
                </a:moveTo>
                <a:lnTo>
                  <a:pt x="2389379" y="2627426"/>
                </a:lnTo>
                <a:lnTo>
                  <a:pt x="2395008" y="2627426"/>
                </a:lnTo>
                <a:lnTo>
                  <a:pt x="2395008" y="2621797"/>
                </a:lnTo>
                <a:close/>
                <a:moveTo>
                  <a:pt x="2265914" y="2621353"/>
                </a:moveTo>
                <a:lnTo>
                  <a:pt x="2265914" y="2627871"/>
                </a:lnTo>
                <a:lnTo>
                  <a:pt x="2272432" y="2627871"/>
                </a:lnTo>
                <a:lnTo>
                  <a:pt x="2272432" y="2621353"/>
                </a:lnTo>
                <a:close/>
                <a:moveTo>
                  <a:pt x="2142413" y="2620908"/>
                </a:moveTo>
                <a:lnTo>
                  <a:pt x="2142413" y="2628277"/>
                </a:lnTo>
                <a:lnTo>
                  <a:pt x="2149782" y="2628277"/>
                </a:lnTo>
                <a:lnTo>
                  <a:pt x="2149782" y="2620908"/>
                </a:lnTo>
                <a:close/>
                <a:moveTo>
                  <a:pt x="2018911" y="2620464"/>
                </a:moveTo>
                <a:lnTo>
                  <a:pt x="2018911" y="2628722"/>
                </a:lnTo>
                <a:lnTo>
                  <a:pt x="2027169" y="2628722"/>
                </a:lnTo>
                <a:lnTo>
                  <a:pt x="2027169" y="2620464"/>
                </a:lnTo>
                <a:close/>
                <a:moveTo>
                  <a:pt x="1895409" y="2620057"/>
                </a:moveTo>
                <a:lnTo>
                  <a:pt x="1895409" y="2629167"/>
                </a:lnTo>
                <a:lnTo>
                  <a:pt x="1904519" y="2629167"/>
                </a:lnTo>
                <a:lnTo>
                  <a:pt x="1904519" y="2620057"/>
                </a:lnTo>
                <a:close/>
                <a:moveTo>
                  <a:pt x="1771907" y="2619612"/>
                </a:moveTo>
                <a:lnTo>
                  <a:pt x="1771907" y="2629611"/>
                </a:lnTo>
                <a:lnTo>
                  <a:pt x="1781906" y="2629611"/>
                </a:lnTo>
                <a:lnTo>
                  <a:pt x="1781906" y="2619612"/>
                </a:lnTo>
                <a:close/>
                <a:moveTo>
                  <a:pt x="1648443" y="2619168"/>
                </a:moveTo>
                <a:lnTo>
                  <a:pt x="1648443" y="2630018"/>
                </a:lnTo>
                <a:lnTo>
                  <a:pt x="1659293" y="2630018"/>
                </a:lnTo>
                <a:lnTo>
                  <a:pt x="1659293" y="2619168"/>
                </a:lnTo>
                <a:close/>
                <a:moveTo>
                  <a:pt x="1524941" y="2618724"/>
                </a:moveTo>
                <a:lnTo>
                  <a:pt x="1524941" y="2630463"/>
                </a:lnTo>
                <a:lnTo>
                  <a:pt x="1536680" y="2630463"/>
                </a:lnTo>
                <a:lnTo>
                  <a:pt x="1536680" y="2618724"/>
                </a:lnTo>
                <a:close/>
                <a:moveTo>
                  <a:pt x="1401439" y="2618316"/>
                </a:moveTo>
                <a:lnTo>
                  <a:pt x="1401439" y="2630907"/>
                </a:lnTo>
                <a:lnTo>
                  <a:pt x="1414030" y="2630907"/>
                </a:lnTo>
                <a:lnTo>
                  <a:pt x="1414030" y="2618316"/>
                </a:lnTo>
                <a:close/>
                <a:moveTo>
                  <a:pt x="1278160" y="2618094"/>
                </a:moveTo>
                <a:lnTo>
                  <a:pt x="1278160" y="2631129"/>
                </a:lnTo>
                <a:lnTo>
                  <a:pt x="1291195" y="2631129"/>
                </a:lnTo>
                <a:lnTo>
                  <a:pt x="1291195" y="2618094"/>
                </a:lnTo>
                <a:close/>
                <a:moveTo>
                  <a:pt x="1154658" y="2617650"/>
                </a:moveTo>
                <a:lnTo>
                  <a:pt x="1154658" y="2631537"/>
                </a:lnTo>
                <a:lnTo>
                  <a:pt x="1168545" y="2631537"/>
                </a:lnTo>
                <a:lnTo>
                  <a:pt x="1168545" y="2617650"/>
                </a:lnTo>
                <a:close/>
                <a:moveTo>
                  <a:pt x="1031379" y="2617427"/>
                </a:moveTo>
                <a:lnTo>
                  <a:pt x="1031379" y="2631758"/>
                </a:lnTo>
                <a:lnTo>
                  <a:pt x="1045710" y="2631758"/>
                </a:lnTo>
                <a:lnTo>
                  <a:pt x="1045710" y="2617427"/>
                </a:lnTo>
                <a:close/>
                <a:moveTo>
                  <a:pt x="908099" y="2617205"/>
                </a:moveTo>
                <a:lnTo>
                  <a:pt x="908099" y="2631981"/>
                </a:lnTo>
                <a:lnTo>
                  <a:pt x="922875" y="2631981"/>
                </a:lnTo>
                <a:lnTo>
                  <a:pt x="922875" y="2617205"/>
                </a:lnTo>
                <a:close/>
                <a:moveTo>
                  <a:pt x="784634" y="2616798"/>
                </a:moveTo>
                <a:lnTo>
                  <a:pt x="784634" y="2632426"/>
                </a:lnTo>
                <a:lnTo>
                  <a:pt x="800262" y="2632426"/>
                </a:lnTo>
                <a:lnTo>
                  <a:pt x="800262" y="2616798"/>
                </a:lnTo>
                <a:close/>
                <a:moveTo>
                  <a:pt x="661540" y="2616798"/>
                </a:moveTo>
                <a:lnTo>
                  <a:pt x="661540" y="2632426"/>
                </a:lnTo>
                <a:lnTo>
                  <a:pt x="677168" y="2632426"/>
                </a:lnTo>
                <a:lnTo>
                  <a:pt x="677168" y="2616798"/>
                </a:lnTo>
                <a:close/>
                <a:moveTo>
                  <a:pt x="538298" y="2616576"/>
                </a:moveTo>
                <a:lnTo>
                  <a:pt x="538298" y="2632648"/>
                </a:lnTo>
                <a:lnTo>
                  <a:pt x="554370" y="2632648"/>
                </a:lnTo>
                <a:lnTo>
                  <a:pt x="554370" y="2616576"/>
                </a:lnTo>
                <a:close/>
                <a:moveTo>
                  <a:pt x="415018" y="2616354"/>
                </a:moveTo>
                <a:lnTo>
                  <a:pt x="415018" y="2632870"/>
                </a:lnTo>
                <a:lnTo>
                  <a:pt x="431534" y="2632870"/>
                </a:lnTo>
                <a:lnTo>
                  <a:pt x="431534" y="2616354"/>
                </a:lnTo>
                <a:close/>
                <a:moveTo>
                  <a:pt x="291739" y="2616131"/>
                </a:moveTo>
                <a:lnTo>
                  <a:pt x="291739" y="2633055"/>
                </a:lnTo>
                <a:lnTo>
                  <a:pt x="308663" y="2633055"/>
                </a:lnTo>
                <a:lnTo>
                  <a:pt x="308663" y="2616131"/>
                </a:lnTo>
                <a:close/>
                <a:moveTo>
                  <a:pt x="168681" y="2616131"/>
                </a:moveTo>
                <a:lnTo>
                  <a:pt x="168681" y="2633055"/>
                </a:lnTo>
                <a:lnTo>
                  <a:pt x="185605" y="2633055"/>
                </a:lnTo>
                <a:lnTo>
                  <a:pt x="185605" y="2616131"/>
                </a:lnTo>
                <a:close/>
                <a:moveTo>
                  <a:pt x="45587" y="2616131"/>
                </a:moveTo>
                <a:lnTo>
                  <a:pt x="45587" y="2633055"/>
                </a:lnTo>
                <a:lnTo>
                  <a:pt x="62511" y="2633055"/>
                </a:lnTo>
                <a:lnTo>
                  <a:pt x="62511" y="2616131"/>
                </a:lnTo>
                <a:close/>
                <a:moveTo>
                  <a:pt x="4484020" y="2501332"/>
                </a:moveTo>
                <a:lnTo>
                  <a:pt x="4484020" y="2501776"/>
                </a:lnTo>
                <a:lnTo>
                  <a:pt x="4484464" y="2501776"/>
                </a:lnTo>
                <a:lnTo>
                  <a:pt x="4484464" y="2501332"/>
                </a:lnTo>
                <a:close/>
                <a:moveTo>
                  <a:pt x="4360962" y="2501332"/>
                </a:moveTo>
                <a:lnTo>
                  <a:pt x="4360962" y="2501776"/>
                </a:lnTo>
                <a:lnTo>
                  <a:pt x="4361406" y="2501776"/>
                </a:lnTo>
                <a:lnTo>
                  <a:pt x="4361406" y="2501332"/>
                </a:lnTo>
                <a:close/>
                <a:moveTo>
                  <a:pt x="4237905" y="2501332"/>
                </a:moveTo>
                <a:lnTo>
                  <a:pt x="4237905" y="2501776"/>
                </a:lnTo>
                <a:lnTo>
                  <a:pt x="4238349" y="2501776"/>
                </a:lnTo>
                <a:lnTo>
                  <a:pt x="4238349" y="2501332"/>
                </a:lnTo>
                <a:close/>
                <a:moveTo>
                  <a:pt x="4114848" y="2501332"/>
                </a:moveTo>
                <a:lnTo>
                  <a:pt x="4114848" y="2501776"/>
                </a:lnTo>
                <a:lnTo>
                  <a:pt x="4115292" y="2501776"/>
                </a:lnTo>
                <a:lnTo>
                  <a:pt x="4115292" y="2501332"/>
                </a:lnTo>
                <a:close/>
                <a:moveTo>
                  <a:pt x="3991790" y="2501332"/>
                </a:moveTo>
                <a:lnTo>
                  <a:pt x="3991790" y="2501776"/>
                </a:lnTo>
                <a:lnTo>
                  <a:pt x="3992235" y="2501776"/>
                </a:lnTo>
                <a:lnTo>
                  <a:pt x="3992235" y="2501332"/>
                </a:lnTo>
                <a:close/>
                <a:moveTo>
                  <a:pt x="3868733" y="2501332"/>
                </a:moveTo>
                <a:lnTo>
                  <a:pt x="3868733" y="2501776"/>
                </a:lnTo>
                <a:lnTo>
                  <a:pt x="3869177" y="2501776"/>
                </a:lnTo>
                <a:lnTo>
                  <a:pt x="3869177" y="2501332"/>
                </a:lnTo>
                <a:close/>
                <a:moveTo>
                  <a:pt x="3745676" y="2501332"/>
                </a:moveTo>
                <a:lnTo>
                  <a:pt x="3745676" y="2501776"/>
                </a:lnTo>
                <a:lnTo>
                  <a:pt x="3746120" y="2501776"/>
                </a:lnTo>
                <a:lnTo>
                  <a:pt x="3746120" y="2501332"/>
                </a:lnTo>
                <a:close/>
                <a:moveTo>
                  <a:pt x="3622618" y="2501332"/>
                </a:moveTo>
                <a:lnTo>
                  <a:pt x="3622618" y="2501776"/>
                </a:lnTo>
                <a:lnTo>
                  <a:pt x="3623062" y="2501776"/>
                </a:lnTo>
                <a:lnTo>
                  <a:pt x="3623062" y="2501332"/>
                </a:lnTo>
                <a:close/>
                <a:moveTo>
                  <a:pt x="3499339" y="2501110"/>
                </a:moveTo>
                <a:lnTo>
                  <a:pt x="3499339" y="2501962"/>
                </a:lnTo>
                <a:lnTo>
                  <a:pt x="3500191" y="2501962"/>
                </a:lnTo>
                <a:lnTo>
                  <a:pt x="3500191" y="2501110"/>
                </a:lnTo>
                <a:close/>
                <a:moveTo>
                  <a:pt x="3376282" y="2501110"/>
                </a:moveTo>
                <a:lnTo>
                  <a:pt x="3376282" y="2501962"/>
                </a:lnTo>
                <a:lnTo>
                  <a:pt x="3377134" y="2501962"/>
                </a:lnTo>
                <a:lnTo>
                  <a:pt x="3377134" y="2501110"/>
                </a:lnTo>
                <a:close/>
                <a:moveTo>
                  <a:pt x="3253002" y="2500888"/>
                </a:moveTo>
                <a:lnTo>
                  <a:pt x="3253002" y="2502184"/>
                </a:lnTo>
                <a:lnTo>
                  <a:pt x="3254298" y="2502184"/>
                </a:lnTo>
                <a:lnTo>
                  <a:pt x="3254298" y="2500888"/>
                </a:lnTo>
                <a:close/>
                <a:moveTo>
                  <a:pt x="3129723" y="2500666"/>
                </a:moveTo>
                <a:lnTo>
                  <a:pt x="3129723" y="2502406"/>
                </a:lnTo>
                <a:lnTo>
                  <a:pt x="3131463" y="2502406"/>
                </a:lnTo>
                <a:lnTo>
                  <a:pt x="3131463" y="2500666"/>
                </a:lnTo>
                <a:close/>
                <a:moveTo>
                  <a:pt x="3006443" y="2500443"/>
                </a:moveTo>
                <a:lnTo>
                  <a:pt x="3006443" y="2502628"/>
                </a:lnTo>
                <a:lnTo>
                  <a:pt x="3008628" y="2502628"/>
                </a:lnTo>
                <a:lnTo>
                  <a:pt x="3008628" y="2500443"/>
                </a:lnTo>
                <a:close/>
                <a:moveTo>
                  <a:pt x="2883164" y="2500258"/>
                </a:moveTo>
                <a:lnTo>
                  <a:pt x="2883164" y="2502850"/>
                </a:lnTo>
                <a:lnTo>
                  <a:pt x="2885756" y="2502850"/>
                </a:lnTo>
                <a:lnTo>
                  <a:pt x="2885756" y="2500258"/>
                </a:lnTo>
                <a:close/>
                <a:moveTo>
                  <a:pt x="2759884" y="2500036"/>
                </a:moveTo>
                <a:lnTo>
                  <a:pt x="2759884" y="2503073"/>
                </a:lnTo>
                <a:lnTo>
                  <a:pt x="2762921" y="2503073"/>
                </a:lnTo>
                <a:lnTo>
                  <a:pt x="2762921" y="2500036"/>
                </a:lnTo>
                <a:close/>
                <a:moveTo>
                  <a:pt x="2636605" y="2499814"/>
                </a:moveTo>
                <a:lnTo>
                  <a:pt x="2636605" y="2503295"/>
                </a:lnTo>
                <a:lnTo>
                  <a:pt x="2640086" y="2503295"/>
                </a:lnTo>
                <a:lnTo>
                  <a:pt x="2640086" y="2499814"/>
                </a:lnTo>
                <a:close/>
                <a:moveTo>
                  <a:pt x="2513103" y="2499369"/>
                </a:moveTo>
                <a:lnTo>
                  <a:pt x="2513103" y="2503702"/>
                </a:lnTo>
                <a:lnTo>
                  <a:pt x="2517436" y="2503702"/>
                </a:lnTo>
                <a:lnTo>
                  <a:pt x="2517436" y="2499369"/>
                </a:lnTo>
                <a:close/>
                <a:moveTo>
                  <a:pt x="2389823" y="2499147"/>
                </a:moveTo>
                <a:lnTo>
                  <a:pt x="2389823" y="2503924"/>
                </a:lnTo>
                <a:lnTo>
                  <a:pt x="2394600" y="2503924"/>
                </a:lnTo>
                <a:lnTo>
                  <a:pt x="2394600" y="2499147"/>
                </a:lnTo>
                <a:close/>
                <a:moveTo>
                  <a:pt x="2266322" y="2498703"/>
                </a:moveTo>
                <a:lnTo>
                  <a:pt x="2266322" y="2504332"/>
                </a:lnTo>
                <a:lnTo>
                  <a:pt x="2271951" y="2504332"/>
                </a:lnTo>
                <a:lnTo>
                  <a:pt x="2271951" y="2498703"/>
                </a:lnTo>
                <a:close/>
                <a:moveTo>
                  <a:pt x="2143042" y="2498518"/>
                </a:moveTo>
                <a:lnTo>
                  <a:pt x="2143042" y="2504591"/>
                </a:lnTo>
                <a:lnTo>
                  <a:pt x="2149115" y="2504591"/>
                </a:lnTo>
                <a:lnTo>
                  <a:pt x="2149115" y="2498518"/>
                </a:lnTo>
                <a:close/>
                <a:moveTo>
                  <a:pt x="2019577" y="2498073"/>
                </a:moveTo>
                <a:lnTo>
                  <a:pt x="2019577" y="2505035"/>
                </a:lnTo>
                <a:lnTo>
                  <a:pt x="2026539" y="2505035"/>
                </a:lnTo>
                <a:lnTo>
                  <a:pt x="2026539" y="2498073"/>
                </a:lnTo>
                <a:close/>
                <a:moveTo>
                  <a:pt x="1896076" y="2497629"/>
                </a:moveTo>
                <a:lnTo>
                  <a:pt x="1896076" y="2505443"/>
                </a:lnTo>
                <a:lnTo>
                  <a:pt x="1903890" y="2505443"/>
                </a:lnTo>
                <a:lnTo>
                  <a:pt x="1903890" y="2497629"/>
                </a:lnTo>
                <a:close/>
                <a:moveTo>
                  <a:pt x="1772796" y="2497407"/>
                </a:moveTo>
                <a:lnTo>
                  <a:pt x="1772796" y="2505665"/>
                </a:lnTo>
                <a:lnTo>
                  <a:pt x="1781054" y="2505665"/>
                </a:lnTo>
                <a:lnTo>
                  <a:pt x="1781054" y="2497407"/>
                </a:lnTo>
                <a:close/>
                <a:moveTo>
                  <a:pt x="1649295" y="2496999"/>
                </a:moveTo>
                <a:lnTo>
                  <a:pt x="1649295" y="2506109"/>
                </a:lnTo>
                <a:lnTo>
                  <a:pt x="1658405" y="2506109"/>
                </a:lnTo>
                <a:lnTo>
                  <a:pt x="1658405" y="2496999"/>
                </a:lnTo>
                <a:close/>
                <a:moveTo>
                  <a:pt x="1526015" y="2496777"/>
                </a:moveTo>
                <a:lnTo>
                  <a:pt x="1526015" y="2506331"/>
                </a:lnTo>
                <a:lnTo>
                  <a:pt x="1535569" y="2506331"/>
                </a:lnTo>
                <a:lnTo>
                  <a:pt x="1535569" y="2496777"/>
                </a:lnTo>
                <a:close/>
                <a:moveTo>
                  <a:pt x="1402513" y="2496333"/>
                </a:moveTo>
                <a:lnTo>
                  <a:pt x="1402513" y="2506739"/>
                </a:lnTo>
                <a:lnTo>
                  <a:pt x="1412919" y="2506739"/>
                </a:lnTo>
                <a:lnTo>
                  <a:pt x="1412919" y="2496333"/>
                </a:lnTo>
                <a:close/>
                <a:moveTo>
                  <a:pt x="1279234" y="2496111"/>
                </a:moveTo>
                <a:lnTo>
                  <a:pt x="1279234" y="2506961"/>
                </a:lnTo>
                <a:lnTo>
                  <a:pt x="1290084" y="2506961"/>
                </a:lnTo>
                <a:lnTo>
                  <a:pt x="1290084" y="2496111"/>
                </a:lnTo>
                <a:close/>
                <a:moveTo>
                  <a:pt x="1155954" y="2495888"/>
                </a:moveTo>
                <a:lnTo>
                  <a:pt x="1155954" y="2507183"/>
                </a:lnTo>
                <a:lnTo>
                  <a:pt x="1167249" y="2507183"/>
                </a:lnTo>
                <a:lnTo>
                  <a:pt x="1167249" y="2495888"/>
                </a:lnTo>
                <a:close/>
                <a:moveTo>
                  <a:pt x="1032675" y="2495666"/>
                </a:moveTo>
                <a:lnTo>
                  <a:pt x="1032675" y="2507405"/>
                </a:lnTo>
                <a:lnTo>
                  <a:pt x="1044414" y="2507405"/>
                </a:lnTo>
                <a:lnTo>
                  <a:pt x="1044414" y="2495666"/>
                </a:lnTo>
                <a:close/>
                <a:moveTo>
                  <a:pt x="909432" y="2495481"/>
                </a:moveTo>
                <a:lnTo>
                  <a:pt x="909432" y="2507627"/>
                </a:lnTo>
                <a:lnTo>
                  <a:pt x="921578" y="2507627"/>
                </a:lnTo>
                <a:lnTo>
                  <a:pt x="921578" y="2495481"/>
                </a:lnTo>
                <a:close/>
                <a:moveTo>
                  <a:pt x="786338" y="2495481"/>
                </a:moveTo>
                <a:lnTo>
                  <a:pt x="786338" y="2507627"/>
                </a:lnTo>
                <a:lnTo>
                  <a:pt x="798484" y="2507627"/>
                </a:lnTo>
                <a:lnTo>
                  <a:pt x="798484" y="2495481"/>
                </a:lnTo>
                <a:close/>
                <a:moveTo>
                  <a:pt x="663095" y="2495259"/>
                </a:moveTo>
                <a:lnTo>
                  <a:pt x="663095" y="2507850"/>
                </a:lnTo>
                <a:lnTo>
                  <a:pt x="675686" y="2507850"/>
                </a:lnTo>
                <a:lnTo>
                  <a:pt x="675686" y="2495259"/>
                </a:lnTo>
                <a:close/>
                <a:moveTo>
                  <a:pt x="539816" y="2495037"/>
                </a:moveTo>
                <a:lnTo>
                  <a:pt x="539816" y="2508072"/>
                </a:lnTo>
                <a:lnTo>
                  <a:pt x="552851" y="2508072"/>
                </a:lnTo>
                <a:lnTo>
                  <a:pt x="552851" y="2495037"/>
                </a:lnTo>
                <a:close/>
                <a:moveTo>
                  <a:pt x="416759" y="2495037"/>
                </a:moveTo>
                <a:lnTo>
                  <a:pt x="416759" y="2508072"/>
                </a:lnTo>
                <a:lnTo>
                  <a:pt x="429794" y="2508072"/>
                </a:lnTo>
                <a:lnTo>
                  <a:pt x="429794" y="2495037"/>
                </a:lnTo>
                <a:close/>
                <a:moveTo>
                  <a:pt x="293479" y="2494815"/>
                </a:moveTo>
                <a:lnTo>
                  <a:pt x="293479" y="2508295"/>
                </a:lnTo>
                <a:lnTo>
                  <a:pt x="306959" y="2508295"/>
                </a:lnTo>
                <a:lnTo>
                  <a:pt x="306959" y="2494815"/>
                </a:lnTo>
                <a:close/>
                <a:moveTo>
                  <a:pt x="170385" y="2494815"/>
                </a:moveTo>
                <a:lnTo>
                  <a:pt x="170385" y="2508295"/>
                </a:lnTo>
                <a:lnTo>
                  <a:pt x="183865" y="2508295"/>
                </a:lnTo>
                <a:lnTo>
                  <a:pt x="183865" y="2494815"/>
                </a:lnTo>
                <a:close/>
                <a:moveTo>
                  <a:pt x="47327" y="2494815"/>
                </a:moveTo>
                <a:lnTo>
                  <a:pt x="47327" y="2508295"/>
                </a:lnTo>
                <a:lnTo>
                  <a:pt x="60807" y="2508295"/>
                </a:lnTo>
                <a:lnTo>
                  <a:pt x="60807" y="2494815"/>
                </a:lnTo>
                <a:close/>
                <a:moveTo>
                  <a:pt x="4360962" y="2378275"/>
                </a:moveTo>
                <a:lnTo>
                  <a:pt x="4360962" y="2378719"/>
                </a:lnTo>
                <a:lnTo>
                  <a:pt x="4361406" y="2378719"/>
                </a:lnTo>
                <a:lnTo>
                  <a:pt x="4361406" y="2378275"/>
                </a:lnTo>
                <a:close/>
                <a:moveTo>
                  <a:pt x="4237905" y="2378275"/>
                </a:moveTo>
                <a:lnTo>
                  <a:pt x="4237905" y="2378719"/>
                </a:lnTo>
                <a:lnTo>
                  <a:pt x="4238349" y="2378719"/>
                </a:lnTo>
                <a:lnTo>
                  <a:pt x="4238349" y="2378275"/>
                </a:lnTo>
                <a:close/>
                <a:moveTo>
                  <a:pt x="4114848" y="2378275"/>
                </a:moveTo>
                <a:lnTo>
                  <a:pt x="4114848" y="2378719"/>
                </a:lnTo>
                <a:lnTo>
                  <a:pt x="4115292" y="2378719"/>
                </a:lnTo>
                <a:lnTo>
                  <a:pt x="4115292" y="2378275"/>
                </a:lnTo>
                <a:close/>
                <a:moveTo>
                  <a:pt x="3991790" y="2378275"/>
                </a:moveTo>
                <a:lnTo>
                  <a:pt x="3991790" y="2378719"/>
                </a:lnTo>
                <a:lnTo>
                  <a:pt x="3992235" y="2378719"/>
                </a:lnTo>
                <a:lnTo>
                  <a:pt x="3992235" y="2378275"/>
                </a:lnTo>
                <a:close/>
                <a:moveTo>
                  <a:pt x="3868733" y="2378275"/>
                </a:moveTo>
                <a:lnTo>
                  <a:pt x="3868733" y="2378719"/>
                </a:lnTo>
                <a:lnTo>
                  <a:pt x="3869177" y="2378719"/>
                </a:lnTo>
                <a:lnTo>
                  <a:pt x="3869177" y="2378275"/>
                </a:lnTo>
                <a:close/>
                <a:moveTo>
                  <a:pt x="3745676" y="2378275"/>
                </a:moveTo>
                <a:lnTo>
                  <a:pt x="3745676" y="2378719"/>
                </a:lnTo>
                <a:lnTo>
                  <a:pt x="3746120" y="2378719"/>
                </a:lnTo>
                <a:lnTo>
                  <a:pt x="3746120" y="2378275"/>
                </a:lnTo>
                <a:close/>
                <a:moveTo>
                  <a:pt x="3622618" y="2378275"/>
                </a:moveTo>
                <a:lnTo>
                  <a:pt x="3622618" y="2378719"/>
                </a:lnTo>
                <a:lnTo>
                  <a:pt x="3623062" y="2378719"/>
                </a:lnTo>
                <a:lnTo>
                  <a:pt x="3623062" y="2378275"/>
                </a:lnTo>
                <a:close/>
                <a:moveTo>
                  <a:pt x="3499339" y="2378053"/>
                </a:moveTo>
                <a:lnTo>
                  <a:pt x="3499339" y="2378905"/>
                </a:lnTo>
                <a:lnTo>
                  <a:pt x="3500191" y="2378905"/>
                </a:lnTo>
                <a:lnTo>
                  <a:pt x="3500191" y="2378053"/>
                </a:lnTo>
                <a:close/>
                <a:moveTo>
                  <a:pt x="3376282" y="2378053"/>
                </a:moveTo>
                <a:lnTo>
                  <a:pt x="3376282" y="2378905"/>
                </a:lnTo>
                <a:lnTo>
                  <a:pt x="3377134" y="2378905"/>
                </a:lnTo>
                <a:lnTo>
                  <a:pt x="3377134" y="2378053"/>
                </a:lnTo>
                <a:close/>
                <a:moveTo>
                  <a:pt x="3253002" y="2377830"/>
                </a:moveTo>
                <a:lnTo>
                  <a:pt x="3253002" y="2379126"/>
                </a:lnTo>
                <a:lnTo>
                  <a:pt x="3254298" y="2379126"/>
                </a:lnTo>
                <a:lnTo>
                  <a:pt x="3254298" y="2377830"/>
                </a:lnTo>
                <a:close/>
                <a:moveTo>
                  <a:pt x="3129945" y="2377830"/>
                </a:moveTo>
                <a:lnTo>
                  <a:pt x="3129945" y="2379126"/>
                </a:lnTo>
                <a:lnTo>
                  <a:pt x="3131241" y="2379126"/>
                </a:lnTo>
                <a:lnTo>
                  <a:pt x="3131241" y="2377830"/>
                </a:lnTo>
                <a:close/>
                <a:moveTo>
                  <a:pt x="3006665" y="2377608"/>
                </a:moveTo>
                <a:lnTo>
                  <a:pt x="3006665" y="2379349"/>
                </a:lnTo>
                <a:lnTo>
                  <a:pt x="3008405" y="2379349"/>
                </a:lnTo>
                <a:lnTo>
                  <a:pt x="3008405" y="2377608"/>
                </a:lnTo>
                <a:close/>
                <a:moveTo>
                  <a:pt x="2883386" y="2377386"/>
                </a:moveTo>
                <a:lnTo>
                  <a:pt x="2883386" y="2379571"/>
                </a:lnTo>
                <a:lnTo>
                  <a:pt x="2885571" y="2379571"/>
                </a:lnTo>
                <a:lnTo>
                  <a:pt x="2885571" y="2377386"/>
                </a:lnTo>
                <a:close/>
                <a:moveTo>
                  <a:pt x="2760106" y="2377164"/>
                </a:moveTo>
                <a:lnTo>
                  <a:pt x="2760106" y="2379756"/>
                </a:lnTo>
                <a:lnTo>
                  <a:pt x="2762698" y="2379756"/>
                </a:lnTo>
                <a:lnTo>
                  <a:pt x="2762698" y="2377164"/>
                </a:lnTo>
                <a:close/>
                <a:moveTo>
                  <a:pt x="2636827" y="2376979"/>
                </a:moveTo>
                <a:lnTo>
                  <a:pt x="2636827" y="2380016"/>
                </a:lnTo>
                <a:lnTo>
                  <a:pt x="2639864" y="2380016"/>
                </a:lnTo>
                <a:lnTo>
                  <a:pt x="2639864" y="2376979"/>
                </a:lnTo>
                <a:close/>
                <a:moveTo>
                  <a:pt x="2513547" y="2376756"/>
                </a:moveTo>
                <a:lnTo>
                  <a:pt x="2513547" y="2380237"/>
                </a:lnTo>
                <a:lnTo>
                  <a:pt x="2517028" y="2380237"/>
                </a:lnTo>
                <a:lnTo>
                  <a:pt x="2517028" y="2376756"/>
                </a:lnTo>
                <a:close/>
                <a:moveTo>
                  <a:pt x="2390268" y="2376534"/>
                </a:moveTo>
                <a:lnTo>
                  <a:pt x="2390268" y="2380459"/>
                </a:lnTo>
                <a:lnTo>
                  <a:pt x="2394193" y="2380459"/>
                </a:lnTo>
                <a:lnTo>
                  <a:pt x="2394193" y="2376534"/>
                </a:lnTo>
                <a:close/>
                <a:moveTo>
                  <a:pt x="2266766" y="2376090"/>
                </a:moveTo>
                <a:lnTo>
                  <a:pt x="2266766" y="2380867"/>
                </a:lnTo>
                <a:lnTo>
                  <a:pt x="2271543" y="2380867"/>
                </a:lnTo>
                <a:lnTo>
                  <a:pt x="2271543" y="2376090"/>
                </a:lnTo>
                <a:close/>
                <a:moveTo>
                  <a:pt x="2143486" y="2375868"/>
                </a:moveTo>
                <a:lnTo>
                  <a:pt x="2143486" y="2381090"/>
                </a:lnTo>
                <a:lnTo>
                  <a:pt x="2148707" y="2381090"/>
                </a:lnTo>
                <a:lnTo>
                  <a:pt x="2148707" y="2375868"/>
                </a:lnTo>
                <a:close/>
                <a:moveTo>
                  <a:pt x="2020207" y="2375646"/>
                </a:moveTo>
                <a:lnTo>
                  <a:pt x="2020207" y="2381275"/>
                </a:lnTo>
                <a:lnTo>
                  <a:pt x="2025836" y="2381275"/>
                </a:lnTo>
                <a:lnTo>
                  <a:pt x="2025836" y="2375646"/>
                </a:lnTo>
                <a:close/>
                <a:moveTo>
                  <a:pt x="1896705" y="2375238"/>
                </a:moveTo>
                <a:lnTo>
                  <a:pt x="1896705" y="2381756"/>
                </a:lnTo>
                <a:lnTo>
                  <a:pt x="1903223" y="2381756"/>
                </a:lnTo>
                <a:lnTo>
                  <a:pt x="1903223" y="2375238"/>
                </a:lnTo>
                <a:close/>
                <a:moveTo>
                  <a:pt x="1773426" y="2375016"/>
                </a:moveTo>
                <a:lnTo>
                  <a:pt x="1773426" y="2381978"/>
                </a:lnTo>
                <a:lnTo>
                  <a:pt x="1780388" y="2381978"/>
                </a:lnTo>
                <a:lnTo>
                  <a:pt x="1780388" y="2375016"/>
                </a:lnTo>
                <a:close/>
                <a:moveTo>
                  <a:pt x="1650183" y="2374794"/>
                </a:moveTo>
                <a:lnTo>
                  <a:pt x="1650183" y="2382163"/>
                </a:lnTo>
                <a:lnTo>
                  <a:pt x="1657552" y="2382163"/>
                </a:lnTo>
                <a:lnTo>
                  <a:pt x="1657552" y="2374794"/>
                </a:lnTo>
                <a:close/>
                <a:moveTo>
                  <a:pt x="1526904" y="2374572"/>
                </a:moveTo>
                <a:lnTo>
                  <a:pt x="1526904" y="2382386"/>
                </a:lnTo>
                <a:lnTo>
                  <a:pt x="1534718" y="2382386"/>
                </a:lnTo>
                <a:lnTo>
                  <a:pt x="1534718" y="2374572"/>
                </a:lnTo>
                <a:close/>
                <a:moveTo>
                  <a:pt x="1403624" y="2374349"/>
                </a:moveTo>
                <a:lnTo>
                  <a:pt x="1403624" y="2382607"/>
                </a:lnTo>
                <a:lnTo>
                  <a:pt x="1411882" y="2382607"/>
                </a:lnTo>
                <a:lnTo>
                  <a:pt x="1411882" y="2374349"/>
                </a:lnTo>
                <a:close/>
                <a:moveTo>
                  <a:pt x="1280345" y="2374127"/>
                </a:moveTo>
                <a:lnTo>
                  <a:pt x="1280345" y="2382830"/>
                </a:lnTo>
                <a:lnTo>
                  <a:pt x="1289048" y="2382830"/>
                </a:lnTo>
                <a:lnTo>
                  <a:pt x="1289048" y="2374127"/>
                </a:lnTo>
                <a:close/>
                <a:moveTo>
                  <a:pt x="1157065" y="2373905"/>
                </a:moveTo>
                <a:lnTo>
                  <a:pt x="1157065" y="2383015"/>
                </a:lnTo>
                <a:lnTo>
                  <a:pt x="1166175" y="2383015"/>
                </a:lnTo>
                <a:lnTo>
                  <a:pt x="1166175" y="2373905"/>
                </a:lnTo>
                <a:close/>
                <a:moveTo>
                  <a:pt x="1034008" y="2373905"/>
                </a:moveTo>
                <a:lnTo>
                  <a:pt x="1034008" y="2383015"/>
                </a:lnTo>
                <a:lnTo>
                  <a:pt x="1043118" y="2383015"/>
                </a:lnTo>
                <a:lnTo>
                  <a:pt x="1043118" y="2373905"/>
                </a:lnTo>
                <a:close/>
                <a:moveTo>
                  <a:pt x="910728" y="2373720"/>
                </a:moveTo>
                <a:lnTo>
                  <a:pt x="910728" y="2383274"/>
                </a:lnTo>
                <a:lnTo>
                  <a:pt x="920282" y="2383274"/>
                </a:lnTo>
                <a:lnTo>
                  <a:pt x="920282" y="2373720"/>
                </a:lnTo>
                <a:close/>
                <a:moveTo>
                  <a:pt x="787671" y="2373720"/>
                </a:moveTo>
                <a:lnTo>
                  <a:pt x="787671" y="2383274"/>
                </a:lnTo>
                <a:lnTo>
                  <a:pt x="797225" y="2383274"/>
                </a:lnTo>
                <a:lnTo>
                  <a:pt x="797225" y="2373720"/>
                </a:lnTo>
                <a:close/>
                <a:moveTo>
                  <a:pt x="664614" y="2373720"/>
                </a:moveTo>
                <a:lnTo>
                  <a:pt x="664614" y="2383274"/>
                </a:lnTo>
                <a:lnTo>
                  <a:pt x="674168" y="2383274"/>
                </a:lnTo>
                <a:lnTo>
                  <a:pt x="674168" y="2373720"/>
                </a:lnTo>
                <a:close/>
                <a:moveTo>
                  <a:pt x="541334" y="2373498"/>
                </a:moveTo>
                <a:lnTo>
                  <a:pt x="541334" y="2383497"/>
                </a:lnTo>
                <a:lnTo>
                  <a:pt x="551333" y="2383497"/>
                </a:lnTo>
                <a:lnTo>
                  <a:pt x="551333" y="2373498"/>
                </a:lnTo>
                <a:close/>
                <a:moveTo>
                  <a:pt x="418277" y="2373498"/>
                </a:moveTo>
                <a:lnTo>
                  <a:pt x="418277" y="2383497"/>
                </a:lnTo>
                <a:lnTo>
                  <a:pt x="428276" y="2383497"/>
                </a:lnTo>
                <a:lnTo>
                  <a:pt x="428276" y="2373498"/>
                </a:lnTo>
                <a:close/>
                <a:moveTo>
                  <a:pt x="294997" y="2373275"/>
                </a:moveTo>
                <a:lnTo>
                  <a:pt x="294997" y="2383681"/>
                </a:lnTo>
                <a:lnTo>
                  <a:pt x="305403" y="2383681"/>
                </a:lnTo>
                <a:lnTo>
                  <a:pt x="305403" y="2373275"/>
                </a:lnTo>
                <a:close/>
                <a:moveTo>
                  <a:pt x="171940" y="2373275"/>
                </a:moveTo>
                <a:lnTo>
                  <a:pt x="171940" y="2383681"/>
                </a:lnTo>
                <a:lnTo>
                  <a:pt x="182346" y="2383681"/>
                </a:lnTo>
                <a:lnTo>
                  <a:pt x="182346" y="2373275"/>
                </a:lnTo>
                <a:close/>
                <a:moveTo>
                  <a:pt x="48846" y="2373275"/>
                </a:moveTo>
                <a:lnTo>
                  <a:pt x="48846" y="2383681"/>
                </a:lnTo>
                <a:lnTo>
                  <a:pt x="59252" y="2383681"/>
                </a:lnTo>
                <a:lnTo>
                  <a:pt x="59252" y="2373275"/>
                </a:lnTo>
                <a:close/>
                <a:moveTo>
                  <a:pt x="4360962" y="2255217"/>
                </a:moveTo>
                <a:lnTo>
                  <a:pt x="4360962" y="2255661"/>
                </a:lnTo>
                <a:lnTo>
                  <a:pt x="4361406" y="2255661"/>
                </a:lnTo>
                <a:lnTo>
                  <a:pt x="4361406" y="2255217"/>
                </a:lnTo>
                <a:close/>
                <a:moveTo>
                  <a:pt x="4237905" y="2255217"/>
                </a:moveTo>
                <a:lnTo>
                  <a:pt x="4237905" y="2255661"/>
                </a:lnTo>
                <a:lnTo>
                  <a:pt x="4238349" y="2255661"/>
                </a:lnTo>
                <a:lnTo>
                  <a:pt x="4238349" y="2255217"/>
                </a:lnTo>
                <a:close/>
                <a:moveTo>
                  <a:pt x="4114848" y="2255217"/>
                </a:moveTo>
                <a:lnTo>
                  <a:pt x="4114848" y="2255661"/>
                </a:lnTo>
                <a:lnTo>
                  <a:pt x="4115292" y="2255661"/>
                </a:lnTo>
                <a:lnTo>
                  <a:pt x="4115292" y="2255217"/>
                </a:lnTo>
                <a:close/>
                <a:moveTo>
                  <a:pt x="3991790" y="2255217"/>
                </a:moveTo>
                <a:lnTo>
                  <a:pt x="3991790" y="2255661"/>
                </a:lnTo>
                <a:lnTo>
                  <a:pt x="3992235" y="2255661"/>
                </a:lnTo>
                <a:lnTo>
                  <a:pt x="3992235" y="2255217"/>
                </a:lnTo>
                <a:close/>
                <a:moveTo>
                  <a:pt x="3868733" y="2255217"/>
                </a:moveTo>
                <a:lnTo>
                  <a:pt x="3868733" y="2255661"/>
                </a:lnTo>
                <a:lnTo>
                  <a:pt x="3869177" y="2255661"/>
                </a:lnTo>
                <a:lnTo>
                  <a:pt x="3869177" y="2255217"/>
                </a:lnTo>
                <a:close/>
                <a:moveTo>
                  <a:pt x="3745676" y="2255217"/>
                </a:moveTo>
                <a:lnTo>
                  <a:pt x="3745676" y="2255661"/>
                </a:lnTo>
                <a:lnTo>
                  <a:pt x="3746120" y="2255661"/>
                </a:lnTo>
                <a:lnTo>
                  <a:pt x="3746120" y="2255217"/>
                </a:lnTo>
                <a:close/>
                <a:moveTo>
                  <a:pt x="3622618" y="2255217"/>
                </a:moveTo>
                <a:lnTo>
                  <a:pt x="3622618" y="2255661"/>
                </a:lnTo>
                <a:lnTo>
                  <a:pt x="3623062" y="2255661"/>
                </a:lnTo>
                <a:lnTo>
                  <a:pt x="3623062" y="2255217"/>
                </a:lnTo>
                <a:close/>
                <a:moveTo>
                  <a:pt x="3499524" y="2255217"/>
                </a:moveTo>
                <a:lnTo>
                  <a:pt x="3499524" y="2255661"/>
                </a:lnTo>
                <a:lnTo>
                  <a:pt x="3499968" y="2255661"/>
                </a:lnTo>
                <a:lnTo>
                  <a:pt x="3499968" y="2255217"/>
                </a:lnTo>
                <a:close/>
                <a:moveTo>
                  <a:pt x="3376282" y="2254995"/>
                </a:moveTo>
                <a:lnTo>
                  <a:pt x="3376282" y="2255847"/>
                </a:lnTo>
                <a:lnTo>
                  <a:pt x="3377134" y="2255847"/>
                </a:lnTo>
                <a:lnTo>
                  <a:pt x="3377134" y="2254995"/>
                </a:lnTo>
                <a:close/>
                <a:moveTo>
                  <a:pt x="3253187" y="2254995"/>
                </a:moveTo>
                <a:lnTo>
                  <a:pt x="3253187" y="2255847"/>
                </a:lnTo>
                <a:lnTo>
                  <a:pt x="3254039" y="2255847"/>
                </a:lnTo>
                <a:lnTo>
                  <a:pt x="3254039" y="2254995"/>
                </a:lnTo>
                <a:close/>
                <a:moveTo>
                  <a:pt x="3129945" y="2254773"/>
                </a:moveTo>
                <a:lnTo>
                  <a:pt x="3129945" y="2256069"/>
                </a:lnTo>
                <a:lnTo>
                  <a:pt x="3131241" y="2256069"/>
                </a:lnTo>
                <a:lnTo>
                  <a:pt x="3131241" y="2254773"/>
                </a:lnTo>
                <a:close/>
                <a:moveTo>
                  <a:pt x="3006850" y="2254773"/>
                </a:moveTo>
                <a:lnTo>
                  <a:pt x="3006850" y="2256069"/>
                </a:lnTo>
                <a:lnTo>
                  <a:pt x="3008146" y="2256069"/>
                </a:lnTo>
                <a:lnTo>
                  <a:pt x="3008146" y="2254773"/>
                </a:lnTo>
                <a:close/>
                <a:moveTo>
                  <a:pt x="2883608" y="2254551"/>
                </a:moveTo>
                <a:lnTo>
                  <a:pt x="2883608" y="2256291"/>
                </a:lnTo>
                <a:lnTo>
                  <a:pt x="2885348" y="2256291"/>
                </a:lnTo>
                <a:lnTo>
                  <a:pt x="2885348" y="2254551"/>
                </a:lnTo>
                <a:close/>
                <a:moveTo>
                  <a:pt x="2760328" y="2254329"/>
                </a:moveTo>
                <a:lnTo>
                  <a:pt x="2760328" y="2256514"/>
                </a:lnTo>
                <a:lnTo>
                  <a:pt x="2762513" y="2256514"/>
                </a:lnTo>
                <a:lnTo>
                  <a:pt x="2762513" y="2254329"/>
                </a:lnTo>
                <a:close/>
                <a:moveTo>
                  <a:pt x="2637049" y="2254107"/>
                </a:moveTo>
                <a:lnTo>
                  <a:pt x="2637049" y="2256699"/>
                </a:lnTo>
                <a:lnTo>
                  <a:pt x="2639641" y="2256699"/>
                </a:lnTo>
                <a:lnTo>
                  <a:pt x="2639641" y="2254107"/>
                </a:lnTo>
                <a:close/>
                <a:moveTo>
                  <a:pt x="2513769" y="2253921"/>
                </a:moveTo>
                <a:lnTo>
                  <a:pt x="2513769" y="2256958"/>
                </a:lnTo>
                <a:lnTo>
                  <a:pt x="2516806" y="2256958"/>
                </a:lnTo>
                <a:lnTo>
                  <a:pt x="2516806" y="2253921"/>
                </a:lnTo>
                <a:close/>
                <a:moveTo>
                  <a:pt x="2390490" y="2253699"/>
                </a:moveTo>
                <a:lnTo>
                  <a:pt x="2390490" y="2257180"/>
                </a:lnTo>
                <a:lnTo>
                  <a:pt x="2393971" y="2257180"/>
                </a:lnTo>
                <a:lnTo>
                  <a:pt x="2393971" y="2253699"/>
                </a:lnTo>
                <a:close/>
                <a:moveTo>
                  <a:pt x="2267210" y="2253477"/>
                </a:moveTo>
                <a:lnTo>
                  <a:pt x="2267210" y="2257402"/>
                </a:lnTo>
                <a:lnTo>
                  <a:pt x="2271135" y="2257402"/>
                </a:lnTo>
                <a:lnTo>
                  <a:pt x="2271135" y="2253477"/>
                </a:lnTo>
                <a:close/>
                <a:moveTo>
                  <a:pt x="2143931" y="2253255"/>
                </a:moveTo>
                <a:lnTo>
                  <a:pt x="2143931" y="2257588"/>
                </a:lnTo>
                <a:lnTo>
                  <a:pt x="2148264" y="2257588"/>
                </a:lnTo>
                <a:lnTo>
                  <a:pt x="2148264" y="2253255"/>
                </a:lnTo>
                <a:close/>
                <a:moveTo>
                  <a:pt x="2020651" y="2253033"/>
                </a:moveTo>
                <a:lnTo>
                  <a:pt x="2020651" y="2257810"/>
                </a:lnTo>
                <a:lnTo>
                  <a:pt x="2025428" y="2257810"/>
                </a:lnTo>
                <a:lnTo>
                  <a:pt x="2025428" y="2253033"/>
                </a:lnTo>
                <a:close/>
                <a:moveTo>
                  <a:pt x="1897372" y="2252810"/>
                </a:moveTo>
                <a:lnTo>
                  <a:pt x="1897372" y="2258031"/>
                </a:lnTo>
                <a:lnTo>
                  <a:pt x="1902593" y="2258031"/>
                </a:lnTo>
                <a:lnTo>
                  <a:pt x="1902593" y="2252810"/>
                </a:lnTo>
                <a:close/>
                <a:moveTo>
                  <a:pt x="1774092" y="2252588"/>
                </a:moveTo>
                <a:lnTo>
                  <a:pt x="1774092" y="2258217"/>
                </a:lnTo>
                <a:lnTo>
                  <a:pt x="1779721" y="2258217"/>
                </a:lnTo>
                <a:lnTo>
                  <a:pt x="1779721" y="2252588"/>
                </a:lnTo>
                <a:close/>
                <a:moveTo>
                  <a:pt x="1650813" y="2252366"/>
                </a:moveTo>
                <a:lnTo>
                  <a:pt x="1650813" y="2258439"/>
                </a:lnTo>
                <a:lnTo>
                  <a:pt x="1656886" y="2258439"/>
                </a:lnTo>
                <a:lnTo>
                  <a:pt x="1656886" y="2252366"/>
                </a:lnTo>
                <a:close/>
                <a:moveTo>
                  <a:pt x="1527755" y="2252366"/>
                </a:moveTo>
                <a:lnTo>
                  <a:pt x="1527755" y="2258439"/>
                </a:lnTo>
                <a:lnTo>
                  <a:pt x="1533828" y="2258439"/>
                </a:lnTo>
                <a:lnTo>
                  <a:pt x="1533828" y="2252366"/>
                </a:lnTo>
                <a:close/>
                <a:moveTo>
                  <a:pt x="1404476" y="2252181"/>
                </a:moveTo>
                <a:lnTo>
                  <a:pt x="1404476" y="2258699"/>
                </a:lnTo>
                <a:lnTo>
                  <a:pt x="1410994" y="2258699"/>
                </a:lnTo>
                <a:lnTo>
                  <a:pt x="1410994" y="2252181"/>
                </a:lnTo>
                <a:close/>
                <a:moveTo>
                  <a:pt x="1281419" y="2252181"/>
                </a:moveTo>
                <a:lnTo>
                  <a:pt x="1281419" y="2258699"/>
                </a:lnTo>
                <a:lnTo>
                  <a:pt x="1287937" y="2258699"/>
                </a:lnTo>
                <a:lnTo>
                  <a:pt x="1287937" y="2252181"/>
                </a:lnTo>
                <a:close/>
                <a:moveTo>
                  <a:pt x="1158139" y="2251959"/>
                </a:moveTo>
                <a:lnTo>
                  <a:pt x="1158139" y="2258921"/>
                </a:lnTo>
                <a:lnTo>
                  <a:pt x="1165101" y="2258921"/>
                </a:lnTo>
                <a:lnTo>
                  <a:pt x="1165101" y="2251959"/>
                </a:lnTo>
                <a:close/>
                <a:moveTo>
                  <a:pt x="1035082" y="2251959"/>
                </a:moveTo>
                <a:lnTo>
                  <a:pt x="1035082" y="2258921"/>
                </a:lnTo>
                <a:lnTo>
                  <a:pt x="1042044" y="2258921"/>
                </a:lnTo>
                <a:lnTo>
                  <a:pt x="1042044" y="2251959"/>
                </a:lnTo>
                <a:close/>
                <a:moveTo>
                  <a:pt x="912025" y="2251959"/>
                </a:moveTo>
                <a:lnTo>
                  <a:pt x="912025" y="2258921"/>
                </a:lnTo>
                <a:lnTo>
                  <a:pt x="918987" y="2258921"/>
                </a:lnTo>
                <a:lnTo>
                  <a:pt x="918987" y="2251959"/>
                </a:lnTo>
                <a:close/>
                <a:moveTo>
                  <a:pt x="788967" y="2251959"/>
                </a:moveTo>
                <a:lnTo>
                  <a:pt x="788967" y="2258921"/>
                </a:lnTo>
                <a:lnTo>
                  <a:pt x="795929" y="2258921"/>
                </a:lnTo>
                <a:lnTo>
                  <a:pt x="795929" y="2251959"/>
                </a:lnTo>
                <a:close/>
                <a:moveTo>
                  <a:pt x="665910" y="2251959"/>
                </a:moveTo>
                <a:lnTo>
                  <a:pt x="665910" y="2258921"/>
                </a:lnTo>
                <a:lnTo>
                  <a:pt x="672872" y="2258921"/>
                </a:lnTo>
                <a:lnTo>
                  <a:pt x="672872" y="2251959"/>
                </a:lnTo>
                <a:close/>
                <a:moveTo>
                  <a:pt x="542630" y="2251736"/>
                </a:moveTo>
                <a:lnTo>
                  <a:pt x="542630" y="2259105"/>
                </a:lnTo>
                <a:lnTo>
                  <a:pt x="549999" y="2259105"/>
                </a:lnTo>
                <a:lnTo>
                  <a:pt x="549999" y="2251736"/>
                </a:lnTo>
                <a:close/>
                <a:moveTo>
                  <a:pt x="419573" y="2251736"/>
                </a:moveTo>
                <a:lnTo>
                  <a:pt x="419573" y="2259105"/>
                </a:lnTo>
                <a:lnTo>
                  <a:pt x="426942" y="2259105"/>
                </a:lnTo>
                <a:lnTo>
                  <a:pt x="426942" y="2251736"/>
                </a:lnTo>
                <a:close/>
                <a:moveTo>
                  <a:pt x="296516" y="2251736"/>
                </a:moveTo>
                <a:lnTo>
                  <a:pt x="296516" y="2259105"/>
                </a:lnTo>
                <a:lnTo>
                  <a:pt x="303885" y="2259105"/>
                </a:lnTo>
                <a:lnTo>
                  <a:pt x="303885" y="2251736"/>
                </a:lnTo>
                <a:close/>
                <a:moveTo>
                  <a:pt x="50401" y="2251736"/>
                </a:moveTo>
                <a:lnTo>
                  <a:pt x="50401" y="2259105"/>
                </a:lnTo>
                <a:lnTo>
                  <a:pt x="57770" y="2259105"/>
                </a:lnTo>
                <a:lnTo>
                  <a:pt x="57770" y="2251736"/>
                </a:lnTo>
                <a:close/>
                <a:moveTo>
                  <a:pt x="173236" y="2251514"/>
                </a:moveTo>
                <a:lnTo>
                  <a:pt x="173236" y="2259328"/>
                </a:lnTo>
                <a:lnTo>
                  <a:pt x="181050" y="2259328"/>
                </a:lnTo>
                <a:lnTo>
                  <a:pt x="181050" y="2251514"/>
                </a:lnTo>
                <a:close/>
                <a:moveTo>
                  <a:pt x="4237905" y="2132160"/>
                </a:moveTo>
                <a:lnTo>
                  <a:pt x="4237905" y="2132604"/>
                </a:lnTo>
                <a:lnTo>
                  <a:pt x="4238349" y="2132604"/>
                </a:lnTo>
                <a:lnTo>
                  <a:pt x="4238349" y="2132160"/>
                </a:lnTo>
                <a:close/>
                <a:moveTo>
                  <a:pt x="4114848" y="2132160"/>
                </a:moveTo>
                <a:lnTo>
                  <a:pt x="4114848" y="2132604"/>
                </a:lnTo>
                <a:lnTo>
                  <a:pt x="4115292" y="2132604"/>
                </a:lnTo>
                <a:lnTo>
                  <a:pt x="4115292" y="2132160"/>
                </a:lnTo>
                <a:close/>
                <a:moveTo>
                  <a:pt x="3991790" y="2132160"/>
                </a:moveTo>
                <a:lnTo>
                  <a:pt x="3991790" y="2132604"/>
                </a:lnTo>
                <a:lnTo>
                  <a:pt x="3992235" y="2132604"/>
                </a:lnTo>
                <a:lnTo>
                  <a:pt x="3992235" y="2132160"/>
                </a:lnTo>
                <a:close/>
                <a:moveTo>
                  <a:pt x="3868733" y="2132160"/>
                </a:moveTo>
                <a:lnTo>
                  <a:pt x="3868733" y="2132604"/>
                </a:lnTo>
                <a:lnTo>
                  <a:pt x="3869177" y="2132604"/>
                </a:lnTo>
                <a:lnTo>
                  <a:pt x="3869177" y="2132160"/>
                </a:lnTo>
                <a:close/>
                <a:moveTo>
                  <a:pt x="3745676" y="2132160"/>
                </a:moveTo>
                <a:lnTo>
                  <a:pt x="3745676" y="2132604"/>
                </a:lnTo>
                <a:lnTo>
                  <a:pt x="3746120" y="2132604"/>
                </a:lnTo>
                <a:lnTo>
                  <a:pt x="3746120" y="2132160"/>
                </a:lnTo>
                <a:close/>
                <a:moveTo>
                  <a:pt x="3622618" y="2132160"/>
                </a:moveTo>
                <a:lnTo>
                  <a:pt x="3622618" y="2132604"/>
                </a:lnTo>
                <a:lnTo>
                  <a:pt x="3623062" y="2132604"/>
                </a:lnTo>
                <a:lnTo>
                  <a:pt x="3623062" y="2132160"/>
                </a:lnTo>
                <a:close/>
                <a:moveTo>
                  <a:pt x="3499524" y="2132160"/>
                </a:moveTo>
                <a:lnTo>
                  <a:pt x="3499524" y="2132604"/>
                </a:lnTo>
                <a:lnTo>
                  <a:pt x="3499968" y="2132604"/>
                </a:lnTo>
                <a:lnTo>
                  <a:pt x="3499968" y="2132160"/>
                </a:lnTo>
                <a:close/>
                <a:moveTo>
                  <a:pt x="3376282" y="2131938"/>
                </a:moveTo>
                <a:lnTo>
                  <a:pt x="3376282" y="2132790"/>
                </a:lnTo>
                <a:lnTo>
                  <a:pt x="3377134" y="2132790"/>
                </a:lnTo>
                <a:lnTo>
                  <a:pt x="3377134" y="2131938"/>
                </a:lnTo>
                <a:close/>
                <a:moveTo>
                  <a:pt x="3253187" y="2131938"/>
                </a:moveTo>
                <a:lnTo>
                  <a:pt x="3253187" y="2132790"/>
                </a:lnTo>
                <a:lnTo>
                  <a:pt x="3254039" y="2132790"/>
                </a:lnTo>
                <a:lnTo>
                  <a:pt x="3254039" y="2131938"/>
                </a:lnTo>
                <a:close/>
                <a:moveTo>
                  <a:pt x="3130130" y="2131938"/>
                </a:moveTo>
                <a:lnTo>
                  <a:pt x="3130130" y="2132790"/>
                </a:lnTo>
                <a:lnTo>
                  <a:pt x="3130982" y="2132790"/>
                </a:lnTo>
                <a:lnTo>
                  <a:pt x="3130982" y="2131938"/>
                </a:lnTo>
                <a:close/>
                <a:moveTo>
                  <a:pt x="3006850" y="2131716"/>
                </a:moveTo>
                <a:lnTo>
                  <a:pt x="3006850" y="2133012"/>
                </a:lnTo>
                <a:lnTo>
                  <a:pt x="3008146" y="2133012"/>
                </a:lnTo>
                <a:lnTo>
                  <a:pt x="3008146" y="2131716"/>
                </a:lnTo>
                <a:close/>
                <a:moveTo>
                  <a:pt x="2883793" y="2131716"/>
                </a:moveTo>
                <a:lnTo>
                  <a:pt x="2883793" y="2133012"/>
                </a:lnTo>
                <a:lnTo>
                  <a:pt x="2885089" y="2133012"/>
                </a:lnTo>
                <a:lnTo>
                  <a:pt x="2885089" y="2131716"/>
                </a:lnTo>
                <a:close/>
                <a:moveTo>
                  <a:pt x="2760514" y="2131494"/>
                </a:moveTo>
                <a:lnTo>
                  <a:pt x="2760514" y="2133235"/>
                </a:lnTo>
                <a:lnTo>
                  <a:pt x="2762254" y="2133235"/>
                </a:lnTo>
                <a:lnTo>
                  <a:pt x="2762254" y="2131494"/>
                </a:lnTo>
                <a:close/>
                <a:moveTo>
                  <a:pt x="2637234" y="2131271"/>
                </a:moveTo>
                <a:lnTo>
                  <a:pt x="2637234" y="2133456"/>
                </a:lnTo>
                <a:lnTo>
                  <a:pt x="2639419" y="2133456"/>
                </a:lnTo>
                <a:lnTo>
                  <a:pt x="2639419" y="2131271"/>
                </a:lnTo>
                <a:close/>
                <a:moveTo>
                  <a:pt x="2514177" y="2131271"/>
                </a:moveTo>
                <a:lnTo>
                  <a:pt x="2514177" y="2133456"/>
                </a:lnTo>
                <a:lnTo>
                  <a:pt x="2516362" y="2133456"/>
                </a:lnTo>
                <a:lnTo>
                  <a:pt x="2516362" y="2131271"/>
                </a:lnTo>
                <a:close/>
                <a:moveTo>
                  <a:pt x="2390897" y="2131049"/>
                </a:moveTo>
                <a:lnTo>
                  <a:pt x="2390897" y="2133641"/>
                </a:lnTo>
                <a:lnTo>
                  <a:pt x="2393489" y="2133641"/>
                </a:lnTo>
                <a:lnTo>
                  <a:pt x="2393489" y="2131049"/>
                </a:lnTo>
                <a:close/>
                <a:moveTo>
                  <a:pt x="2267655" y="2130827"/>
                </a:moveTo>
                <a:lnTo>
                  <a:pt x="2267655" y="2133864"/>
                </a:lnTo>
                <a:lnTo>
                  <a:pt x="2270692" y="2133864"/>
                </a:lnTo>
                <a:lnTo>
                  <a:pt x="2270692" y="2130827"/>
                </a:lnTo>
                <a:close/>
                <a:moveTo>
                  <a:pt x="2144375" y="2130642"/>
                </a:moveTo>
                <a:lnTo>
                  <a:pt x="2144375" y="2134123"/>
                </a:lnTo>
                <a:lnTo>
                  <a:pt x="2147856" y="2134123"/>
                </a:lnTo>
                <a:lnTo>
                  <a:pt x="2147856" y="2130642"/>
                </a:lnTo>
                <a:close/>
                <a:moveTo>
                  <a:pt x="2021096" y="2130420"/>
                </a:moveTo>
                <a:lnTo>
                  <a:pt x="2021096" y="2134345"/>
                </a:lnTo>
                <a:lnTo>
                  <a:pt x="2025021" y="2134345"/>
                </a:lnTo>
                <a:lnTo>
                  <a:pt x="2025021" y="2130420"/>
                </a:lnTo>
                <a:close/>
                <a:moveTo>
                  <a:pt x="1898038" y="2130420"/>
                </a:moveTo>
                <a:lnTo>
                  <a:pt x="1898038" y="2134345"/>
                </a:lnTo>
                <a:lnTo>
                  <a:pt x="1901963" y="2134345"/>
                </a:lnTo>
                <a:lnTo>
                  <a:pt x="1901963" y="2130420"/>
                </a:lnTo>
                <a:close/>
                <a:moveTo>
                  <a:pt x="1774759" y="2130197"/>
                </a:moveTo>
                <a:lnTo>
                  <a:pt x="1774759" y="2134530"/>
                </a:lnTo>
                <a:lnTo>
                  <a:pt x="1779092" y="2134530"/>
                </a:lnTo>
                <a:lnTo>
                  <a:pt x="1779092" y="2130197"/>
                </a:lnTo>
                <a:close/>
                <a:moveTo>
                  <a:pt x="1651479" y="2129975"/>
                </a:moveTo>
                <a:lnTo>
                  <a:pt x="1651479" y="2134752"/>
                </a:lnTo>
                <a:lnTo>
                  <a:pt x="1656256" y="2134752"/>
                </a:lnTo>
                <a:lnTo>
                  <a:pt x="1656256" y="2129975"/>
                </a:lnTo>
                <a:close/>
                <a:moveTo>
                  <a:pt x="1528422" y="2129975"/>
                </a:moveTo>
                <a:lnTo>
                  <a:pt x="1528422" y="2134752"/>
                </a:lnTo>
                <a:lnTo>
                  <a:pt x="1533199" y="2134752"/>
                </a:lnTo>
                <a:lnTo>
                  <a:pt x="1533199" y="2129975"/>
                </a:lnTo>
                <a:close/>
                <a:moveTo>
                  <a:pt x="1159213" y="2129975"/>
                </a:moveTo>
                <a:lnTo>
                  <a:pt x="1159213" y="2134752"/>
                </a:lnTo>
                <a:lnTo>
                  <a:pt x="1163990" y="2134752"/>
                </a:lnTo>
                <a:lnTo>
                  <a:pt x="1163990" y="2129975"/>
                </a:lnTo>
                <a:close/>
                <a:moveTo>
                  <a:pt x="790041" y="2129975"/>
                </a:moveTo>
                <a:lnTo>
                  <a:pt x="790041" y="2134752"/>
                </a:lnTo>
                <a:lnTo>
                  <a:pt x="794818" y="2134752"/>
                </a:lnTo>
                <a:lnTo>
                  <a:pt x="794818" y="2129975"/>
                </a:lnTo>
                <a:close/>
                <a:moveTo>
                  <a:pt x="666984" y="2129975"/>
                </a:moveTo>
                <a:lnTo>
                  <a:pt x="666984" y="2134752"/>
                </a:lnTo>
                <a:lnTo>
                  <a:pt x="671761" y="2134752"/>
                </a:lnTo>
                <a:lnTo>
                  <a:pt x="671761" y="2129975"/>
                </a:lnTo>
                <a:close/>
                <a:moveTo>
                  <a:pt x="543926" y="2129975"/>
                </a:moveTo>
                <a:lnTo>
                  <a:pt x="543926" y="2134752"/>
                </a:lnTo>
                <a:lnTo>
                  <a:pt x="548703" y="2134752"/>
                </a:lnTo>
                <a:lnTo>
                  <a:pt x="548703" y="2129975"/>
                </a:lnTo>
                <a:close/>
                <a:moveTo>
                  <a:pt x="1405143" y="2129753"/>
                </a:moveTo>
                <a:lnTo>
                  <a:pt x="1405143" y="2134975"/>
                </a:lnTo>
                <a:lnTo>
                  <a:pt x="1410365" y="2134975"/>
                </a:lnTo>
                <a:lnTo>
                  <a:pt x="1410365" y="2129753"/>
                </a:lnTo>
                <a:close/>
                <a:moveTo>
                  <a:pt x="1282085" y="2129753"/>
                </a:moveTo>
                <a:lnTo>
                  <a:pt x="1282085" y="2134975"/>
                </a:lnTo>
                <a:lnTo>
                  <a:pt x="1287306" y="2134975"/>
                </a:lnTo>
                <a:lnTo>
                  <a:pt x="1287306" y="2129753"/>
                </a:lnTo>
                <a:close/>
                <a:moveTo>
                  <a:pt x="1035934" y="2129753"/>
                </a:moveTo>
                <a:lnTo>
                  <a:pt x="1035934" y="2134975"/>
                </a:lnTo>
                <a:lnTo>
                  <a:pt x="1041155" y="2134975"/>
                </a:lnTo>
                <a:lnTo>
                  <a:pt x="1041155" y="2129753"/>
                </a:lnTo>
                <a:close/>
                <a:moveTo>
                  <a:pt x="912876" y="2129753"/>
                </a:moveTo>
                <a:lnTo>
                  <a:pt x="912876" y="2134975"/>
                </a:lnTo>
                <a:lnTo>
                  <a:pt x="918098" y="2134975"/>
                </a:lnTo>
                <a:lnTo>
                  <a:pt x="918098" y="2129753"/>
                </a:lnTo>
                <a:close/>
                <a:moveTo>
                  <a:pt x="420647" y="2129753"/>
                </a:moveTo>
                <a:lnTo>
                  <a:pt x="420647" y="2134975"/>
                </a:lnTo>
                <a:lnTo>
                  <a:pt x="425869" y="2134975"/>
                </a:lnTo>
                <a:lnTo>
                  <a:pt x="425869" y="2129753"/>
                </a:lnTo>
                <a:close/>
                <a:moveTo>
                  <a:pt x="297590" y="2129753"/>
                </a:moveTo>
                <a:lnTo>
                  <a:pt x="297590" y="2134975"/>
                </a:lnTo>
                <a:lnTo>
                  <a:pt x="302812" y="2134975"/>
                </a:lnTo>
                <a:lnTo>
                  <a:pt x="302812" y="2129753"/>
                </a:lnTo>
                <a:close/>
                <a:moveTo>
                  <a:pt x="174532" y="2129753"/>
                </a:moveTo>
                <a:lnTo>
                  <a:pt x="174532" y="2134975"/>
                </a:lnTo>
                <a:lnTo>
                  <a:pt x="179754" y="2134975"/>
                </a:lnTo>
                <a:lnTo>
                  <a:pt x="179754" y="2129753"/>
                </a:lnTo>
                <a:close/>
                <a:moveTo>
                  <a:pt x="51475" y="2129753"/>
                </a:moveTo>
                <a:lnTo>
                  <a:pt x="51475" y="2134975"/>
                </a:lnTo>
                <a:lnTo>
                  <a:pt x="56697" y="2134975"/>
                </a:lnTo>
                <a:lnTo>
                  <a:pt x="56697" y="2129753"/>
                </a:lnTo>
                <a:close/>
                <a:moveTo>
                  <a:pt x="4237905" y="2009114"/>
                </a:moveTo>
                <a:lnTo>
                  <a:pt x="4237905" y="2009556"/>
                </a:lnTo>
                <a:lnTo>
                  <a:pt x="4238349" y="2009556"/>
                </a:lnTo>
                <a:lnTo>
                  <a:pt x="4238349" y="2009114"/>
                </a:lnTo>
                <a:close/>
                <a:moveTo>
                  <a:pt x="4114848" y="2009114"/>
                </a:moveTo>
                <a:lnTo>
                  <a:pt x="4114848" y="2009556"/>
                </a:lnTo>
                <a:lnTo>
                  <a:pt x="4115292" y="2009556"/>
                </a:lnTo>
                <a:lnTo>
                  <a:pt x="4115292" y="2009114"/>
                </a:lnTo>
                <a:close/>
                <a:moveTo>
                  <a:pt x="3991790" y="2009114"/>
                </a:moveTo>
                <a:lnTo>
                  <a:pt x="3991790" y="2009556"/>
                </a:lnTo>
                <a:lnTo>
                  <a:pt x="3992235" y="2009556"/>
                </a:lnTo>
                <a:lnTo>
                  <a:pt x="3992235" y="2009114"/>
                </a:lnTo>
                <a:close/>
                <a:moveTo>
                  <a:pt x="3868733" y="2009114"/>
                </a:moveTo>
                <a:lnTo>
                  <a:pt x="3868733" y="2009556"/>
                </a:lnTo>
                <a:lnTo>
                  <a:pt x="3869177" y="2009556"/>
                </a:lnTo>
                <a:lnTo>
                  <a:pt x="3869177" y="2009114"/>
                </a:lnTo>
                <a:close/>
                <a:moveTo>
                  <a:pt x="3745676" y="2009114"/>
                </a:moveTo>
                <a:lnTo>
                  <a:pt x="3745676" y="2009556"/>
                </a:lnTo>
                <a:lnTo>
                  <a:pt x="3746120" y="2009556"/>
                </a:lnTo>
                <a:lnTo>
                  <a:pt x="3746120" y="2009114"/>
                </a:lnTo>
                <a:close/>
                <a:moveTo>
                  <a:pt x="3622618" y="2009114"/>
                </a:moveTo>
                <a:lnTo>
                  <a:pt x="3622618" y="2009556"/>
                </a:lnTo>
                <a:lnTo>
                  <a:pt x="3623062" y="2009556"/>
                </a:lnTo>
                <a:lnTo>
                  <a:pt x="3623062" y="2009114"/>
                </a:lnTo>
                <a:close/>
                <a:moveTo>
                  <a:pt x="3499524" y="2009114"/>
                </a:moveTo>
                <a:lnTo>
                  <a:pt x="3499524" y="2009556"/>
                </a:lnTo>
                <a:lnTo>
                  <a:pt x="3499968" y="2009556"/>
                </a:lnTo>
                <a:lnTo>
                  <a:pt x="3499968" y="2009114"/>
                </a:lnTo>
                <a:close/>
                <a:moveTo>
                  <a:pt x="3376467" y="2009114"/>
                </a:moveTo>
                <a:lnTo>
                  <a:pt x="3376467" y="2009556"/>
                </a:lnTo>
                <a:lnTo>
                  <a:pt x="3376911" y="2009556"/>
                </a:lnTo>
                <a:lnTo>
                  <a:pt x="3376911" y="2009114"/>
                </a:lnTo>
                <a:close/>
                <a:moveTo>
                  <a:pt x="3253187" y="2008889"/>
                </a:moveTo>
                <a:lnTo>
                  <a:pt x="3253187" y="2009750"/>
                </a:lnTo>
                <a:lnTo>
                  <a:pt x="3254039" y="2009750"/>
                </a:lnTo>
                <a:lnTo>
                  <a:pt x="3254039" y="2008889"/>
                </a:lnTo>
                <a:close/>
                <a:moveTo>
                  <a:pt x="3130130" y="2008889"/>
                </a:moveTo>
                <a:lnTo>
                  <a:pt x="3130130" y="2009750"/>
                </a:lnTo>
                <a:lnTo>
                  <a:pt x="3130982" y="2009750"/>
                </a:lnTo>
                <a:lnTo>
                  <a:pt x="3130982" y="2008889"/>
                </a:lnTo>
                <a:close/>
                <a:moveTo>
                  <a:pt x="3007073" y="2008889"/>
                </a:moveTo>
                <a:lnTo>
                  <a:pt x="3007073" y="2009750"/>
                </a:lnTo>
                <a:lnTo>
                  <a:pt x="3007925" y="2009750"/>
                </a:lnTo>
                <a:lnTo>
                  <a:pt x="3007925" y="2008889"/>
                </a:lnTo>
                <a:close/>
                <a:moveTo>
                  <a:pt x="2883793" y="2008673"/>
                </a:moveTo>
                <a:lnTo>
                  <a:pt x="2883793" y="2009967"/>
                </a:lnTo>
                <a:lnTo>
                  <a:pt x="2885089" y="2009967"/>
                </a:lnTo>
                <a:lnTo>
                  <a:pt x="2885089" y="2008673"/>
                </a:lnTo>
                <a:close/>
                <a:moveTo>
                  <a:pt x="2760736" y="2008673"/>
                </a:moveTo>
                <a:lnTo>
                  <a:pt x="2760736" y="2009967"/>
                </a:lnTo>
                <a:lnTo>
                  <a:pt x="2762032" y="2009967"/>
                </a:lnTo>
                <a:lnTo>
                  <a:pt x="2762032" y="2008673"/>
                </a:lnTo>
                <a:close/>
                <a:moveTo>
                  <a:pt x="2637456" y="2008446"/>
                </a:moveTo>
                <a:lnTo>
                  <a:pt x="2637456" y="2010187"/>
                </a:lnTo>
                <a:lnTo>
                  <a:pt x="2639196" y="2010187"/>
                </a:lnTo>
                <a:lnTo>
                  <a:pt x="2639196" y="2008446"/>
                </a:lnTo>
                <a:close/>
                <a:moveTo>
                  <a:pt x="2514399" y="2008446"/>
                </a:moveTo>
                <a:lnTo>
                  <a:pt x="2514399" y="2010187"/>
                </a:lnTo>
                <a:lnTo>
                  <a:pt x="2516139" y="2010187"/>
                </a:lnTo>
                <a:lnTo>
                  <a:pt x="2516139" y="2008446"/>
                </a:lnTo>
                <a:close/>
                <a:moveTo>
                  <a:pt x="2391119" y="2008229"/>
                </a:moveTo>
                <a:lnTo>
                  <a:pt x="2391119" y="2010417"/>
                </a:lnTo>
                <a:lnTo>
                  <a:pt x="2393304" y="2010417"/>
                </a:lnTo>
                <a:lnTo>
                  <a:pt x="2393304" y="2008229"/>
                </a:lnTo>
                <a:close/>
                <a:moveTo>
                  <a:pt x="2268062" y="2008229"/>
                </a:moveTo>
                <a:lnTo>
                  <a:pt x="2268062" y="2010417"/>
                </a:lnTo>
                <a:lnTo>
                  <a:pt x="2270247" y="2010417"/>
                </a:lnTo>
                <a:lnTo>
                  <a:pt x="2270247" y="2008229"/>
                </a:lnTo>
                <a:close/>
                <a:moveTo>
                  <a:pt x="2144783" y="2008010"/>
                </a:moveTo>
                <a:lnTo>
                  <a:pt x="2144783" y="2010594"/>
                </a:lnTo>
                <a:lnTo>
                  <a:pt x="2147375" y="2010594"/>
                </a:lnTo>
                <a:lnTo>
                  <a:pt x="2147375" y="2008010"/>
                </a:lnTo>
                <a:close/>
                <a:moveTo>
                  <a:pt x="668058" y="2008010"/>
                </a:moveTo>
                <a:lnTo>
                  <a:pt x="668058" y="2010594"/>
                </a:lnTo>
                <a:lnTo>
                  <a:pt x="670650" y="2010594"/>
                </a:lnTo>
                <a:lnTo>
                  <a:pt x="670650" y="2008010"/>
                </a:lnTo>
                <a:close/>
                <a:moveTo>
                  <a:pt x="545000" y="2008010"/>
                </a:moveTo>
                <a:lnTo>
                  <a:pt x="545000" y="2010594"/>
                </a:lnTo>
                <a:lnTo>
                  <a:pt x="547592" y="2010594"/>
                </a:lnTo>
                <a:lnTo>
                  <a:pt x="547592" y="2008010"/>
                </a:lnTo>
                <a:close/>
                <a:moveTo>
                  <a:pt x="2021503" y="2007780"/>
                </a:moveTo>
                <a:lnTo>
                  <a:pt x="2021503" y="2010819"/>
                </a:lnTo>
                <a:lnTo>
                  <a:pt x="2024540" y="2010819"/>
                </a:lnTo>
                <a:lnTo>
                  <a:pt x="2024540" y="2007780"/>
                </a:lnTo>
                <a:close/>
                <a:moveTo>
                  <a:pt x="1898446" y="2007780"/>
                </a:moveTo>
                <a:lnTo>
                  <a:pt x="1898446" y="2010819"/>
                </a:lnTo>
                <a:lnTo>
                  <a:pt x="1901483" y="2010819"/>
                </a:lnTo>
                <a:lnTo>
                  <a:pt x="1901483" y="2007780"/>
                </a:lnTo>
                <a:close/>
                <a:moveTo>
                  <a:pt x="790930" y="2007780"/>
                </a:moveTo>
                <a:lnTo>
                  <a:pt x="790930" y="2010819"/>
                </a:lnTo>
                <a:lnTo>
                  <a:pt x="793967" y="2010819"/>
                </a:lnTo>
                <a:lnTo>
                  <a:pt x="793967" y="2007780"/>
                </a:lnTo>
                <a:close/>
                <a:moveTo>
                  <a:pt x="421721" y="2007780"/>
                </a:moveTo>
                <a:lnTo>
                  <a:pt x="421721" y="2010819"/>
                </a:lnTo>
                <a:lnTo>
                  <a:pt x="424758" y="2010819"/>
                </a:lnTo>
                <a:lnTo>
                  <a:pt x="424758" y="2007780"/>
                </a:lnTo>
                <a:close/>
                <a:moveTo>
                  <a:pt x="298664" y="2007780"/>
                </a:moveTo>
                <a:lnTo>
                  <a:pt x="298664" y="2010819"/>
                </a:lnTo>
                <a:lnTo>
                  <a:pt x="301701" y="2010819"/>
                </a:lnTo>
                <a:lnTo>
                  <a:pt x="301701" y="2007780"/>
                </a:lnTo>
                <a:close/>
                <a:moveTo>
                  <a:pt x="1775166" y="2007561"/>
                </a:moveTo>
                <a:lnTo>
                  <a:pt x="1775166" y="2011044"/>
                </a:lnTo>
                <a:lnTo>
                  <a:pt x="1778647" y="2011044"/>
                </a:lnTo>
                <a:lnTo>
                  <a:pt x="1778647" y="2007561"/>
                </a:lnTo>
                <a:close/>
                <a:moveTo>
                  <a:pt x="1652109" y="2007561"/>
                </a:moveTo>
                <a:lnTo>
                  <a:pt x="1652109" y="2011044"/>
                </a:lnTo>
                <a:lnTo>
                  <a:pt x="1655590" y="2011044"/>
                </a:lnTo>
                <a:lnTo>
                  <a:pt x="1655590" y="2007561"/>
                </a:lnTo>
                <a:close/>
                <a:moveTo>
                  <a:pt x="1529052" y="2007561"/>
                </a:moveTo>
                <a:lnTo>
                  <a:pt x="1529052" y="2011044"/>
                </a:lnTo>
                <a:lnTo>
                  <a:pt x="1532533" y="2011044"/>
                </a:lnTo>
                <a:lnTo>
                  <a:pt x="1532533" y="2007561"/>
                </a:lnTo>
                <a:close/>
                <a:moveTo>
                  <a:pt x="1405994" y="2007561"/>
                </a:moveTo>
                <a:lnTo>
                  <a:pt x="1405994" y="2011044"/>
                </a:lnTo>
                <a:lnTo>
                  <a:pt x="1409475" y="2011044"/>
                </a:lnTo>
                <a:lnTo>
                  <a:pt x="1409475" y="2007561"/>
                </a:lnTo>
                <a:close/>
                <a:moveTo>
                  <a:pt x="1282937" y="2007561"/>
                </a:moveTo>
                <a:lnTo>
                  <a:pt x="1282937" y="2011044"/>
                </a:lnTo>
                <a:lnTo>
                  <a:pt x="1286418" y="2011044"/>
                </a:lnTo>
                <a:lnTo>
                  <a:pt x="1286418" y="2007561"/>
                </a:lnTo>
                <a:close/>
                <a:moveTo>
                  <a:pt x="1159880" y="2007561"/>
                </a:moveTo>
                <a:lnTo>
                  <a:pt x="1159880" y="2011044"/>
                </a:lnTo>
                <a:lnTo>
                  <a:pt x="1163361" y="2011044"/>
                </a:lnTo>
                <a:lnTo>
                  <a:pt x="1163361" y="2007561"/>
                </a:lnTo>
                <a:close/>
                <a:moveTo>
                  <a:pt x="1036822" y="2007561"/>
                </a:moveTo>
                <a:lnTo>
                  <a:pt x="1036822" y="2011044"/>
                </a:lnTo>
                <a:lnTo>
                  <a:pt x="1040303" y="2011044"/>
                </a:lnTo>
                <a:lnTo>
                  <a:pt x="1040303" y="2007561"/>
                </a:lnTo>
                <a:close/>
                <a:moveTo>
                  <a:pt x="913765" y="2007561"/>
                </a:moveTo>
                <a:lnTo>
                  <a:pt x="913765" y="2011044"/>
                </a:lnTo>
                <a:lnTo>
                  <a:pt x="917246" y="2011044"/>
                </a:lnTo>
                <a:lnTo>
                  <a:pt x="917246" y="2007561"/>
                </a:lnTo>
                <a:close/>
                <a:moveTo>
                  <a:pt x="175384" y="2007561"/>
                </a:moveTo>
                <a:lnTo>
                  <a:pt x="175384" y="2011044"/>
                </a:lnTo>
                <a:lnTo>
                  <a:pt x="178865" y="2011044"/>
                </a:lnTo>
                <a:lnTo>
                  <a:pt x="178865" y="2007561"/>
                </a:lnTo>
                <a:close/>
                <a:moveTo>
                  <a:pt x="52327" y="2007561"/>
                </a:moveTo>
                <a:lnTo>
                  <a:pt x="52327" y="2011044"/>
                </a:lnTo>
                <a:lnTo>
                  <a:pt x="55808" y="2011044"/>
                </a:lnTo>
                <a:lnTo>
                  <a:pt x="55808" y="2007561"/>
                </a:lnTo>
                <a:close/>
                <a:moveTo>
                  <a:pt x="4114848" y="1886018"/>
                </a:moveTo>
                <a:lnTo>
                  <a:pt x="4114848" y="1886462"/>
                </a:lnTo>
                <a:lnTo>
                  <a:pt x="4115292" y="1886462"/>
                </a:lnTo>
                <a:lnTo>
                  <a:pt x="4115292" y="1886018"/>
                </a:lnTo>
                <a:close/>
                <a:moveTo>
                  <a:pt x="3991790" y="1886018"/>
                </a:moveTo>
                <a:lnTo>
                  <a:pt x="3991790" y="1886462"/>
                </a:lnTo>
                <a:lnTo>
                  <a:pt x="3992235" y="1886462"/>
                </a:lnTo>
                <a:lnTo>
                  <a:pt x="3992235" y="1886018"/>
                </a:lnTo>
                <a:close/>
                <a:moveTo>
                  <a:pt x="3868733" y="1886018"/>
                </a:moveTo>
                <a:lnTo>
                  <a:pt x="3868733" y="1886462"/>
                </a:lnTo>
                <a:lnTo>
                  <a:pt x="3869177" y="1886462"/>
                </a:lnTo>
                <a:lnTo>
                  <a:pt x="3869177" y="1886018"/>
                </a:lnTo>
                <a:close/>
                <a:moveTo>
                  <a:pt x="3745676" y="1886018"/>
                </a:moveTo>
                <a:lnTo>
                  <a:pt x="3745676" y="1886462"/>
                </a:lnTo>
                <a:lnTo>
                  <a:pt x="3746120" y="1886462"/>
                </a:lnTo>
                <a:lnTo>
                  <a:pt x="3746120" y="1886018"/>
                </a:lnTo>
                <a:close/>
                <a:moveTo>
                  <a:pt x="3622618" y="1886018"/>
                </a:moveTo>
                <a:lnTo>
                  <a:pt x="3622618" y="1886462"/>
                </a:lnTo>
                <a:lnTo>
                  <a:pt x="3623062" y="1886462"/>
                </a:lnTo>
                <a:lnTo>
                  <a:pt x="3623062" y="1886018"/>
                </a:lnTo>
                <a:close/>
                <a:moveTo>
                  <a:pt x="3499524" y="1886018"/>
                </a:moveTo>
                <a:lnTo>
                  <a:pt x="3499524" y="1886462"/>
                </a:lnTo>
                <a:lnTo>
                  <a:pt x="3499968" y="1886462"/>
                </a:lnTo>
                <a:lnTo>
                  <a:pt x="3499968" y="1886018"/>
                </a:lnTo>
                <a:close/>
                <a:moveTo>
                  <a:pt x="3376467" y="1886018"/>
                </a:moveTo>
                <a:lnTo>
                  <a:pt x="3376467" y="1886462"/>
                </a:lnTo>
                <a:lnTo>
                  <a:pt x="3376911" y="1886462"/>
                </a:lnTo>
                <a:lnTo>
                  <a:pt x="3376911" y="1886018"/>
                </a:lnTo>
                <a:close/>
                <a:moveTo>
                  <a:pt x="3253409" y="1886018"/>
                </a:moveTo>
                <a:lnTo>
                  <a:pt x="3253409" y="1886462"/>
                </a:lnTo>
                <a:lnTo>
                  <a:pt x="3253853" y="1886462"/>
                </a:lnTo>
                <a:lnTo>
                  <a:pt x="3253853" y="1886018"/>
                </a:lnTo>
                <a:close/>
                <a:moveTo>
                  <a:pt x="3130130" y="1885840"/>
                </a:moveTo>
                <a:lnTo>
                  <a:pt x="3130130" y="1886686"/>
                </a:lnTo>
                <a:lnTo>
                  <a:pt x="3130982" y="1886686"/>
                </a:lnTo>
                <a:lnTo>
                  <a:pt x="3130982" y="1885840"/>
                </a:lnTo>
                <a:close/>
                <a:moveTo>
                  <a:pt x="3007073" y="1885840"/>
                </a:moveTo>
                <a:lnTo>
                  <a:pt x="3007073" y="1886686"/>
                </a:lnTo>
                <a:lnTo>
                  <a:pt x="3007925" y="1886686"/>
                </a:lnTo>
                <a:lnTo>
                  <a:pt x="3007925" y="1885840"/>
                </a:lnTo>
                <a:close/>
                <a:moveTo>
                  <a:pt x="2884015" y="1885840"/>
                </a:moveTo>
                <a:lnTo>
                  <a:pt x="2884015" y="1886686"/>
                </a:lnTo>
                <a:lnTo>
                  <a:pt x="2884867" y="1886686"/>
                </a:lnTo>
                <a:lnTo>
                  <a:pt x="2884867" y="1885840"/>
                </a:lnTo>
                <a:close/>
                <a:moveTo>
                  <a:pt x="2760958" y="1885840"/>
                </a:moveTo>
                <a:lnTo>
                  <a:pt x="2760958" y="1886686"/>
                </a:lnTo>
                <a:lnTo>
                  <a:pt x="2761810" y="1886686"/>
                </a:lnTo>
                <a:lnTo>
                  <a:pt x="2761810" y="1885840"/>
                </a:lnTo>
                <a:close/>
                <a:moveTo>
                  <a:pt x="545889" y="1885840"/>
                </a:moveTo>
                <a:lnTo>
                  <a:pt x="545889" y="1886686"/>
                </a:lnTo>
                <a:lnTo>
                  <a:pt x="546741" y="1886686"/>
                </a:lnTo>
                <a:lnTo>
                  <a:pt x="546741" y="1885840"/>
                </a:lnTo>
                <a:close/>
                <a:moveTo>
                  <a:pt x="2637678" y="1885617"/>
                </a:moveTo>
                <a:lnTo>
                  <a:pt x="2637678" y="1886914"/>
                </a:lnTo>
                <a:lnTo>
                  <a:pt x="2638974" y="1886914"/>
                </a:lnTo>
                <a:lnTo>
                  <a:pt x="2638974" y="1885617"/>
                </a:lnTo>
                <a:close/>
                <a:moveTo>
                  <a:pt x="2514621" y="1885617"/>
                </a:moveTo>
                <a:lnTo>
                  <a:pt x="2514621" y="1886914"/>
                </a:lnTo>
                <a:lnTo>
                  <a:pt x="2515917" y="1886914"/>
                </a:lnTo>
                <a:lnTo>
                  <a:pt x="2515917" y="1885617"/>
                </a:lnTo>
                <a:close/>
                <a:moveTo>
                  <a:pt x="668724" y="1885617"/>
                </a:moveTo>
                <a:lnTo>
                  <a:pt x="668724" y="1886914"/>
                </a:lnTo>
                <a:lnTo>
                  <a:pt x="670020" y="1886914"/>
                </a:lnTo>
                <a:lnTo>
                  <a:pt x="670020" y="1885617"/>
                </a:lnTo>
                <a:close/>
                <a:moveTo>
                  <a:pt x="422610" y="1885617"/>
                </a:moveTo>
                <a:lnTo>
                  <a:pt x="422610" y="1886914"/>
                </a:lnTo>
                <a:lnTo>
                  <a:pt x="423906" y="1886914"/>
                </a:lnTo>
                <a:lnTo>
                  <a:pt x="423906" y="1885617"/>
                </a:lnTo>
                <a:close/>
                <a:moveTo>
                  <a:pt x="2391342" y="1885388"/>
                </a:moveTo>
                <a:lnTo>
                  <a:pt x="2391342" y="1887132"/>
                </a:lnTo>
                <a:lnTo>
                  <a:pt x="2393082" y="1887132"/>
                </a:lnTo>
                <a:lnTo>
                  <a:pt x="2393082" y="1885388"/>
                </a:lnTo>
                <a:close/>
                <a:moveTo>
                  <a:pt x="2268284" y="1885388"/>
                </a:moveTo>
                <a:lnTo>
                  <a:pt x="2268284" y="1887132"/>
                </a:lnTo>
                <a:lnTo>
                  <a:pt x="2270024" y="1887132"/>
                </a:lnTo>
                <a:lnTo>
                  <a:pt x="2270024" y="1885388"/>
                </a:lnTo>
                <a:close/>
                <a:moveTo>
                  <a:pt x="791559" y="1885388"/>
                </a:moveTo>
                <a:lnTo>
                  <a:pt x="791559" y="1887132"/>
                </a:lnTo>
                <a:lnTo>
                  <a:pt x="793300" y="1887132"/>
                </a:lnTo>
                <a:lnTo>
                  <a:pt x="793300" y="1885388"/>
                </a:lnTo>
                <a:close/>
                <a:moveTo>
                  <a:pt x="299330" y="1885388"/>
                </a:moveTo>
                <a:lnTo>
                  <a:pt x="299330" y="1887132"/>
                </a:lnTo>
                <a:lnTo>
                  <a:pt x="301071" y="1887132"/>
                </a:lnTo>
                <a:lnTo>
                  <a:pt x="301071" y="1885388"/>
                </a:lnTo>
                <a:close/>
                <a:moveTo>
                  <a:pt x="176273" y="1885388"/>
                </a:moveTo>
                <a:lnTo>
                  <a:pt x="176273" y="1887132"/>
                </a:lnTo>
                <a:lnTo>
                  <a:pt x="178014" y="1887132"/>
                </a:lnTo>
                <a:lnTo>
                  <a:pt x="178014" y="1885388"/>
                </a:lnTo>
                <a:close/>
                <a:moveTo>
                  <a:pt x="2145005" y="1885174"/>
                </a:moveTo>
                <a:lnTo>
                  <a:pt x="2145005" y="1887353"/>
                </a:lnTo>
                <a:lnTo>
                  <a:pt x="2147190" y="1887353"/>
                </a:lnTo>
                <a:lnTo>
                  <a:pt x="2147190" y="1885174"/>
                </a:lnTo>
                <a:close/>
                <a:moveTo>
                  <a:pt x="2021947" y="1885174"/>
                </a:moveTo>
                <a:lnTo>
                  <a:pt x="2021947" y="1887353"/>
                </a:lnTo>
                <a:lnTo>
                  <a:pt x="2024132" y="1887353"/>
                </a:lnTo>
                <a:lnTo>
                  <a:pt x="2024132" y="1885174"/>
                </a:lnTo>
                <a:close/>
                <a:moveTo>
                  <a:pt x="1898890" y="1885174"/>
                </a:moveTo>
                <a:lnTo>
                  <a:pt x="1898890" y="1887353"/>
                </a:lnTo>
                <a:lnTo>
                  <a:pt x="1901075" y="1887353"/>
                </a:lnTo>
                <a:lnTo>
                  <a:pt x="1901075" y="1885174"/>
                </a:lnTo>
                <a:close/>
                <a:moveTo>
                  <a:pt x="1037452" y="1885174"/>
                </a:moveTo>
                <a:lnTo>
                  <a:pt x="1037452" y="1887353"/>
                </a:lnTo>
                <a:lnTo>
                  <a:pt x="1039637" y="1887353"/>
                </a:lnTo>
                <a:lnTo>
                  <a:pt x="1039637" y="1885174"/>
                </a:lnTo>
                <a:close/>
                <a:moveTo>
                  <a:pt x="914395" y="1885174"/>
                </a:moveTo>
                <a:lnTo>
                  <a:pt x="914395" y="1887353"/>
                </a:lnTo>
                <a:lnTo>
                  <a:pt x="916580" y="1887353"/>
                </a:lnTo>
                <a:lnTo>
                  <a:pt x="916580" y="1885174"/>
                </a:lnTo>
                <a:close/>
                <a:moveTo>
                  <a:pt x="52993" y="1885174"/>
                </a:moveTo>
                <a:lnTo>
                  <a:pt x="52993" y="1887353"/>
                </a:lnTo>
                <a:lnTo>
                  <a:pt x="55178" y="1887353"/>
                </a:lnTo>
                <a:lnTo>
                  <a:pt x="55178" y="1885174"/>
                </a:lnTo>
                <a:close/>
                <a:moveTo>
                  <a:pt x="1775611" y="1884944"/>
                </a:moveTo>
                <a:lnTo>
                  <a:pt x="1775611" y="1887542"/>
                </a:lnTo>
                <a:lnTo>
                  <a:pt x="1778203" y="1887542"/>
                </a:lnTo>
                <a:lnTo>
                  <a:pt x="1778203" y="1884944"/>
                </a:lnTo>
                <a:close/>
                <a:moveTo>
                  <a:pt x="1652553" y="1884944"/>
                </a:moveTo>
                <a:lnTo>
                  <a:pt x="1652553" y="1887542"/>
                </a:lnTo>
                <a:lnTo>
                  <a:pt x="1655145" y="1887542"/>
                </a:lnTo>
                <a:lnTo>
                  <a:pt x="1655145" y="1884944"/>
                </a:lnTo>
                <a:close/>
                <a:moveTo>
                  <a:pt x="1529496" y="1884944"/>
                </a:moveTo>
                <a:lnTo>
                  <a:pt x="1529496" y="1887542"/>
                </a:lnTo>
                <a:lnTo>
                  <a:pt x="1532088" y="1887542"/>
                </a:lnTo>
                <a:lnTo>
                  <a:pt x="1532088" y="1884944"/>
                </a:lnTo>
                <a:close/>
                <a:moveTo>
                  <a:pt x="1406439" y="1884944"/>
                </a:moveTo>
                <a:lnTo>
                  <a:pt x="1406439" y="1887542"/>
                </a:lnTo>
                <a:lnTo>
                  <a:pt x="1409031" y="1887542"/>
                </a:lnTo>
                <a:lnTo>
                  <a:pt x="1409031" y="1884944"/>
                </a:lnTo>
                <a:close/>
                <a:moveTo>
                  <a:pt x="1283381" y="1884944"/>
                </a:moveTo>
                <a:lnTo>
                  <a:pt x="1283381" y="1887542"/>
                </a:lnTo>
                <a:lnTo>
                  <a:pt x="1285973" y="1887542"/>
                </a:lnTo>
                <a:lnTo>
                  <a:pt x="1285973" y="1884944"/>
                </a:lnTo>
                <a:close/>
                <a:moveTo>
                  <a:pt x="1160324" y="1884944"/>
                </a:moveTo>
                <a:lnTo>
                  <a:pt x="1160324" y="1887542"/>
                </a:lnTo>
                <a:lnTo>
                  <a:pt x="1162916" y="1887542"/>
                </a:lnTo>
                <a:lnTo>
                  <a:pt x="1162916" y="1884944"/>
                </a:lnTo>
                <a:close/>
                <a:moveTo>
                  <a:pt x="4114848" y="1762962"/>
                </a:moveTo>
                <a:lnTo>
                  <a:pt x="4114848" y="1763410"/>
                </a:lnTo>
                <a:lnTo>
                  <a:pt x="4115292" y="1763410"/>
                </a:lnTo>
                <a:lnTo>
                  <a:pt x="4115292" y="1762962"/>
                </a:lnTo>
                <a:close/>
                <a:moveTo>
                  <a:pt x="3991790" y="1762962"/>
                </a:moveTo>
                <a:lnTo>
                  <a:pt x="3991790" y="1763410"/>
                </a:lnTo>
                <a:lnTo>
                  <a:pt x="3992235" y="1763410"/>
                </a:lnTo>
                <a:lnTo>
                  <a:pt x="3992235" y="1762962"/>
                </a:lnTo>
                <a:close/>
                <a:moveTo>
                  <a:pt x="3868733" y="1762962"/>
                </a:moveTo>
                <a:lnTo>
                  <a:pt x="3868733" y="1763410"/>
                </a:lnTo>
                <a:lnTo>
                  <a:pt x="3869177" y="1763410"/>
                </a:lnTo>
                <a:lnTo>
                  <a:pt x="3869177" y="1762962"/>
                </a:lnTo>
                <a:close/>
                <a:moveTo>
                  <a:pt x="3745676" y="1762962"/>
                </a:moveTo>
                <a:lnTo>
                  <a:pt x="3745676" y="1763410"/>
                </a:lnTo>
                <a:lnTo>
                  <a:pt x="3746120" y="1763410"/>
                </a:lnTo>
                <a:lnTo>
                  <a:pt x="3746120" y="1762962"/>
                </a:lnTo>
                <a:close/>
                <a:moveTo>
                  <a:pt x="3622618" y="1762962"/>
                </a:moveTo>
                <a:lnTo>
                  <a:pt x="3622618" y="1763410"/>
                </a:lnTo>
                <a:lnTo>
                  <a:pt x="3623062" y="1763410"/>
                </a:lnTo>
                <a:lnTo>
                  <a:pt x="3623062" y="1762962"/>
                </a:lnTo>
                <a:close/>
                <a:moveTo>
                  <a:pt x="3499524" y="1762962"/>
                </a:moveTo>
                <a:lnTo>
                  <a:pt x="3499524" y="1763410"/>
                </a:lnTo>
                <a:lnTo>
                  <a:pt x="3499968" y="1763410"/>
                </a:lnTo>
                <a:lnTo>
                  <a:pt x="3499968" y="1762962"/>
                </a:lnTo>
                <a:close/>
                <a:moveTo>
                  <a:pt x="3376467" y="1762962"/>
                </a:moveTo>
                <a:lnTo>
                  <a:pt x="3376467" y="1763410"/>
                </a:lnTo>
                <a:lnTo>
                  <a:pt x="3376911" y="1763410"/>
                </a:lnTo>
                <a:lnTo>
                  <a:pt x="3376911" y="1762962"/>
                </a:lnTo>
                <a:close/>
                <a:moveTo>
                  <a:pt x="3253409" y="1762962"/>
                </a:moveTo>
                <a:lnTo>
                  <a:pt x="3253409" y="1763410"/>
                </a:lnTo>
                <a:lnTo>
                  <a:pt x="3253853" y="1763410"/>
                </a:lnTo>
                <a:lnTo>
                  <a:pt x="3253853" y="1762962"/>
                </a:lnTo>
                <a:close/>
                <a:moveTo>
                  <a:pt x="3130352" y="1762962"/>
                </a:moveTo>
                <a:lnTo>
                  <a:pt x="3130352" y="1763410"/>
                </a:lnTo>
                <a:lnTo>
                  <a:pt x="3130796" y="1763410"/>
                </a:lnTo>
                <a:lnTo>
                  <a:pt x="3130796" y="1762962"/>
                </a:lnTo>
                <a:close/>
                <a:moveTo>
                  <a:pt x="3007295" y="1762962"/>
                </a:moveTo>
                <a:lnTo>
                  <a:pt x="3007295" y="1763410"/>
                </a:lnTo>
                <a:lnTo>
                  <a:pt x="3007739" y="1763410"/>
                </a:lnTo>
                <a:lnTo>
                  <a:pt x="3007739" y="1762962"/>
                </a:lnTo>
                <a:close/>
                <a:moveTo>
                  <a:pt x="669169" y="1762962"/>
                </a:moveTo>
                <a:lnTo>
                  <a:pt x="669169" y="1763410"/>
                </a:lnTo>
                <a:lnTo>
                  <a:pt x="669613" y="1763410"/>
                </a:lnTo>
                <a:lnTo>
                  <a:pt x="669613" y="1762962"/>
                </a:lnTo>
                <a:close/>
                <a:moveTo>
                  <a:pt x="546111" y="1762962"/>
                </a:moveTo>
                <a:lnTo>
                  <a:pt x="546111" y="1763410"/>
                </a:lnTo>
                <a:lnTo>
                  <a:pt x="546555" y="1763410"/>
                </a:lnTo>
                <a:lnTo>
                  <a:pt x="546555" y="1762962"/>
                </a:lnTo>
                <a:close/>
                <a:moveTo>
                  <a:pt x="423054" y="1762962"/>
                </a:moveTo>
                <a:lnTo>
                  <a:pt x="423054" y="1763410"/>
                </a:lnTo>
                <a:lnTo>
                  <a:pt x="423498" y="1763410"/>
                </a:lnTo>
                <a:lnTo>
                  <a:pt x="423498" y="1762962"/>
                </a:lnTo>
                <a:close/>
                <a:moveTo>
                  <a:pt x="2884015" y="1762780"/>
                </a:moveTo>
                <a:lnTo>
                  <a:pt x="2884015" y="1763630"/>
                </a:lnTo>
                <a:lnTo>
                  <a:pt x="2884867" y="1763630"/>
                </a:lnTo>
                <a:lnTo>
                  <a:pt x="2884867" y="1762780"/>
                </a:lnTo>
                <a:close/>
                <a:moveTo>
                  <a:pt x="2760958" y="1762780"/>
                </a:moveTo>
                <a:lnTo>
                  <a:pt x="2760958" y="1763630"/>
                </a:lnTo>
                <a:lnTo>
                  <a:pt x="2761810" y="1763630"/>
                </a:lnTo>
                <a:lnTo>
                  <a:pt x="2761810" y="1762780"/>
                </a:lnTo>
                <a:close/>
                <a:moveTo>
                  <a:pt x="2637901" y="1762780"/>
                </a:moveTo>
                <a:lnTo>
                  <a:pt x="2637901" y="1763630"/>
                </a:lnTo>
                <a:lnTo>
                  <a:pt x="2638753" y="1763630"/>
                </a:lnTo>
                <a:lnTo>
                  <a:pt x="2638753" y="1762780"/>
                </a:lnTo>
                <a:close/>
                <a:moveTo>
                  <a:pt x="792004" y="1762780"/>
                </a:moveTo>
                <a:lnTo>
                  <a:pt x="792004" y="1763630"/>
                </a:lnTo>
                <a:lnTo>
                  <a:pt x="792856" y="1763630"/>
                </a:lnTo>
                <a:lnTo>
                  <a:pt x="792856" y="1762780"/>
                </a:lnTo>
                <a:close/>
                <a:moveTo>
                  <a:pt x="299775" y="1762780"/>
                </a:moveTo>
                <a:lnTo>
                  <a:pt x="299775" y="1763630"/>
                </a:lnTo>
                <a:lnTo>
                  <a:pt x="300627" y="1763630"/>
                </a:lnTo>
                <a:lnTo>
                  <a:pt x="300627" y="1762780"/>
                </a:lnTo>
                <a:close/>
                <a:moveTo>
                  <a:pt x="176717" y="1762780"/>
                </a:moveTo>
                <a:lnTo>
                  <a:pt x="176717" y="1763630"/>
                </a:lnTo>
                <a:lnTo>
                  <a:pt x="177569" y="1763630"/>
                </a:lnTo>
                <a:lnTo>
                  <a:pt x="177569" y="1762780"/>
                </a:lnTo>
                <a:close/>
                <a:moveTo>
                  <a:pt x="53623" y="1762780"/>
                </a:moveTo>
                <a:lnTo>
                  <a:pt x="53623" y="1763630"/>
                </a:lnTo>
                <a:lnTo>
                  <a:pt x="54475" y="1763630"/>
                </a:lnTo>
                <a:lnTo>
                  <a:pt x="54475" y="1762780"/>
                </a:lnTo>
                <a:close/>
                <a:moveTo>
                  <a:pt x="2514621" y="1762555"/>
                </a:moveTo>
                <a:lnTo>
                  <a:pt x="2514621" y="1763855"/>
                </a:lnTo>
                <a:lnTo>
                  <a:pt x="2515917" y="1763855"/>
                </a:lnTo>
                <a:lnTo>
                  <a:pt x="2515917" y="1762555"/>
                </a:lnTo>
                <a:close/>
                <a:moveTo>
                  <a:pt x="2391564" y="1762555"/>
                </a:moveTo>
                <a:lnTo>
                  <a:pt x="2391564" y="1763855"/>
                </a:lnTo>
                <a:lnTo>
                  <a:pt x="2392860" y="1763855"/>
                </a:lnTo>
                <a:lnTo>
                  <a:pt x="2392860" y="1762555"/>
                </a:lnTo>
                <a:close/>
                <a:moveTo>
                  <a:pt x="2268507" y="1762555"/>
                </a:moveTo>
                <a:lnTo>
                  <a:pt x="2268507" y="1763855"/>
                </a:lnTo>
                <a:lnTo>
                  <a:pt x="2269803" y="1763855"/>
                </a:lnTo>
                <a:lnTo>
                  <a:pt x="2269803" y="1762555"/>
                </a:lnTo>
                <a:close/>
                <a:moveTo>
                  <a:pt x="1037896" y="1762555"/>
                </a:moveTo>
                <a:lnTo>
                  <a:pt x="1037896" y="1763855"/>
                </a:lnTo>
                <a:lnTo>
                  <a:pt x="1039192" y="1763855"/>
                </a:lnTo>
                <a:lnTo>
                  <a:pt x="1039192" y="1762555"/>
                </a:lnTo>
                <a:close/>
                <a:moveTo>
                  <a:pt x="914839" y="1762555"/>
                </a:moveTo>
                <a:lnTo>
                  <a:pt x="914839" y="1763855"/>
                </a:lnTo>
                <a:lnTo>
                  <a:pt x="916135" y="1763855"/>
                </a:lnTo>
                <a:lnTo>
                  <a:pt x="916135" y="1762555"/>
                </a:lnTo>
                <a:close/>
                <a:moveTo>
                  <a:pt x="2145227" y="1762334"/>
                </a:moveTo>
                <a:lnTo>
                  <a:pt x="2145227" y="1764078"/>
                </a:lnTo>
                <a:lnTo>
                  <a:pt x="2146967" y="1764078"/>
                </a:lnTo>
                <a:lnTo>
                  <a:pt x="2146967" y="1762334"/>
                </a:lnTo>
                <a:close/>
                <a:moveTo>
                  <a:pt x="2022170" y="1762334"/>
                </a:moveTo>
                <a:lnTo>
                  <a:pt x="2022170" y="1764078"/>
                </a:lnTo>
                <a:lnTo>
                  <a:pt x="2023910" y="1764078"/>
                </a:lnTo>
                <a:lnTo>
                  <a:pt x="2023910" y="1762334"/>
                </a:lnTo>
                <a:close/>
                <a:moveTo>
                  <a:pt x="1899112" y="1762334"/>
                </a:moveTo>
                <a:lnTo>
                  <a:pt x="1899112" y="1764078"/>
                </a:lnTo>
                <a:lnTo>
                  <a:pt x="1900852" y="1764078"/>
                </a:lnTo>
                <a:lnTo>
                  <a:pt x="1900852" y="1762334"/>
                </a:lnTo>
                <a:close/>
                <a:moveTo>
                  <a:pt x="1776055" y="1762334"/>
                </a:moveTo>
                <a:lnTo>
                  <a:pt x="1776055" y="1764078"/>
                </a:lnTo>
                <a:lnTo>
                  <a:pt x="1777796" y="1764078"/>
                </a:lnTo>
                <a:lnTo>
                  <a:pt x="1777796" y="1762334"/>
                </a:lnTo>
                <a:close/>
                <a:moveTo>
                  <a:pt x="1652998" y="1762334"/>
                </a:moveTo>
                <a:lnTo>
                  <a:pt x="1652998" y="1764078"/>
                </a:lnTo>
                <a:lnTo>
                  <a:pt x="1654738" y="1764078"/>
                </a:lnTo>
                <a:lnTo>
                  <a:pt x="1654738" y="1762334"/>
                </a:lnTo>
                <a:close/>
                <a:moveTo>
                  <a:pt x="1529940" y="1762334"/>
                </a:moveTo>
                <a:lnTo>
                  <a:pt x="1529940" y="1764078"/>
                </a:lnTo>
                <a:lnTo>
                  <a:pt x="1531681" y="1764078"/>
                </a:lnTo>
                <a:lnTo>
                  <a:pt x="1531681" y="1762334"/>
                </a:lnTo>
                <a:close/>
                <a:moveTo>
                  <a:pt x="1406883" y="1762334"/>
                </a:moveTo>
                <a:lnTo>
                  <a:pt x="1406883" y="1764078"/>
                </a:lnTo>
                <a:lnTo>
                  <a:pt x="1408624" y="1764078"/>
                </a:lnTo>
                <a:lnTo>
                  <a:pt x="1408624" y="1762334"/>
                </a:lnTo>
                <a:close/>
                <a:moveTo>
                  <a:pt x="1283826" y="1762334"/>
                </a:moveTo>
                <a:lnTo>
                  <a:pt x="1283826" y="1764078"/>
                </a:lnTo>
                <a:lnTo>
                  <a:pt x="1285566" y="1764078"/>
                </a:lnTo>
                <a:lnTo>
                  <a:pt x="1285566" y="1762334"/>
                </a:lnTo>
                <a:close/>
                <a:moveTo>
                  <a:pt x="1160731" y="1762334"/>
                </a:moveTo>
                <a:lnTo>
                  <a:pt x="1160731" y="1764078"/>
                </a:lnTo>
                <a:lnTo>
                  <a:pt x="1162472" y="1764078"/>
                </a:lnTo>
                <a:lnTo>
                  <a:pt x="1162472" y="1762334"/>
                </a:lnTo>
                <a:close/>
                <a:moveTo>
                  <a:pt x="3991790" y="1639905"/>
                </a:moveTo>
                <a:lnTo>
                  <a:pt x="3991790" y="1640355"/>
                </a:lnTo>
                <a:lnTo>
                  <a:pt x="3992235" y="1640355"/>
                </a:lnTo>
                <a:lnTo>
                  <a:pt x="3992235" y="1639905"/>
                </a:lnTo>
                <a:close/>
                <a:moveTo>
                  <a:pt x="3868733" y="1639905"/>
                </a:moveTo>
                <a:lnTo>
                  <a:pt x="3868733" y="1640355"/>
                </a:lnTo>
                <a:lnTo>
                  <a:pt x="3869177" y="1640355"/>
                </a:lnTo>
                <a:lnTo>
                  <a:pt x="3869177" y="1639905"/>
                </a:lnTo>
                <a:close/>
                <a:moveTo>
                  <a:pt x="3745676" y="1639905"/>
                </a:moveTo>
                <a:lnTo>
                  <a:pt x="3745676" y="1640355"/>
                </a:lnTo>
                <a:lnTo>
                  <a:pt x="3746120" y="1640355"/>
                </a:lnTo>
                <a:lnTo>
                  <a:pt x="3746120" y="1639905"/>
                </a:lnTo>
                <a:close/>
                <a:moveTo>
                  <a:pt x="3622618" y="1639905"/>
                </a:moveTo>
                <a:lnTo>
                  <a:pt x="3622618" y="1640355"/>
                </a:lnTo>
                <a:lnTo>
                  <a:pt x="3623062" y="1640355"/>
                </a:lnTo>
                <a:lnTo>
                  <a:pt x="3623062" y="1639905"/>
                </a:lnTo>
                <a:close/>
                <a:moveTo>
                  <a:pt x="3499524" y="1639905"/>
                </a:moveTo>
                <a:lnTo>
                  <a:pt x="3499524" y="1640355"/>
                </a:lnTo>
                <a:lnTo>
                  <a:pt x="3499968" y="1640355"/>
                </a:lnTo>
                <a:lnTo>
                  <a:pt x="3499968" y="1639905"/>
                </a:lnTo>
                <a:close/>
                <a:moveTo>
                  <a:pt x="3376467" y="1639905"/>
                </a:moveTo>
                <a:lnTo>
                  <a:pt x="3376467" y="1640355"/>
                </a:lnTo>
                <a:lnTo>
                  <a:pt x="3376911" y="1640355"/>
                </a:lnTo>
                <a:lnTo>
                  <a:pt x="3376911" y="1639905"/>
                </a:lnTo>
                <a:close/>
                <a:moveTo>
                  <a:pt x="3253409" y="1639905"/>
                </a:moveTo>
                <a:lnTo>
                  <a:pt x="3253409" y="1640355"/>
                </a:lnTo>
                <a:lnTo>
                  <a:pt x="3253853" y="1640355"/>
                </a:lnTo>
                <a:lnTo>
                  <a:pt x="3253853" y="1639905"/>
                </a:lnTo>
                <a:close/>
                <a:moveTo>
                  <a:pt x="3130352" y="1639905"/>
                </a:moveTo>
                <a:lnTo>
                  <a:pt x="3130352" y="1640355"/>
                </a:lnTo>
                <a:lnTo>
                  <a:pt x="3130796" y="1640355"/>
                </a:lnTo>
                <a:lnTo>
                  <a:pt x="3130796" y="1639905"/>
                </a:lnTo>
                <a:close/>
                <a:moveTo>
                  <a:pt x="3007295" y="1639905"/>
                </a:moveTo>
                <a:lnTo>
                  <a:pt x="3007295" y="1640355"/>
                </a:lnTo>
                <a:lnTo>
                  <a:pt x="3007739" y="1640355"/>
                </a:lnTo>
                <a:lnTo>
                  <a:pt x="3007739" y="1639905"/>
                </a:lnTo>
                <a:close/>
                <a:moveTo>
                  <a:pt x="2884238" y="1639905"/>
                </a:moveTo>
                <a:lnTo>
                  <a:pt x="2884238" y="1640355"/>
                </a:lnTo>
                <a:lnTo>
                  <a:pt x="2884682" y="1640355"/>
                </a:lnTo>
                <a:lnTo>
                  <a:pt x="2884682" y="1639905"/>
                </a:lnTo>
                <a:close/>
                <a:moveTo>
                  <a:pt x="2761180" y="1639905"/>
                </a:moveTo>
                <a:lnTo>
                  <a:pt x="2761180" y="1640355"/>
                </a:lnTo>
                <a:lnTo>
                  <a:pt x="2761624" y="1640355"/>
                </a:lnTo>
                <a:lnTo>
                  <a:pt x="2761624" y="1639905"/>
                </a:lnTo>
                <a:close/>
                <a:moveTo>
                  <a:pt x="792226" y="1639905"/>
                </a:moveTo>
                <a:lnTo>
                  <a:pt x="792226" y="1640355"/>
                </a:lnTo>
                <a:lnTo>
                  <a:pt x="792670" y="1640355"/>
                </a:lnTo>
                <a:lnTo>
                  <a:pt x="792670" y="1639905"/>
                </a:lnTo>
                <a:close/>
                <a:moveTo>
                  <a:pt x="669169" y="1639905"/>
                </a:moveTo>
                <a:lnTo>
                  <a:pt x="669169" y="1640355"/>
                </a:lnTo>
                <a:lnTo>
                  <a:pt x="669613" y="1640355"/>
                </a:lnTo>
                <a:lnTo>
                  <a:pt x="669613" y="1639905"/>
                </a:lnTo>
                <a:close/>
                <a:moveTo>
                  <a:pt x="423054" y="1639905"/>
                </a:moveTo>
                <a:lnTo>
                  <a:pt x="423054" y="1640355"/>
                </a:lnTo>
                <a:lnTo>
                  <a:pt x="423498" y="1640355"/>
                </a:lnTo>
                <a:lnTo>
                  <a:pt x="423498" y="1639905"/>
                </a:lnTo>
                <a:close/>
                <a:moveTo>
                  <a:pt x="299960" y="1639905"/>
                </a:moveTo>
                <a:lnTo>
                  <a:pt x="299960" y="1640355"/>
                </a:lnTo>
                <a:lnTo>
                  <a:pt x="300404" y="1640355"/>
                </a:lnTo>
                <a:lnTo>
                  <a:pt x="300404" y="1639905"/>
                </a:lnTo>
                <a:close/>
                <a:moveTo>
                  <a:pt x="176902" y="1639905"/>
                </a:moveTo>
                <a:lnTo>
                  <a:pt x="176902" y="1640355"/>
                </a:lnTo>
                <a:lnTo>
                  <a:pt x="177346" y="1640355"/>
                </a:lnTo>
                <a:lnTo>
                  <a:pt x="177346" y="1639905"/>
                </a:lnTo>
                <a:close/>
                <a:moveTo>
                  <a:pt x="53845" y="1639905"/>
                </a:moveTo>
                <a:lnTo>
                  <a:pt x="53845" y="1640355"/>
                </a:lnTo>
                <a:lnTo>
                  <a:pt x="54289" y="1640355"/>
                </a:lnTo>
                <a:lnTo>
                  <a:pt x="54289" y="1639905"/>
                </a:lnTo>
                <a:close/>
                <a:moveTo>
                  <a:pt x="2637901" y="1639688"/>
                </a:moveTo>
                <a:lnTo>
                  <a:pt x="2637901" y="1640535"/>
                </a:lnTo>
                <a:lnTo>
                  <a:pt x="2638753" y="1640535"/>
                </a:lnTo>
                <a:lnTo>
                  <a:pt x="2638753" y="1639688"/>
                </a:lnTo>
                <a:close/>
                <a:moveTo>
                  <a:pt x="2514843" y="1639688"/>
                </a:moveTo>
                <a:lnTo>
                  <a:pt x="2514843" y="1640535"/>
                </a:lnTo>
                <a:lnTo>
                  <a:pt x="2515695" y="1640535"/>
                </a:lnTo>
                <a:lnTo>
                  <a:pt x="2515695" y="1639688"/>
                </a:lnTo>
                <a:close/>
                <a:moveTo>
                  <a:pt x="2391786" y="1639688"/>
                </a:moveTo>
                <a:lnTo>
                  <a:pt x="2391786" y="1640535"/>
                </a:lnTo>
                <a:lnTo>
                  <a:pt x="2392638" y="1640535"/>
                </a:lnTo>
                <a:lnTo>
                  <a:pt x="2392638" y="1639688"/>
                </a:lnTo>
                <a:close/>
                <a:moveTo>
                  <a:pt x="2268729" y="1639688"/>
                </a:moveTo>
                <a:lnTo>
                  <a:pt x="2268729" y="1640535"/>
                </a:lnTo>
                <a:lnTo>
                  <a:pt x="2269581" y="1640535"/>
                </a:lnTo>
                <a:lnTo>
                  <a:pt x="2269581" y="1639688"/>
                </a:lnTo>
                <a:close/>
                <a:moveTo>
                  <a:pt x="2145671" y="1639688"/>
                </a:moveTo>
                <a:lnTo>
                  <a:pt x="2145671" y="1640535"/>
                </a:lnTo>
                <a:lnTo>
                  <a:pt x="2146523" y="1640535"/>
                </a:lnTo>
                <a:lnTo>
                  <a:pt x="2146523" y="1639688"/>
                </a:lnTo>
                <a:close/>
                <a:moveTo>
                  <a:pt x="1161176" y="1639688"/>
                </a:moveTo>
                <a:lnTo>
                  <a:pt x="1161176" y="1640535"/>
                </a:lnTo>
                <a:lnTo>
                  <a:pt x="1162028" y="1640535"/>
                </a:lnTo>
                <a:lnTo>
                  <a:pt x="1162028" y="1639688"/>
                </a:lnTo>
                <a:close/>
                <a:moveTo>
                  <a:pt x="1038118" y="1639688"/>
                </a:moveTo>
                <a:lnTo>
                  <a:pt x="1038118" y="1640535"/>
                </a:lnTo>
                <a:lnTo>
                  <a:pt x="1038970" y="1640535"/>
                </a:lnTo>
                <a:lnTo>
                  <a:pt x="1038970" y="1639688"/>
                </a:lnTo>
                <a:close/>
                <a:moveTo>
                  <a:pt x="915061" y="1639688"/>
                </a:moveTo>
                <a:lnTo>
                  <a:pt x="915061" y="1640535"/>
                </a:lnTo>
                <a:lnTo>
                  <a:pt x="915913" y="1640535"/>
                </a:lnTo>
                <a:lnTo>
                  <a:pt x="915913" y="1639688"/>
                </a:lnTo>
                <a:close/>
                <a:moveTo>
                  <a:pt x="2022392" y="1639496"/>
                </a:moveTo>
                <a:lnTo>
                  <a:pt x="2022392" y="1640794"/>
                </a:lnTo>
                <a:lnTo>
                  <a:pt x="2023688" y="1640794"/>
                </a:lnTo>
                <a:lnTo>
                  <a:pt x="2023688" y="1639496"/>
                </a:lnTo>
                <a:close/>
                <a:moveTo>
                  <a:pt x="1899335" y="1639496"/>
                </a:moveTo>
                <a:lnTo>
                  <a:pt x="1899335" y="1640794"/>
                </a:lnTo>
                <a:lnTo>
                  <a:pt x="1900631" y="1640794"/>
                </a:lnTo>
                <a:lnTo>
                  <a:pt x="1900631" y="1639496"/>
                </a:lnTo>
                <a:close/>
                <a:moveTo>
                  <a:pt x="1776277" y="1639496"/>
                </a:moveTo>
                <a:lnTo>
                  <a:pt x="1776277" y="1640794"/>
                </a:lnTo>
                <a:lnTo>
                  <a:pt x="1777573" y="1640794"/>
                </a:lnTo>
                <a:lnTo>
                  <a:pt x="1777573" y="1639496"/>
                </a:lnTo>
                <a:close/>
                <a:moveTo>
                  <a:pt x="1653220" y="1639496"/>
                </a:moveTo>
                <a:lnTo>
                  <a:pt x="1653220" y="1640794"/>
                </a:lnTo>
                <a:lnTo>
                  <a:pt x="1654516" y="1640794"/>
                </a:lnTo>
                <a:lnTo>
                  <a:pt x="1654516" y="1639496"/>
                </a:lnTo>
                <a:close/>
                <a:moveTo>
                  <a:pt x="1530163" y="1639496"/>
                </a:moveTo>
                <a:lnTo>
                  <a:pt x="1530163" y="1640794"/>
                </a:lnTo>
                <a:lnTo>
                  <a:pt x="1531459" y="1640794"/>
                </a:lnTo>
                <a:lnTo>
                  <a:pt x="1531459" y="1639496"/>
                </a:lnTo>
                <a:close/>
                <a:moveTo>
                  <a:pt x="1407068" y="1639496"/>
                </a:moveTo>
                <a:lnTo>
                  <a:pt x="1407068" y="1640794"/>
                </a:lnTo>
                <a:lnTo>
                  <a:pt x="1408364" y="1640794"/>
                </a:lnTo>
                <a:lnTo>
                  <a:pt x="1408364" y="1639496"/>
                </a:lnTo>
                <a:close/>
                <a:moveTo>
                  <a:pt x="1284011" y="1639496"/>
                </a:moveTo>
                <a:lnTo>
                  <a:pt x="1284011" y="1640794"/>
                </a:lnTo>
                <a:lnTo>
                  <a:pt x="1285307" y="1640794"/>
                </a:lnTo>
                <a:lnTo>
                  <a:pt x="1285307" y="1639496"/>
                </a:lnTo>
                <a:close/>
                <a:moveTo>
                  <a:pt x="3991790" y="1516854"/>
                </a:moveTo>
                <a:lnTo>
                  <a:pt x="3991790" y="1517296"/>
                </a:lnTo>
                <a:lnTo>
                  <a:pt x="3992235" y="1517296"/>
                </a:lnTo>
                <a:lnTo>
                  <a:pt x="3992235" y="1516854"/>
                </a:lnTo>
                <a:close/>
                <a:moveTo>
                  <a:pt x="3868733" y="1516854"/>
                </a:moveTo>
                <a:lnTo>
                  <a:pt x="3868733" y="1517296"/>
                </a:lnTo>
                <a:lnTo>
                  <a:pt x="3869177" y="1517296"/>
                </a:lnTo>
                <a:lnTo>
                  <a:pt x="3869177" y="1516854"/>
                </a:lnTo>
                <a:close/>
                <a:moveTo>
                  <a:pt x="3745676" y="1516854"/>
                </a:moveTo>
                <a:lnTo>
                  <a:pt x="3745676" y="1517296"/>
                </a:lnTo>
                <a:lnTo>
                  <a:pt x="3746120" y="1517296"/>
                </a:lnTo>
                <a:lnTo>
                  <a:pt x="3746120" y="1516854"/>
                </a:lnTo>
                <a:close/>
                <a:moveTo>
                  <a:pt x="3622618" y="1516854"/>
                </a:moveTo>
                <a:lnTo>
                  <a:pt x="3622618" y="1517296"/>
                </a:lnTo>
                <a:lnTo>
                  <a:pt x="3623062" y="1517296"/>
                </a:lnTo>
                <a:lnTo>
                  <a:pt x="3623062" y="1516854"/>
                </a:lnTo>
                <a:close/>
                <a:moveTo>
                  <a:pt x="3499524" y="1516854"/>
                </a:moveTo>
                <a:lnTo>
                  <a:pt x="3499524" y="1517296"/>
                </a:lnTo>
                <a:lnTo>
                  <a:pt x="3499968" y="1517296"/>
                </a:lnTo>
                <a:lnTo>
                  <a:pt x="3499968" y="1516854"/>
                </a:lnTo>
                <a:close/>
                <a:moveTo>
                  <a:pt x="3376467" y="1516854"/>
                </a:moveTo>
                <a:lnTo>
                  <a:pt x="3376467" y="1517296"/>
                </a:lnTo>
                <a:lnTo>
                  <a:pt x="3376911" y="1517296"/>
                </a:lnTo>
                <a:lnTo>
                  <a:pt x="3376911" y="1516854"/>
                </a:lnTo>
                <a:close/>
                <a:moveTo>
                  <a:pt x="3253409" y="1516854"/>
                </a:moveTo>
                <a:lnTo>
                  <a:pt x="3253409" y="1517296"/>
                </a:lnTo>
                <a:lnTo>
                  <a:pt x="3253853" y="1517296"/>
                </a:lnTo>
                <a:lnTo>
                  <a:pt x="3253853" y="1516854"/>
                </a:lnTo>
                <a:close/>
                <a:moveTo>
                  <a:pt x="3130352" y="1516854"/>
                </a:moveTo>
                <a:lnTo>
                  <a:pt x="3130352" y="1517296"/>
                </a:lnTo>
                <a:lnTo>
                  <a:pt x="3130796" y="1517296"/>
                </a:lnTo>
                <a:lnTo>
                  <a:pt x="3130796" y="1516854"/>
                </a:lnTo>
                <a:close/>
                <a:moveTo>
                  <a:pt x="3007295" y="1516854"/>
                </a:moveTo>
                <a:lnTo>
                  <a:pt x="3007295" y="1517296"/>
                </a:lnTo>
                <a:lnTo>
                  <a:pt x="3007739" y="1517296"/>
                </a:lnTo>
                <a:lnTo>
                  <a:pt x="3007739" y="1516854"/>
                </a:lnTo>
                <a:close/>
                <a:moveTo>
                  <a:pt x="2884238" y="1516854"/>
                </a:moveTo>
                <a:lnTo>
                  <a:pt x="2884238" y="1517296"/>
                </a:lnTo>
                <a:lnTo>
                  <a:pt x="2884682" y="1517296"/>
                </a:lnTo>
                <a:lnTo>
                  <a:pt x="2884682" y="1516854"/>
                </a:lnTo>
                <a:close/>
                <a:moveTo>
                  <a:pt x="2761180" y="1516854"/>
                </a:moveTo>
                <a:lnTo>
                  <a:pt x="2761180" y="1517296"/>
                </a:lnTo>
                <a:lnTo>
                  <a:pt x="2761624" y="1517296"/>
                </a:lnTo>
                <a:lnTo>
                  <a:pt x="2761624" y="1516854"/>
                </a:lnTo>
                <a:close/>
                <a:moveTo>
                  <a:pt x="2638123" y="1516854"/>
                </a:moveTo>
                <a:lnTo>
                  <a:pt x="2638123" y="1517296"/>
                </a:lnTo>
                <a:lnTo>
                  <a:pt x="2638567" y="1517296"/>
                </a:lnTo>
                <a:lnTo>
                  <a:pt x="2638567" y="1516854"/>
                </a:lnTo>
                <a:close/>
                <a:moveTo>
                  <a:pt x="2515066" y="1516854"/>
                </a:moveTo>
                <a:lnTo>
                  <a:pt x="2515066" y="1517296"/>
                </a:lnTo>
                <a:lnTo>
                  <a:pt x="2515510" y="1517296"/>
                </a:lnTo>
                <a:lnTo>
                  <a:pt x="2515510" y="1516854"/>
                </a:lnTo>
                <a:close/>
                <a:moveTo>
                  <a:pt x="2392008" y="1516854"/>
                </a:moveTo>
                <a:lnTo>
                  <a:pt x="2392008" y="1517296"/>
                </a:lnTo>
                <a:lnTo>
                  <a:pt x="2392452" y="1517296"/>
                </a:lnTo>
                <a:lnTo>
                  <a:pt x="2392452" y="1516854"/>
                </a:lnTo>
                <a:close/>
                <a:moveTo>
                  <a:pt x="1161398" y="1516854"/>
                </a:moveTo>
                <a:lnTo>
                  <a:pt x="1161398" y="1517296"/>
                </a:lnTo>
                <a:lnTo>
                  <a:pt x="1161842" y="1517296"/>
                </a:lnTo>
                <a:lnTo>
                  <a:pt x="1161842" y="1516854"/>
                </a:lnTo>
                <a:close/>
                <a:moveTo>
                  <a:pt x="1038341" y="1516854"/>
                </a:moveTo>
                <a:lnTo>
                  <a:pt x="1038341" y="1517296"/>
                </a:lnTo>
                <a:lnTo>
                  <a:pt x="1038785" y="1517296"/>
                </a:lnTo>
                <a:lnTo>
                  <a:pt x="1038785" y="1516854"/>
                </a:lnTo>
                <a:close/>
                <a:moveTo>
                  <a:pt x="915283" y="1516854"/>
                </a:moveTo>
                <a:lnTo>
                  <a:pt x="915283" y="1517296"/>
                </a:lnTo>
                <a:lnTo>
                  <a:pt x="915727" y="1517296"/>
                </a:lnTo>
                <a:lnTo>
                  <a:pt x="915727" y="1516854"/>
                </a:lnTo>
                <a:close/>
                <a:moveTo>
                  <a:pt x="792226" y="1516854"/>
                </a:moveTo>
                <a:lnTo>
                  <a:pt x="792226" y="1517296"/>
                </a:lnTo>
                <a:lnTo>
                  <a:pt x="792670" y="1517296"/>
                </a:lnTo>
                <a:lnTo>
                  <a:pt x="792670" y="1516854"/>
                </a:lnTo>
                <a:close/>
                <a:moveTo>
                  <a:pt x="299960" y="1516854"/>
                </a:moveTo>
                <a:lnTo>
                  <a:pt x="299960" y="1517296"/>
                </a:lnTo>
                <a:lnTo>
                  <a:pt x="300404" y="1517296"/>
                </a:lnTo>
                <a:lnTo>
                  <a:pt x="300404" y="1516854"/>
                </a:lnTo>
                <a:close/>
                <a:moveTo>
                  <a:pt x="176902" y="1516854"/>
                </a:moveTo>
                <a:lnTo>
                  <a:pt x="176902" y="1517296"/>
                </a:lnTo>
                <a:lnTo>
                  <a:pt x="177346" y="1517296"/>
                </a:lnTo>
                <a:lnTo>
                  <a:pt x="177346" y="1516854"/>
                </a:lnTo>
                <a:close/>
                <a:moveTo>
                  <a:pt x="53845" y="1516854"/>
                </a:moveTo>
                <a:lnTo>
                  <a:pt x="53845" y="1517296"/>
                </a:lnTo>
                <a:lnTo>
                  <a:pt x="54289" y="1517296"/>
                </a:lnTo>
                <a:lnTo>
                  <a:pt x="54289" y="1516854"/>
                </a:lnTo>
                <a:close/>
                <a:moveTo>
                  <a:pt x="2268729" y="1516632"/>
                </a:moveTo>
                <a:lnTo>
                  <a:pt x="2268729" y="1517480"/>
                </a:lnTo>
                <a:lnTo>
                  <a:pt x="2269581" y="1517480"/>
                </a:lnTo>
                <a:lnTo>
                  <a:pt x="2269581" y="1516632"/>
                </a:lnTo>
                <a:close/>
                <a:moveTo>
                  <a:pt x="2145671" y="1516632"/>
                </a:moveTo>
                <a:lnTo>
                  <a:pt x="2145671" y="1517480"/>
                </a:lnTo>
                <a:lnTo>
                  <a:pt x="2146523" y="1517480"/>
                </a:lnTo>
                <a:lnTo>
                  <a:pt x="2146523" y="1516632"/>
                </a:lnTo>
                <a:close/>
                <a:moveTo>
                  <a:pt x="2022614" y="1516632"/>
                </a:moveTo>
                <a:lnTo>
                  <a:pt x="2022614" y="1517480"/>
                </a:lnTo>
                <a:lnTo>
                  <a:pt x="2023466" y="1517480"/>
                </a:lnTo>
                <a:lnTo>
                  <a:pt x="2023466" y="1516632"/>
                </a:lnTo>
                <a:close/>
                <a:moveTo>
                  <a:pt x="1899557" y="1516632"/>
                </a:moveTo>
                <a:lnTo>
                  <a:pt x="1899557" y="1517480"/>
                </a:lnTo>
                <a:lnTo>
                  <a:pt x="1900409" y="1517480"/>
                </a:lnTo>
                <a:lnTo>
                  <a:pt x="1900409" y="1516632"/>
                </a:lnTo>
                <a:close/>
                <a:moveTo>
                  <a:pt x="1776499" y="1516632"/>
                </a:moveTo>
                <a:lnTo>
                  <a:pt x="1776499" y="1517480"/>
                </a:lnTo>
                <a:lnTo>
                  <a:pt x="1777351" y="1517480"/>
                </a:lnTo>
                <a:lnTo>
                  <a:pt x="1777351" y="1516632"/>
                </a:lnTo>
                <a:close/>
                <a:moveTo>
                  <a:pt x="1653405" y="1516632"/>
                </a:moveTo>
                <a:lnTo>
                  <a:pt x="1653405" y="1517480"/>
                </a:lnTo>
                <a:lnTo>
                  <a:pt x="1654257" y="1517480"/>
                </a:lnTo>
                <a:lnTo>
                  <a:pt x="1654257" y="1516632"/>
                </a:lnTo>
                <a:close/>
                <a:moveTo>
                  <a:pt x="1530348" y="1516632"/>
                </a:moveTo>
                <a:lnTo>
                  <a:pt x="1530348" y="1517480"/>
                </a:lnTo>
                <a:lnTo>
                  <a:pt x="1531200" y="1517480"/>
                </a:lnTo>
                <a:lnTo>
                  <a:pt x="1531200" y="1516632"/>
                </a:lnTo>
                <a:close/>
                <a:moveTo>
                  <a:pt x="1407290" y="1516632"/>
                </a:moveTo>
                <a:lnTo>
                  <a:pt x="1407290" y="1517480"/>
                </a:lnTo>
                <a:lnTo>
                  <a:pt x="1408142" y="1517480"/>
                </a:lnTo>
                <a:lnTo>
                  <a:pt x="1408142" y="1516632"/>
                </a:lnTo>
                <a:close/>
                <a:moveTo>
                  <a:pt x="1284233" y="1516632"/>
                </a:moveTo>
                <a:lnTo>
                  <a:pt x="1284233" y="1517480"/>
                </a:lnTo>
                <a:lnTo>
                  <a:pt x="1285085" y="1517480"/>
                </a:lnTo>
                <a:lnTo>
                  <a:pt x="1285085" y="1516632"/>
                </a:lnTo>
                <a:close/>
                <a:moveTo>
                  <a:pt x="3991790" y="1393797"/>
                </a:moveTo>
                <a:lnTo>
                  <a:pt x="3991790" y="1394235"/>
                </a:lnTo>
                <a:lnTo>
                  <a:pt x="3992235" y="1394235"/>
                </a:lnTo>
                <a:lnTo>
                  <a:pt x="3992235" y="1393797"/>
                </a:lnTo>
                <a:close/>
                <a:moveTo>
                  <a:pt x="3868733" y="1393797"/>
                </a:moveTo>
                <a:lnTo>
                  <a:pt x="3868733" y="1394235"/>
                </a:lnTo>
                <a:lnTo>
                  <a:pt x="3869177" y="1394235"/>
                </a:lnTo>
                <a:lnTo>
                  <a:pt x="3869177" y="1393797"/>
                </a:lnTo>
                <a:close/>
                <a:moveTo>
                  <a:pt x="3745676" y="1393797"/>
                </a:moveTo>
                <a:lnTo>
                  <a:pt x="3745676" y="1394235"/>
                </a:lnTo>
                <a:lnTo>
                  <a:pt x="3746120" y="1394235"/>
                </a:lnTo>
                <a:lnTo>
                  <a:pt x="3746120" y="1393797"/>
                </a:lnTo>
                <a:close/>
                <a:moveTo>
                  <a:pt x="3622618" y="1393797"/>
                </a:moveTo>
                <a:lnTo>
                  <a:pt x="3622618" y="1394235"/>
                </a:lnTo>
                <a:lnTo>
                  <a:pt x="3623062" y="1394235"/>
                </a:lnTo>
                <a:lnTo>
                  <a:pt x="3623062" y="1393797"/>
                </a:lnTo>
                <a:close/>
                <a:moveTo>
                  <a:pt x="3499524" y="1393797"/>
                </a:moveTo>
                <a:lnTo>
                  <a:pt x="3499524" y="1394235"/>
                </a:lnTo>
                <a:lnTo>
                  <a:pt x="3499968" y="1394235"/>
                </a:lnTo>
                <a:lnTo>
                  <a:pt x="3499968" y="1393797"/>
                </a:lnTo>
                <a:close/>
                <a:moveTo>
                  <a:pt x="3376467" y="1393797"/>
                </a:moveTo>
                <a:lnTo>
                  <a:pt x="3376467" y="1394235"/>
                </a:lnTo>
                <a:lnTo>
                  <a:pt x="3376911" y="1394235"/>
                </a:lnTo>
                <a:lnTo>
                  <a:pt x="3376911" y="1393797"/>
                </a:lnTo>
                <a:close/>
                <a:moveTo>
                  <a:pt x="3253409" y="1393797"/>
                </a:moveTo>
                <a:lnTo>
                  <a:pt x="3253409" y="1394235"/>
                </a:lnTo>
                <a:lnTo>
                  <a:pt x="3253853" y="1394235"/>
                </a:lnTo>
                <a:lnTo>
                  <a:pt x="3253853" y="1393797"/>
                </a:lnTo>
                <a:close/>
                <a:moveTo>
                  <a:pt x="3130352" y="1393797"/>
                </a:moveTo>
                <a:lnTo>
                  <a:pt x="3130352" y="1394235"/>
                </a:lnTo>
                <a:lnTo>
                  <a:pt x="3130796" y="1394235"/>
                </a:lnTo>
                <a:lnTo>
                  <a:pt x="3130796" y="1393797"/>
                </a:lnTo>
                <a:close/>
                <a:moveTo>
                  <a:pt x="3007295" y="1393797"/>
                </a:moveTo>
                <a:lnTo>
                  <a:pt x="3007295" y="1394235"/>
                </a:lnTo>
                <a:lnTo>
                  <a:pt x="3007739" y="1394235"/>
                </a:lnTo>
                <a:lnTo>
                  <a:pt x="3007739" y="1393797"/>
                </a:lnTo>
                <a:close/>
                <a:moveTo>
                  <a:pt x="2884238" y="1393797"/>
                </a:moveTo>
                <a:lnTo>
                  <a:pt x="2884238" y="1394235"/>
                </a:lnTo>
                <a:lnTo>
                  <a:pt x="2884682" y="1394235"/>
                </a:lnTo>
                <a:lnTo>
                  <a:pt x="2884682" y="1393797"/>
                </a:lnTo>
                <a:close/>
                <a:moveTo>
                  <a:pt x="2761180" y="1393797"/>
                </a:moveTo>
                <a:lnTo>
                  <a:pt x="2761180" y="1394235"/>
                </a:lnTo>
                <a:lnTo>
                  <a:pt x="2761624" y="1394235"/>
                </a:lnTo>
                <a:lnTo>
                  <a:pt x="2761624" y="1393797"/>
                </a:lnTo>
                <a:close/>
                <a:moveTo>
                  <a:pt x="2638123" y="1393797"/>
                </a:moveTo>
                <a:lnTo>
                  <a:pt x="2638123" y="1394235"/>
                </a:lnTo>
                <a:lnTo>
                  <a:pt x="2638567" y="1394235"/>
                </a:lnTo>
                <a:lnTo>
                  <a:pt x="2638567" y="1393797"/>
                </a:lnTo>
                <a:close/>
                <a:moveTo>
                  <a:pt x="2515066" y="1393797"/>
                </a:moveTo>
                <a:lnTo>
                  <a:pt x="2515066" y="1394235"/>
                </a:lnTo>
                <a:lnTo>
                  <a:pt x="2515510" y="1394235"/>
                </a:lnTo>
                <a:lnTo>
                  <a:pt x="2515510" y="1393797"/>
                </a:lnTo>
                <a:close/>
                <a:moveTo>
                  <a:pt x="2392008" y="1393797"/>
                </a:moveTo>
                <a:lnTo>
                  <a:pt x="2392008" y="1394235"/>
                </a:lnTo>
                <a:lnTo>
                  <a:pt x="2392452" y="1394235"/>
                </a:lnTo>
                <a:lnTo>
                  <a:pt x="2392452" y="1393797"/>
                </a:lnTo>
                <a:close/>
                <a:moveTo>
                  <a:pt x="2268951" y="1393797"/>
                </a:moveTo>
                <a:lnTo>
                  <a:pt x="2268951" y="1394235"/>
                </a:lnTo>
                <a:lnTo>
                  <a:pt x="2269395" y="1394235"/>
                </a:lnTo>
                <a:lnTo>
                  <a:pt x="2269395" y="1393797"/>
                </a:lnTo>
                <a:close/>
                <a:moveTo>
                  <a:pt x="2145894" y="1393797"/>
                </a:moveTo>
                <a:lnTo>
                  <a:pt x="2145894" y="1394235"/>
                </a:lnTo>
                <a:lnTo>
                  <a:pt x="2146338" y="1394235"/>
                </a:lnTo>
                <a:lnTo>
                  <a:pt x="2146338" y="1393797"/>
                </a:lnTo>
                <a:close/>
                <a:moveTo>
                  <a:pt x="2022836" y="1393797"/>
                </a:moveTo>
                <a:lnTo>
                  <a:pt x="2022836" y="1394235"/>
                </a:lnTo>
                <a:lnTo>
                  <a:pt x="2023280" y="1394235"/>
                </a:lnTo>
                <a:lnTo>
                  <a:pt x="2023280" y="1393797"/>
                </a:lnTo>
                <a:close/>
                <a:moveTo>
                  <a:pt x="1899742" y="1393797"/>
                </a:moveTo>
                <a:lnTo>
                  <a:pt x="1899742" y="1394235"/>
                </a:lnTo>
                <a:lnTo>
                  <a:pt x="1900186" y="1394235"/>
                </a:lnTo>
                <a:lnTo>
                  <a:pt x="1900186" y="1393797"/>
                </a:lnTo>
                <a:close/>
                <a:moveTo>
                  <a:pt x="1776685" y="1393797"/>
                </a:moveTo>
                <a:lnTo>
                  <a:pt x="1776685" y="1394235"/>
                </a:lnTo>
                <a:lnTo>
                  <a:pt x="1777129" y="1394235"/>
                </a:lnTo>
                <a:lnTo>
                  <a:pt x="1777129" y="1393797"/>
                </a:lnTo>
                <a:close/>
                <a:moveTo>
                  <a:pt x="1653627" y="1393797"/>
                </a:moveTo>
                <a:lnTo>
                  <a:pt x="1653627" y="1394235"/>
                </a:lnTo>
                <a:lnTo>
                  <a:pt x="1654071" y="1394235"/>
                </a:lnTo>
                <a:lnTo>
                  <a:pt x="1654071" y="1393797"/>
                </a:lnTo>
                <a:close/>
                <a:moveTo>
                  <a:pt x="1530570" y="1393797"/>
                </a:moveTo>
                <a:lnTo>
                  <a:pt x="1530570" y="1394235"/>
                </a:lnTo>
                <a:lnTo>
                  <a:pt x="1531014" y="1394235"/>
                </a:lnTo>
                <a:lnTo>
                  <a:pt x="1531014" y="1393797"/>
                </a:lnTo>
                <a:close/>
                <a:moveTo>
                  <a:pt x="1407513" y="1393797"/>
                </a:moveTo>
                <a:lnTo>
                  <a:pt x="1407513" y="1394235"/>
                </a:lnTo>
                <a:lnTo>
                  <a:pt x="1407957" y="1394235"/>
                </a:lnTo>
                <a:lnTo>
                  <a:pt x="1407957" y="1393797"/>
                </a:lnTo>
                <a:close/>
                <a:moveTo>
                  <a:pt x="1284455" y="1393797"/>
                </a:moveTo>
                <a:lnTo>
                  <a:pt x="1284455" y="1394235"/>
                </a:lnTo>
                <a:lnTo>
                  <a:pt x="1284899" y="1394235"/>
                </a:lnTo>
                <a:lnTo>
                  <a:pt x="1284899" y="1393797"/>
                </a:lnTo>
                <a:close/>
                <a:moveTo>
                  <a:pt x="1161398" y="1393797"/>
                </a:moveTo>
                <a:lnTo>
                  <a:pt x="1161398" y="1394235"/>
                </a:lnTo>
                <a:lnTo>
                  <a:pt x="1161842" y="1394235"/>
                </a:lnTo>
                <a:lnTo>
                  <a:pt x="1161842" y="1393797"/>
                </a:lnTo>
                <a:close/>
                <a:moveTo>
                  <a:pt x="1038341" y="1393797"/>
                </a:moveTo>
                <a:lnTo>
                  <a:pt x="1038341" y="1394235"/>
                </a:lnTo>
                <a:lnTo>
                  <a:pt x="1038785" y="1394235"/>
                </a:lnTo>
                <a:lnTo>
                  <a:pt x="1038785" y="1393797"/>
                </a:lnTo>
                <a:close/>
                <a:moveTo>
                  <a:pt x="915283" y="1393797"/>
                </a:moveTo>
                <a:lnTo>
                  <a:pt x="915283" y="1394235"/>
                </a:lnTo>
                <a:lnTo>
                  <a:pt x="915727" y="1394235"/>
                </a:lnTo>
                <a:lnTo>
                  <a:pt x="915727" y="1393797"/>
                </a:lnTo>
                <a:close/>
                <a:moveTo>
                  <a:pt x="792226" y="1393797"/>
                </a:moveTo>
                <a:lnTo>
                  <a:pt x="792226" y="1394235"/>
                </a:lnTo>
                <a:lnTo>
                  <a:pt x="792670" y="1394235"/>
                </a:lnTo>
                <a:lnTo>
                  <a:pt x="792670" y="1393797"/>
                </a:lnTo>
                <a:close/>
                <a:moveTo>
                  <a:pt x="53845" y="1393797"/>
                </a:moveTo>
                <a:lnTo>
                  <a:pt x="53845" y="1394235"/>
                </a:lnTo>
                <a:lnTo>
                  <a:pt x="54289" y="1394235"/>
                </a:lnTo>
                <a:lnTo>
                  <a:pt x="54289" y="1393797"/>
                </a:lnTo>
                <a:close/>
                <a:moveTo>
                  <a:pt x="3745676" y="1270739"/>
                </a:moveTo>
                <a:lnTo>
                  <a:pt x="3745676" y="1271180"/>
                </a:lnTo>
                <a:lnTo>
                  <a:pt x="3746120" y="1271180"/>
                </a:lnTo>
                <a:lnTo>
                  <a:pt x="3746120" y="1270739"/>
                </a:lnTo>
                <a:close/>
                <a:moveTo>
                  <a:pt x="3622618" y="1270739"/>
                </a:moveTo>
                <a:lnTo>
                  <a:pt x="3622618" y="1271180"/>
                </a:lnTo>
                <a:lnTo>
                  <a:pt x="3623062" y="1271180"/>
                </a:lnTo>
                <a:lnTo>
                  <a:pt x="3623062" y="1270739"/>
                </a:lnTo>
                <a:close/>
                <a:moveTo>
                  <a:pt x="3499524" y="1270739"/>
                </a:moveTo>
                <a:lnTo>
                  <a:pt x="3499524" y="1271180"/>
                </a:lnTo>
                <a:lnTo>
                  <a:pt x="3499968" y="1271180"/>
                </a:lnTo>
                <a:lnTo>
                  <a:pt x="3499968" y="1270739"/>
                </a:lnTo>
                <a:close/>
                <a:moveTo>
                  <a:pt x="3376467" y="1270739"/>
                </a:moveTo>
                <a:lnTo>
                  <a:pt x="3376467" y="1271180"/>
                </a:lnTo>
                <a:lnTo>
                  <a:pt x="3376911" y="1271180"/>
                </a:lnTo>
                <a:lnTo>
                  <a:pt x="3376911" y="1270739"/>
                </a:lnTo>
                <a:close/>
                <a:moveTo>
                  <a:pt x="3253409" y="1270739"/>
                </a:moveTo>
                <a:lnTo>
                  <a:pt x="3253409" y="1271180"/>
                </a:lnTo>
                <a:lnTo>
                  <a:pt x="3253853" y="1271180"/>
                </a:lnTo>
                <a:lnTo>
                  <a:pt x="3253853" y="1270739"/>
                </a:lnTo>
                <a:close/>
                <a:moveTo>
                  <a:pt x="3130352" y="1270739"/>
                </a:moveTo>
                <a:lnTo>
                  <a:pt x="3130352" y="1271180"/>
                </a:lnTo>
                <a:lnTo>
                  <a:pt x="3130796" y="1271180"/>
                </a:lnTo>
                <a:lnTo>
                  <a:pt x="3130796" y="1270739"/>
                </a:lnTo>
                <a:close/>
                <a:moveTo>
                  <a:pt x="3007295" y="1270739"/>
                </a:moveTo>
                <a:lnTo>
                  <a:pt x="3007295" y="1271180"/>
                </a:lnTo>
                <a:lnTo>
                  <a:pt x="3007739" y="1271180"/>
                </a:lnTo>
                <a:lnTo>
                  <a:pt x="3007739" y="1270739"/>
                </a:lnTo>
                <a:close/>
                <a:moveTo>
                  <a:pt x="2884238" y="1270739"/>
                </a:moveTo>
                <a:lnTo>
                  <a:pt x="2884238" y="1271180"/>
                </a:lnTo>
                <a:lnTo>
                  <a:pt x="2884682" y="1271180"/>
                </a:lnTo>
                <a:lnTo>
                  <a:pt x="2884682" y="1270739"/>
                </a:lnTo>
                <a:close/>
                <a:moveTo>
                  <a:pt x="2761180" y="1270739"/>
                </a:moveTo>
                <a:lnTo>
                  <a:pt x="2761180" y="1271180"/>
                </a:lnTo>
                <a:lnTo>
                  <a:pt x="2761624" y="1271180"/>
                </a:lnTo>
                <a:lnTo>
                  <a:pt x="2761624" y="1270739"/>
                </a:lnTo>
                <a:close/>
                <a:moveTo>
                  <a:pt x="2638123" y="1270739"/>
                </a:moveTo>
                <a:lnTo>
                  <a:pt x="2638123" y="1271180"/>
                </a:lnTo>
                <a:lnTo>
                  <a:pt x="2638567" y="1271180"/>
                </a:lnTo>
                <a:lnTo>
                  <a:pt x="2638567" y="1270739"/>
                </a:lnTo>
                <a:close/>
                <a:moveTo>
                  <a:pt x="2515066" y="1270739"/>
                </a:moveTo>
                <a:lnTo>
                  <a:pt x="2515066" y="1271180"/>
                </a:lnTo>
                <a:lnTo>
                  <a:pt x="2515510" y="1271180"/>
                </a:lnTo>
                <a:lnTo>
                  <a:pt x="2515510" y="1270739"/>
                </a:lnTo>
                <a:close/>
                <a:moveTo>
                  <a:pt x="2392008" y="1270739"/>
                </a:moveTo>
                <a:lnTo>
                  <a:pt x="2392008" y="1271180"/>
                </a:lnTo>
                <a:lnTo>
                  <a:pt x="2392452" y="1271180"/>
                </a:lnTo>
                <a:lnTo>
                  <a:pt x="2392452" y="1270739"/>
                </a:lnTo>
                <a:close/>
                <a:moveTo>
                  <a:pt x="2268951" y="1270739"/>
                </a:moveTo>
                <a:lnTo>
                  <a:pt x="2268951" y="1271180"/>
                </a:lnTo>
                <a:lnTo>
                  <a:pt x="2269395" y="1271180"/>
                </a:lnTo>
                <a:lnTo>
                  <a:pt x="2269395" y="1270739"/>
                </a:lnTo>
                <a:close/>
                <a:moveTo>
                  <a:pt x="2145894" y="1270739"/>
                </a:moveTo>
                <a:lnTo>
                  <a:pt x="2145894" y="1271180"/>
                </a:lnTo>
                <a:lnTo>
                  <a:pt x="2146338" y="1271180"/>
                </a:lnTo>
                <a:lnTo>
                  <a:pt x="2146338" y="1270739"/>
                </a:lnTo>
                <a:close/>
                <a:moveTo>
                  <a:pt x="2022836" y="1270739"/>
                </a:moveTo>
                <a:lnTo>
                  <a:pt x="2022836" y="1271180"/>
                </a:lnTo>
                <a:lnTo>
                  <a:pt x="2023280" y="1271180"/>
                </a:lnTo>
                <a:lnTo>
                  <a:pt x="2023280" y="1270739"/>
                </a:lnTo>
                <a:close/>
                <a:moveTo>
                  <a:pt x="1899742" y="1270739"/>
                </a:moveTo>
                <a:lnTo>
                  <a:pt x="1899742" y="1271180"/>
                </a:lnTo>
                <a:lnTo>
                  <a:pt x="1900186" y="1271180"/>
                </a:lnTo>
                <a:lnTo>
                  <a:pt x="1900186" y="1270739"/>
                </a:lnTo>
                <a:close/>
                <a:moveTo>
                  <a:pt x="1776685" y="1270739"/>
                </a:moveTo>
                <a:lnTo>
                  <a:pt x="1776685" y="1271180"/>
                </a:lnTo>
                <a:lnTo>
                  <a:pt x="1777129" y="1271180"/>
                </a:lnTo>
                <a:lnTo>
                  <a:pt x="1777129" y="1270739"/>
                </a:lnTo>
                <a:close/>
                <a:moveTo>
                  <a:pt x="1653627" y="1270739"/>
                </a:moveTo>
                <a:lnTo>
                  <a:pt x="1653627" y="1271180"/>
                </a:lnTo>
                <a:lnTo>
                  <a:pt x="1654071" y="1271180"/>
                </a:lnTo>
                <a:lnTo>
                  <a:pt x="1654071" y="1270739"/>
                </a:lnTo>
                <a:close/>
                <a:moveTo>
                  <a:pt x="1530570" y="1270739"/>
                </a:moveTo>
                <a:lnTo>
                  <a:pt x="1530570" y="1271180"/>
                </a:lnTo>
                <a:lnTo>
                  <a:pt x="1531014" y="1271180"/>
                </a:lnTo>
                <a:lnTo>
                  <a:pt x="1531014" y="1270739"/>
                </a:lnTo>
                <a:close/>
                <a:moveTo>
                  <a:pt x="1407513" y="1270739"/>
                </a:moveTo>
                <a:lnTo>
                  <a:pt x="1407513" y="1271180"/>
                </a:lnTo>
                <a:lnTo>
                  <a:pt x="1407957" y="1271180"/>
                </a:lnTo>
                <a:lnTo>
                  <a:pt x="1407957" y="1270739"/>
                </a:lnTo>
                <a:close/>
                <a:moveTo>
                  <a:pt x="1284455" y="1270739"/>
                </a:moveTo>
                <a:lnTo>
                  <a:pt x="1284455" y="1271180"/>
                </a:lnTo>
                <a:lnTo>
                  <a:pt x="1284899" y="1271180"/>
                </a:lnTo>
                <a:lnTo>
                  <a:pt x="1284899" y="1270739"/>
                </a:lnTo>
                <a:close/>
                <a:moveTo>
                  <a:pt x="1161398" y="1270739"/>
                </a:moveTo>
                <a:lnTo>
                  <a:pt x="1161398" y="1271180"/>
                </a:lnTo>
                <a:lnTo>
                  <a:pt x="1161842" y="1271180"/>
                </a:lnTo>
                <a:lnTo>
                  <a:pt x="1161842" y="1270739"/>
                </a:lnTo>
                <a:close/>
                <a:moveTo>
                  <a:pt x="1038341" y="1270739"/>
                </a:moveTo>
                <a:lnTo>
                  <a:pt x="1038341" y="1271180"/>
                </a:lnTo>
                <a:lnTo>
                  <a:pt x="1038785" y="1271180"/>
                </a:lnTo>
                <a:lnTo>
                  <a:pt x="1038785" y="1270739"/>
                </a:lnTo>
                <a:close/>
                <a:moveTo>
                  <a:pt x="915283" y="1270739"/>
                </a:moveTo>
                <a:lnTo>
                  <a:pt x="915283" y="1271180"/>
                </a:lnTo>
                <a:lnTo>
                  <a:pt x="915727" y="1271180"/>
                </a:lnTo>
                <a:lnTo>
                  <a:pt x="915727" y="1270739"/>
                </a:lnTo>
                <a:close/>
                <a:moveTo>
                  <a:pt x="3745676" y="1147675"/>
                </a:moveTo>
                <a:lnTo>
                  <a:pt x="3745676" y="1148121"/>
                </a:lnTo>
                <a:lnTo>
                  <a:pt x="3746120" y="1148121"/>
                </a:lnTo>
                <a:lnTo>
                  <a:pt x="3746120" y="1147675"/>
                </a:lnTo>
                <a:close/>
                <a:moveTo>
                  <a:pt x="3622618" y="1147675"/>
                </a:moveTo>
                <a:lnTo>
                  <a:pt x="3622618" y="1148121"/>
                </a:lnTo>
                <a:lnTo>
                  <a:pt x="3623062" y="1148121"/>
                </a:lnTo>
                <a:lnTo>
                  <a:pt x="3623062" y="1147675"/>
                </a:lnTo>
                <a:close/>
                <a:moveTo>
                  <a:pt x="3499524" y="1147675"/>
                </a:moveTo>
                <a:lnTo>
                  <a:pt x="3499524" y="1148121"/>
                </a:lnTo>
                <a:lnTo>
                  <a:pt x="3499968" y="1148121"/>
                </a:lnTo>
                <a:lnTo>
                  <a:pt x="3499968" y="1147675"/>
                </a:lnTo>
                <a:close/>
                <a:moveTo>
                  <a:pt x="3376467" y="1147675"/>
                </a:moveTo>
                <a:lnTo>
                  <a:pt x="3376467" y="1148121"/>
                </a:lnTo>
                <a:lnTo>
                  <a:pt x="3376911" y="1148121"/>
                </a:lnTo>
                <a:lnTo>
                  <a:pt x="3376911" y="1147675"/>
                </a:lnTo>
                <a:close/>
                <a:moveTo>
                  <a:pt x="3253409" y="1147675"/>
                </a:moveTo>
                <a:lnTo>
                  <a:pt x="3253409" y="1148121"/>
                </a:lnTo>
                <a:lnTo>
                  <a:pt x="3253853" y="1148121"/>
                </a:lnTo>
                <a:lnTo>
                  <a:pt x="3253853" y="1147675"/>
                </a:lnTo>
                <a:close/>
                <a:moveTo>
                  <a:pt x="3130352" y="1147675"/>
                </a:moveTo>
                <a:lnTo>
                  <a:pt x="3130352" y="1148121"/>
                </a:lnTo>
                <a:lnTo>
                  <a:pt x="3130796" y="1148121"/>
                </a:lnTo>
                <a:lnTo>
                  <a:pt x="3130796" y="1147675"/>
                </a:lnTo>
                <a:close/>
                <a:moveTo>
                  <a:pt x="3007295" y="1147675"/>
                </a:moveTo>
                <a:lnTo>
                  <a:pt x="3007295" y="1148121"/>
                </a:lnTo>
                <a:lnTo>
                  <a:pt x="3007739" y="1148121"/>
                </a:lnTo>
                <a:lnTo>
                  <a:pt x="3007739" y="1147675"/>
                </a:lnTo>
                <a:close/>
                <a:moveTo>
                  <a:pt x="2884238" y="1147675"/>
                </a:moveTo>
                <a:lnTo>
                  <a:pt x="2884238" y="1148121"/>
                </a:lnTo>
                <a:lnTo>
                  <a:pt x="2884682" y="1148121"/>
                </a:lnTo>
                <a:lnTo>
                  <a:pt x="2884682" y="1147675"/>
                </a:lnTo>
                <a:close/>
                <a:moveTo>
                  <a:pt x="2761180" y="1147675"/>
                </a:moveTo>
                <a:lnTo>
                  <a:pt x="2761180" y="1148121"/>
                </a:lnTo>
                <a:lnTo>
                  <a:pt x="2761624" y="1148121"/>
                </a:lnTo>
                <a:lnTo>
                  <a:pt x="2761624" y="1147675"/>
                </a:lnTo>
                <a:close/>
                <a:moveTo>
                  <a:pt x="2638123" y="1147675"/>
                </a:moveTo>
                <a:lnTo>
                  <a:pt x="2638123" y="1148121"/>
                </a:lnTo>
                <a:lnTo>
                  <a:pt x="2638567" y="1148121"/>
                </a:lnTo>
                <a:lnTo>
                  <a:pt x="2638567" y="1147675"/>
                </a:lnTo>
                <a:close/>
                <a:moveTo>
                  <a:pt x="2515066" y="1147675"/>
                </a:moveTo>
                <a:lnTo>
                  <a:pt x="2515066" y="1148121"/>
                </a:lnTo>
                <a:lnTo>
                  <a:pt x="2515510" y="1148121"/>
                </a:lnTo>
                <a:lnTo>
                  <a:pt x="2515510" y="1147675"/>
                </a:lnTo>
                <a:close/>
                <a:moveTo>
                  <a:pt x="2392008" y="1147675"/>
                </a:moveTo>
                <a:lnTo>
                  <a:pt x="2392008" y="1148121"/>
                </a:lnTo>
                <a:lnTo>
                  <a:pt x="2392452" y="1148121"/>
                </a:lnTo>
                <a:lnTo>
                  <a:pt x="2392452" y="1147675"/>
                </a:lnTo>
                <a:close/>
                <a:moveTo>
                  <a:pt x="2268951" y="1147675"/>
                </a:moveTo>
                <a:lnTo>
                  <a:pt x="2268951" y="1148121"/>
                </a:lnTo>
                <a:lnTo>
                  <a:pt x="2269395" y="1148121"/>
                </a:lnTo>
                <a:lnTo>
                  <a:pt x="2269395" y="1147675"/>
                </a:lnTo>
                <a:close/>
                <a:moveTo>
                  <a:pt x="2145894" y="1147675"/>
                </a:moveTo>
                <a:lnTo>
                  <a:pt x="2145894" y="1148121"/>
                </a:lnTo>
                <a:lnTo>
                  <a:pt x="2146338" y="1148121"/>
                </a:lnTo>
                <a:lnTo>
                  <a:pt x="2146338" y="1147675"/>
                </a:lnTo>
                <a:close/>
                <a:moveTo>
                  <a:pt x="2022836" y="1147675"/>
                </a:moveTo>
                <a:lnTo>
                  <a:pt x="2022836" y="1148121"/>
                </a:lnTo>
                <a:lnTo>
                  <a:pt x="2023280" y="1148121"/>
                </a:lnTo>
                <a:lnTo>
                  <a:pt x="2023280" y="1147675"/>
                </a:lnTo>
                <a:close/>
                <a:moveTo>
                  <a:pt x="1899742" y="1147675"/>
                </a:moveTo>
                <a:lnTo>
                  <a:pt x="1899742" y="1148121"/>
                </a:lnTo>
                <a:lnTo>
                  <a:pt x="1900186" y="1148121"/>
                </a:lnTo>
                <a:lnTo>
                  <a:pt x="1900186" y="1147675"/>
                </a:lnTo>
                <a:close/>
                <a:moveTo>
                  <a:pt x="1776685" y="1147675"/>
                </a:moveTo>
                <a:lnTo>
                  <a:pt x="1776685" y="1148121"/>
                </a:lnTo>
                <a:lnTo>
                  <a:pt x="1777129" y="1148121"/>
                </a:lnTo>
                <a:lnTo>
                  <a:pt x="1777129" y="1147675"/>
                </a:lnTo>
                <a:close/>
                <a:moveTo>
                  <a:pt x="1653627" y="1147675"/>
                </a:moveTo>
                <a:lnTo>
                  <a:pt x="1653627" y="1148121"/>
                </a:lnTo>
                <a:lnTo>
                  <a:pt x="1654071" y="1148121"/>
                </a:lnTo>
                <a:lnTo>
                  <a:pt x="1654071" y="1147675"/>
                </a:lnTo>
                <a:close/>
                <a:moveTo>
                  <a:pt x="1530570" y="1147675"/>
                </a:moveTo>
                <a:lnTo>
                  <a:pt x="1530570" y="1148121"/>
                </a:lnTo>
                <a:lnTo>
                  <a:pt x="1531014" y="1148121"/>
                </a:lnTo>
                <a:lnTo>
                  <a:pt x="1531014" y="1147675"/>
                </a:lnTo>
                <a:close/>
                <a:moveTo>
                  <a:pt x="1407513" y="1147675"/>
                </a:moveTo>
                <a:lnTo>
                  <a:pt x="1407513" y="1148121"/>
                </a:lnTo>
                <a:lnTo>
                  <a:pt x="1407957" y="1148121"/>
                </a:lnTo>
                <a:lnTo>
                  <a:pt x="1407957" y="1147675"/>
                </a:lnTo>
                <a:close/>
                <a:moveTo>
                  <a:pt x="1284455" y="1147675"/>
                </a:moveTo>
                <a:lnTo>
                  <a:pt x="1284455" y="1148121"/>
                </a:lnTo>
                <a:lnTo>
                  <a:pt x="1284899" y="1148121"/>
                </a:lnTo>
                <a:lnTo>
                  <a:pt x="1284899" y="1147675"/>
                </a:lnTo>
                <a:close/>
                <a:moveTo>
                  <a:pt x="1161398" y="1147675"/>
                </a:moveTo>
                <a:lnTo>
                  <a:pt x="1161398" y="1148121"/>
                </a:lnTo>
                <a:lnTo>
                  <a:pt x="1161842" y="1148121"/>
                </a:lnTo>
                <a:lnTo>
                  <a:pt x="1161842" y="1147675"/>
                </a:lnTo>
                <a:close/>
                <a:moveTo>
                  <a:pt x="1038341" y="1147675"/>
                </a:moveTo>
                <a:lnTo>
                  <a:pt x="1038341" y="1148121"/>
                </a:lnTo>
                <a:lnTo>
                  <a:pt x="1038785" y="1148121"/>
                </a:lnTo>
                <a:lnTo>
                  <a:pt x="1038785" y="1147675"/>
                </a:lnTo>
                <a:close/>
                <a:moveTo>
                  <a:pt x="0" y="0"/>
                </a:moveTo>
                <a:lnTo>
                  <a:pt x="6858000" y="0"/>
                </a:lnTo>
                <a:lnTo>
                  <a:pt x="6858000" y="6858000"/>
                </a:lnTo>
                <a:lnTo>
                  <a:pt x="473010" y="6858000"/>
                </a:lnTo>
                <a:lnTo>
                  <a:pt x="473010" y="6758901"/>
                </a:lnTo>
                <a:lnTo>
                  <a:pt x="373542" y="6758901"/>
                </a:lnTo>
                <a:lnTo>
                  <a:pt x="373542" y="6858000"/>
                </a:lnTo>
                <a:lnTo>
                  <a:pt x="350582" y="6858000"/>
                </a:lnTo>
                <a:lnTo>
                  <a:pt x="350582" y="6758271"/>
                </a:lnTo>
                <a:lnTo>
                  <a:pt x="249818" y="6758271"/>
                </a:lnTo>
                <a:lnTo>
                  <a:pt x="249818" y="6858000"/>
                </a:lnTo>
                <a:lnTo>
                  <a:pt x="227933" y="6858000"/>
                </a:lnTo>
                <a:lnTo>
                  <a:pt x="227933" y="6757827"/>
                </a:lnTo>
                <a:lnTo>
                  <a:pt x="126317" y="6757827"/>
                </a:lnTo>
                <a:lnTo>
                  <a:pt x="126317" y="6858000"/>
                </a:lnTo>
                <a:lnTo>
                  <a:pt x="104023" y="6858000"/>
                </a:lnTo>
                <a:lnTo>
                  <a:pt x="104023" y="6758716"/>
                </a:lnTo>
                <a:lnTo>
                  <a:pt x="4111" y="6758716"/>
                </a:lnTo>
                <a:lnTo>
                  <a:pt x="4111" y="6858000"/>
                </a:lnTo>
                <a:lnTo>
                  <a:pt x="0" y="6858000"/>
                </a:lnTo>
                <a:close/>
              </a:path>
            </a:pathLst>
          </a:custGeom>
          <a:solidFill>
            <a:schemeClr val="bg2"/>
          </a:solidFill>
        </p:spPr>
        <p:txBody>
          <a:bodyPr wrap="square" lIns="72000" tIns="36000" rIns="72000" rtlCol="0">
            <a:noAutofit/>
          </a:bodyPr>
          <a:lstStyle>
            <a:lvl1pPr marL="0" indent="0" algn="ctr">
              <a:buNone/>
              <a:defRPr>
                <a:solidFill>
                  <a:schemeClr val="tx2"/>
                </a:solidFill>
              </a:defRPr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686AADB3-A38D-4A3A-3FCC-29E45B309B9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759600" y="2278800"/>
            <a:ext cx="4252138" cy="2037600"/>
          </a:xfr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4400" b="0" i="0" spc="0" baseline="0">
                <a:solidFill>
                  <a:schemeClr val="accent1"/>
                </a:solidFill>
              </a:defRPr>
            </a:lvl1pPr>
          </a:lstStyle>
          <a:p>
            <a:pPr rtl="0"/>
            <a:r>
              <a:rPr lang="sv-se"/>
              <a:t>Forside tittel</a:t>
            </a:r>
            <a:br>
              <a:rPr lang="nb-NO" dirty="0"/>
            </a:br>
            <a:r>
              <a:rPr lang="sv-se"/>
              <a:t>max 3 rader lång</a:t>
            </a:r>
            <a:endParaRPr lang="nb-NO"/>
          </a:p>
        </p:txBody>
      </p:sp>
      <p:sp>
        <p:nvSpPr>
          <p:cNvPr id="13" name="Text Placeholder 3">
            <a:extLst>
              <a:ext uri="{FF2B5EF4-FFF2-40B4-BE49-F238E27FC236}">
                <a16:creationId xmlns:a16="http://schemas.microsoft.com/office/drawing/2014/main" id="{4C68F785-FE13-80A3-34AE-2559ABF163B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759600" y="5547599"/>
            <a:ext cx="4252138" cy="288000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tx2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sv-se"/>
              <a:t>Klikk for å legge til dato eller tekst</a:t>
            </a:r>
            <a:endParaRPr lang="nb-NO"/>
          </a:p>
        </p:txBody>
      </p:sp>
      <p:sp>
        <p:nvSpPr>
          <p:cNvPr id="14" name="Text Placeholder 5">
            <a:extLst>
              <a:ext uri="{FF2B5EF4-FFF2-40B4-BE49-F238E27FC236}">
                <a16:creationId xmlns:a16="http://schemas.microsoft.com/office/drawing/2014/main" id="{3F3FA4F5-73A8-F17F-6982-4CD328A5DE36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759600" y="5893200"/>
            <a:ext cx="4252138" cy="288000"/>
          </a:xfrm>
        </p:spPr>
        <p:txBody>
          <a:bodyPr rtlCol="0"/>
          <a:lstStyle>
            <a:lvl1pPr marL="0" indent="0">
              <a:buFont typeface="Arial" panose="020B0604020202020204" pitchFamily="34" charset="0"/>
              <a:buChar char="​"/>
              <a:tabLst/>
              <a:defRPr sz="1200">
                <a:solidFill>
                  <a:schemeClr val="tx2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sv-se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425927435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  <p:hf hdr="0" ftr="0"/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Seks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 hidden="1">
            <a:extLst>
              <a:ext uri="{FF2B5EF4-FFF2-40B4-BE49-F238E27FC236}">
                <a16:creationId xmlns:a16="http://schemas.microsoft.com/office/drawing/2014/main" id="{B6CE5F2A-43B9-4C2F-B865-F1C53C5A1852}"/>
              </a:ext>
            </a:extLst>
          </p:cNvPr>
          <p:cNvSpPr>
            <a:spLocks noGrp="1"/>
          </p:cNvSpPr>
          <p:nvPr>
            <p:ph type="dt" sz="half" idx="3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80A868E5-C1EE-413F-85AF-0C8445F46B3D}"/>
              </a:ext>
            </a:extLst>
          </p:cNvPr>
          <p:cNvSpPr>
            <a:spLocks noGrp="1"/>
          </p:cNvSpPr>
          <p:nvPr>
            <p:ph type="ftr" sz="quarter" idx="3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3" name="Picture Placeholder 1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539750" y="809998"/>
            <a:ext cx="6358403" cy="5228852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5" name="Picture Placeholder 2">
            <a:extLst>
              <a:ext uri="{FF2B5EF4-FFF2-40B4-BE49-F238E27FC236}">
                <a16:creationId xmlns:a16="http://schemas.microsoft.com/office/drawing/2014/main" id="{56FBDDF3-2B07-49F3-925F-3DD22920B9D1}"/>
              </a:ext>
            </a:extLst>
          </p:cNvPr>
          <p:cNvSpPr>
            <a:spLocks noGrp="1"/>
          </p:cNvSpPr>
          <p:nvPr>
            <p:ph type="pic" sz="quarter" idx="27" hasCustomPrompt="1"/>
          </p:nvPr>
        </p:nvSpPr>
        <p:spPr>
          <a:xfrm>
            <a:off x="7178675" y="809998"/>
            <a:ext cx="4471988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6" name="Picture Placeholder 3">
            <a:extLst>
              <a:ext uri="{FF2B5EF4-FFF2-40B4-BE49-F238E27FC236}">
                <a16:creationId xmlns:a16="http://schemas.microsoft.com/office/drawing/2014/main" id="{391BEBB9-57E9-4C5B-8F37-D883D5B3E6BE}"/>
              </a:ext>
            </a:extLst>
          </p:cNvPr>
          <p:cNvSpPr>
            <a:spLocks noGrp="1"/>
          </p:cNvSpPr>
          <p:nvPr>
            <p:ph type="pic" sz="quarter" idx="28" hasCustomPrompt="1"/>
          </p:nvPr>
        </p:nvSpPr>
        <p:spPr>
          <a:xfrm>
            <a:off x="7178675" y="2196000"/>
            <a:ext cx="2574925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7" name="Picture Placeholder 4">
            <a:extLst>
              <a:ext uri="{FF2B5EF4-FFF2-40B4-BE49-F238E27FC236}">
                <a16:creationId xmlns:a16="http://schemas.microsoft.com/office/drawing/2014/main" id="{32F0AA43-4DEC-43DE-9884-CD9EE2143A88}"/>
              </a:ext>
            </a:extLst>
          </p:cNvPr>
          <p:cNvSpPr>
            <a:spLocks noGrp="1"/>
          </p:cNvSpPr>
          <p:nvPr>
            <p:ph type="pic" sz="quarter" idx="29" hasCustomPrompt="1"/>
          </p:nvPr>
        </p:nvSpPr>
        <p:spPr>
          <a:xfrm>
            <a:off x="7178675" y="4922850"/>
            <a:ext cx="2574925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8" name="Picture Placeholder 5">
            <a:extLst>
              <a:ext uri="{FF2B5EF4-FFF2-40B4-BE49-F238E27FC236}">
                <a16:creationId xmlns:a16="http://schemas.microsoft.com/office/drawing/2014/main" id="{6D448E2C-DCA0-446B-9F74-59D114701F1F}"/>
              </a:ext>
            </a:extLst>
          </p:cNvPr>
          <p:cNvSpPr>
            <a:spLocks noGrp="1"/>
          </p:cNvSpPr>
          <p:nvPr>
            <p:ph type="pic" sz="quarter" idx="30" hasCustomPrompt="1"/>
          </p:nvPr>
        </p:nvSpPr>
        <p:spPr>
          <a:xfrm>
            <a:off x="10023476" y="2196000"/>
            <a:ext cx="1627187" cy="24588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20" name="Picture Placeholder 6">
            <a:extLst>
              <a:ext uri="{FF2B5EF4-FFF2-40B4-BE49-F238E27FC236}">
                <a16:creationId xmlns:a16="http://schemas.microsoft.com/office/drawing/2014/main" id="{450261A2-82EE-459F-988C-CA727483FA01}"/>
              </a:ext>
            </a:extLst>
          </p:cNvPr>
          <p:cNvSpPr>
            <a:spLocks noGrp="1"/>
          </p:cNvSpPr>
          <p:nvPr>
            <p:ph type="pic" sz="quarter" idx="31" hasCustomPrompt="1"/>
          </p:nvPr>
        </p:nvSpPr>
        <p:spPr>
          <a:xfrm>
            <a:off x="10023476" y="4922850"/>
            <a:ext cx="1627187" cy="1116000"/>
          </a:xfrm>
          <a:solidFill>
            <a:srgbClr val="DADADA"/>
          </a:solidFill>
        </p:spPr>
        <p:txBody>
          <a:bodyPr tIns="36000" rtlCol="0" anchor="t" anchorCtr="0"/>
          <a:lstStyle>
            <a:lvl1pPr marL="0" indent="0" algn="ctr">
              <a:lnSpc>
                <a:spcPct val="100000"/>
              </a:lnSpc>
              <a:spcAft>
                <a:spcPts val="0"/>
              </a:spcAft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3" name="Title 1">
            <a:extLst>
              <a:ext uri="{FF2B5EF4-FFF2-40B4-BE49-F238E27FC236}">
                <a16:creationId xmlns:a16="http://schemas.microsoft.com/office/drawing/2014/main" id="{BF32A87E-7F2B-44AC-8DF6-2EF65DFD78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223344" y="1381498"/>
            <a:ext cx="4737658" cy="1807472"/>
          </a:xfrm>
        </p:spPr>
        <p:txBody>
          <a:bodyPr rtlCol="0"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0A774E7D-D92E-49A0-81B2-899ADC55E432}"/>
              </a:ext>
            </a:extLst>
          </p:cNvPr>
          <p:cNvSpPr>
            <a:spLocks noGrp="1"/>
          </p:cNvSpPr>
          <p:nvPr>
            <p:ph type="sldNum" sz="quarter" idx="34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1179956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Innhold og to bilder (A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Date Placeholder 5" hidden="1">
            <a:extLst>
              <a:ext uri="{FF2B5EF4-FFF2-40B4-BE49-F238E27FC236}">
                <a16:creationId xmlns:a16="http://schemas.microsoft.com/office/drawing/2014/main" id="{391F5A8A-361F-4F93-9578-5A477838939A}"/>
              </a:ext>
            </a:extLst>
          </p:cNvPr>
          <p:cNvSpPr>
            <a:spLocks noGrp="1"/>
          </p:cNvSpPr>
          <p:nvPr>
            <p:ph type="dt" sz="half" idx="24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592EC3FC-056D-482A-B795-51B28CF913E8}"/>
              </a:ext>
            </a:extLst>
          </p:cNvPr>
          <p:cNvSpPr>
            <a:spLocks noGrp="1"/>
          </p:cNvSpPr>
          <p:nvPr>
            <p:ph type="ftr" sz="quarter" idx="25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809625"/>
            <a:ext cx="1622323" cy="5229226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8130746" y="809625"/>
            <a:ext cx="3519917" cy="5229226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0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871B9E7-3224-65F7-48F2-465EBEFFB0EC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1" name="Subtitle 2">
            <a:extLst>
              <a:ext uri="{FF2B5EF4-FFF2-40B4-BE49-F238E27FC236}">
                <a16:creationId xmlns:a16="http://schemas.microsoft.com/office/drawing/2014/main" id="{3488323C-8BBD-92E2-46E1-8FD1B7AC4EF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2" name="Slide Number Placeholder 11">
            <a:extLst>
              <a:ext uri="{FF2B5EF4-FFF2-40B4-BE49-F238E27FC236}">
                <a16:creationId xmlns:a16="http://schemas.microsoft.com/office/drawing/2014/main" id="{F3D03691-6E83-4AB4-A728-44FFD3E8FB95}"/>
              </a:ext>
            </a:extLst>
          </p:cNvPr>
          <p:cNvSpPr>
            <a:spLocks noGrp="1"/>
          </p:cNvSpPr>
          <p:nvPr>
            <p:ph type="sldNum" sz="quarter" idx="26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9981574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Innhold og to bilder (B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6234215" y="0"/>
            <a:ext cx="2571648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1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9075738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1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2" name="Title 1">
            <a:extLst>
              <a:ext uri="{FF2B5EF4-FFF2-40B4-BE49-F238E27FC236}">
                <a16:creationId xmlns:a16="http://schemas.microsoft.com/office/drawing/2014/main" id="{F5FC11E2-E8FF-C2B4-6615-7A4F5A211461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4741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13" name="Subtitle 2">
            <a:extLst>
              <a:ext uri="{FF2B5EF4-FFF2-40B4-BE49-F238E27FC236}">
                <a16:creationId xmlns:a16="http://schemas.microsoft.com/office/drawing/2014/main" id="{1098B427-072D-954E-170A-EFEB3F7622C5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4741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5" name="Content Placeholder 7">
            <a:extLst>
              <a:ext uri="{FF2B5EF4-FFF2-40B4-BE49-F238E27FC236}">
                <a16:creationId xmlns:a16="http://schemas.microsoft.com/office/drawing/2014/main" id="{BA1B458E-4E35-44C9-8626-694E5D4694C8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4741200" cy="4107600"/>
          </a:xfrm>
        </p:spPr>
        <p:txBody>
          <a:bodyPr rtlCol="0"/>
          <a:lstStyle/>
          <a:p>
            <a:pPr lvl="0" rtl="0"/>
            <a:r>
              <a:rPr lang="sv-se" noProof="0"/>
              <a:t>Klikk for å legge til tekst                             Enter &amp; TAB for å vise neste tekststil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0" name="Text Placeholder 11">
            <a:extLst>
              <a:ext uri="{FF2B5EF4-FFF2-40B4-BE49-F238E27FC236}">
                <a16:creationId xmlns:a16="http://schemas.microsoft.com/office/drawing/2014/main" id="{07EB60DA-6BA4-4156-BD2E-22902119FC24}"/>
              </a:ext>
            </a:extLst>
          </p:cNvPr>
          <p:cNvSpPr>
            <a:spLocks noGrp="1"/>
          </p:cNvSpPr>
          <p:nvPr>
            <p:ph type="body" sz="quarter" idx="22" hasCustomPrompt="1"/>
          </p:nvPr>
        </p:nvSpPr>
        <p:spPr>
          <a:xfrm>
            <a:off x="9354065" y="6328800"/>
            <a:ext cx="1755261" cy="158400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1" name="Footer" descr="{&quot;templafy&quot;:{&quot;id&quot;:&quot;73558291-99e8-4bb2-bbe9-7b108a94c934&quot;}}" title="Footer">
            <a:extLst>
              <a:ext uri="{FF2B5EF4-FFF2-40B4-BE49-F238E27FC236}">
                <a16:creationId xmlns:a16="http://schemas.microsoft.com/office/drawing/2014/main" id="{E22ED7D3-2261-4D1B-842E-C838FBA63B3C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59701478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 bilder og bildeteks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6915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2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6369050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7178675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4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1" name="Text Placeholder 7">
            <a:extLst>
              <a:ext uri="{FF2B5EF4-FFF2-40B4-BE49-F238E27FC236}">
                <a16:creationId xmlns:a16="http://schemas.microsoft.com/office/drawing/2014/main" id="{0CEB25E4-C5DE-4AC8-B1BD-ECF1AE85413D}"/>
              </a:ext>
            </a:extLst>
          </p:cNvPr>
          <p:cNvSpPr>
            <a:spLocks noGrp="1"/>
          </p:cNvSpPr>
          <p:nvPr>
            <p:ph type="body" sz="quarter" idx="24" hasCustomPrompt="1"/>
          </p:nvPr>
        </p:nvSpPr>
        <p:spPr>
          <a:xfrm>
            <a:off x="10023602" y="2151437"/>
            <a:ext cx="1627062" cy="1995487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defRPr sz="800"/>
            </a:lvl1pPr>
            <a:lvl2pPr marL="215900" indent="-215900">
              <a:defRPr sz="800"/>
            </a:lvl2pPr>
            <a:lvl3pPr marL="432000">
              <a:defRPr sz="800"/>
            </a:lvl3pPr>
            <a:lvl4pPr>
              <a:defRPr sz="800"/>
            </a:lvl4pPr>
            <a:lvl5pPr>
              <a:defRPr sz="800"/>
            </a:lvl5pPr>
            <a:lvl6pPr>
              <a:defRPr sz="800"/>
            </a:lvl6pPr>
            <a:lvl7pPr>
              <a:defRPr sz="800"/>
            </a:lvl7pPr>
            <a:lvl8pPr>
              <a:defRPr sz="800"/>
            </a:lvl8pPr>
            <a:lvl9pPr>
              <a:defRPr sz="800"/>
            </a:lvl9pPr>
          </a:lstStyle>
          <a:p>
            <a:pPr lvl="0" rtl="0"/>
            <a:r>
              <a:rPr lang="sv-se" noProof="0"/>
              <a:t>Klikk for å legge til tekst</a:t>
            </a:r>
            <a:endParaRPr lang="nb-NO" dirty="0"/>
          </a:p>
          <a:p>
            <a:pPr lvl="1" rtl="0"/>
            <a:r>
              <a:rPr lang="sv-se"/>
              <a:t>Second level</a:t>
            </a:r>
            <a:endParaRPr lang="nb-NO"/>
          </a:p>
          <a:p>
            <a:pPr lvl="2" rtl="0"/>
            <a:r>
              <a:rPr lang="sv-se"/>
              <a:t>Third level</a:t>
            </a:r>
            <a:endParaRPr lang="nb-NO"/>
          </a:p>
          <a:p>
            <a:pPr lvl="3" rtl="0"/>
            <a:r>
              <a:rPr lang="sv-se"/>
              <a:t>Fourth level</a:t>
            </a:r>
            <a:endParaRPr lang="nb-NO"/>
          </a:p>
          <a:p>
            <a:pPr lvl="4" rtl="0"/>
            <a:r>
              <a:rPr lang="sv-se"/>
              <a:t>Fifth level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5673409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re bilder + tit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 hidden="1">
            <a:extLst>
              <a:ext uri="{FF2B5EF4-FFF2-40B4-BE49-F238E27FC236}">
                <a16:creationId xmlns:a16="http://schemas.microsoft.com/office/drawing/2014/main" id="{8B2993EE-CAFD-4AE0-B50C-B7D43EE9933C}"/>
              </a:ext>
            </a:extLst>
          </p:cNvPr>
          <p:cNvSpPr>
            <a:spLocks noGrp="1"/>
          </p:cNvSpPr>
          <p:nvPr>
            <p:ph type="dt" sz="half" idx="19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FE00CD16-084B-418B-A9FA-BED0D3B85596}"/>
              </a:ext>
            </a:extLst>
          </p:cNvPr>
          <p:cNvSpPr>
            <a:spLocks noGrp="1"/>
          </p:cNvSpPr>
          <p:nvPr>
            <p:ph type="ftr" sz="quarter" idx="20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2296FED3-801F-48A4-8EBF-C8ED8274127E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Picture Placeholder 1">
            <a:extLst>
              <a:ext uri="{FF2B5EF4-FFF2-40B4-BE49-F238E27FC236}">
                <a16:creationId xmlns:a16="http://schemas.microsoft.com/office/drawing/2014/main" id="{72313842-2338-4DA4-8F49-6DD4D169CD2C}"/>
              </a:ext>
            </a:extLst>
          </p:cNvPr>
          <p:cNvSpPr>
            <a:spLocks noGrp="1"/>
          </p:cNvSpPr>
          <p:nvPr>
            <p:ph type="pic" sz="quarter" idx="23" hasCustomPrompt="1"/>
          </p:nvPr>
        </p:nvSpPr>
        <p:spPr>
          <a:xfrm>
            <a:off x="539750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291204A2-E696-4E60-98E1-8CF41EC2671F}"/>
              </a:ext>
            </a:extLst>
          </p:cNvPr>
          <p:cNvSpPr>
            <a:spLocks noGrp="1"/>
          </p:cNvSpPr>
          <p:nvPr>
            <p:ph type="pic" sz="quarter" idx="15" hasCustomPrompt="1"/>
          </p:nvPr>
        </p:nvSpPr>
        <p:spPr>
          <a:xfrm>
            <a:off x="3384550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9" name="Picture Placeholder 3">
            <a:extLst>
              <a:ext uri="{FF2B5EF4-FFF2-40B4-BE49-F238E27FC236}">
                <a16:creationId xmlns:a16="http://schemas.microsoft.com/office/drawing/2014/main" id="{0865ED55-9F80-4D09-9F18-69E8FE332B43}"/>
              </a:ext>
            </a:extLst>
          </p:cNvPr>
          <p:cNvSpPr>
            <a:spLocks noGrp="1"/>
          </p:cNvSpPr>
          <p:nvPr>
            <p:ph type="pic" sz="quarter" idx="25" hasCustomPrompt="1"/>
          </p:nvPr>
        </p:nvSpPr>
        <p:spPr>
          <a:xfrm>
            <a:off x="6230938" y="0"/>
            <a:ext cx="2574925" cy="6858000"/>
          </a:xfrm>
          <a:solidFill>
            <a:srgbClr val="DADADA"/>
          </a:solidFill>
        </p:spPr>
        <p:txBody>
          <a:bodyPr lIns="72000" tIns="36000" rIns="72000" rtlCol="0" anchor="t" anchorCtr="0"/>
          <a:lstStyle>
            <a:lvl1pPr marL="0" indent="0" algn="ctr">
              <a:buNone/>
              <a:defRPr sz="1200"/>
            </a:lvl1pPr>
          </a:lstStyle>
          <a:p>
            <a:pPr rtl="0"/>
            <a:r>
              <a:rPr lang="sv-se"/>
              <a:t>Klikk på plassholderen og lim inn bilde via Fotoware-ikonet i Templafy-panelet</a:t>
            </a:r>
            <a:endParaRPr lang="nb-NO"/>
          </a:p>
        </p:txBody>
      </p:sp>
      <p:sp>
        <p:nvSpPr>
          <p:cNvPr id="10" name="Title 1">
            <a:extLst>
              <a:ext uri="{FF2B5EF4-FFF2-40B4-BE49-F238E27FC236}">
                <a16:creationId xmlns:a16="http://schemas.microsoft.com/office/drawing/2014/main" id="{B9EBA490-A8D7-48E5-B924-D5BF3542AF7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9437077" y="809625"/>
            <a:ext cx="2213585" cy="5229225"/>
          </a:xfrm>
        </p:spPr>
        <p:txBody>
          <a:bodyPr rtlCol="0"/>
          <a:lstStyle>
            <a:lvl1pPr>
              <a:defRPr b="0">
                <a:solidFill>
                  <a:schemeClr val="accent2"/>
                </a:solidFill>
              </a:defRPr>
            </a:lvl1pPr>
          </a:lstStyle>
          <a:p>
            <a:pPr rtl="0"/>
            <a:r>
              <a:rPr lang="sv-se"/>
              <a:t>Klikk for å legge til tittel, skriv ord med fet skrift for å utheve </a:t>
            </a:r>
            <a:endParaRPr lang="nb-NO"/>
          </a:p>
        </p:txBody>
      </p:sp>
      <p:sp>
        <p:nvSpPr>
          <p:cNvPr id="11" name="Text Placeholder 11">
            <a:extLst>
              <a:ext uri="{FF2B5EF4-FFF2-40B4-BE49-F238E27FC236}">
                <a16:creationId xmlns:a16="http://schemas.microsoft.com/office/drawing/2014/main" id="{DC117C6B-FC77-D13B-4339-DF73145B38BE}"/>
              </a:ext>
            </a:extLst>
          </p:cNvPr>
          <p:cNvSpPr>
            <a:spLocks noGrp="1"/>
          </p:cNvSpPr>
          <p:nvPr>
            <p:ph type="body" sz="quarter" idx="18" hasCustomPrompt="1"/>
          </p:nvPr>
        </p:nvSpPr>
        <p:spPr>
          <a:xfrm>
            <a:off x="6501600" y="6328800"/>
            <a:ext cx="2125217" cy="159462"/>
          </a:xfrm>
          <a:noFill/>
        </p:spPr>
        <p:txBody>
          <a:bodyPr wrap="square" lIns="0" tIns="36000" rIns="0" bIns="0" rtlCol="0" anchor="t" anchorCtr="0">
            <a:spAutoFit/>
          </a:bodyPr>
          <a:lstStyle>
            <a:lvl1pPr marL="0" indent="0" algn="r">
              <a:buFontTx/>
              <a:buNone/>
              <a:defRPr lang="en-GB" sz="800" b="1" kern="1200" spc="-30" baseline="0" dirty="0">
                <a:solidFill>
                  <a:schemeClr val="bg1"/>
                </a:solidFill>
                <a:latin typeface="+mj-lt"/>
                <a:ea typeface="+mn-ea"/>
                <a:cs typeface="+mn-cs"/>
              </a:defRPr>
            </a:lvl1pPr>
            <a:lvl2pPr marL="216000" indent="0">
              <a:buFontTx/>
              <a:buNone/>
              <a:defRPr sz="1400"/>
            </a:lvl2pPr>
            <a:lvl3pPr marL="432000" indent="0">
              <a:buFontTx/>
              <a:buNone/>
              <a:defRPr sz="1400"/>
            </a:lvl3pPr>
            <a:lvl4pPr>
              <a:buFontTx/>
              <a:buNone/>
              <a:defRPr sz="1400"/>
            </a:lvl4pPr>
            <a:lvl5pPr>
              <a:buFontTx/>
              <a:buNone/>
              <a:defRPr sz="1400"/>
            </a:lvl5pPr>
          </a:lstStyle>
          <a:p>
            <a:pPr lvl="0" rtl="0"/>
            <a:r>
              <a:rPr lang="sv-se"/>
              <a:t>Klikk for å legge til bildetekst 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388375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om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6" name="Title 1">
            <a:extLst>
              <a:ext uri="{FF2B5EF4-FFF2-40B4-BE49-F238E27FC236}">
                <a16:creationId xmlns:a16="http://schemas.microsoft.com/office/drawing/2014/main" id="{326A867A-24AA-B4A0-3330-EBC39963353A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539999" y="554400"/>
            <a:ext cx="11113200" cy="1065600"/>
          </a:xfrm>
        </p:spPr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8" name="Subtitle 2">
            <a:extLst>
              <a:ext uri="{FF2B5EF4-FFF2-40B4-BE49-F238E27FC236}">
                <a16:creationId xmlns:a16="http://schemas.microsoft.com/office/drawing/2014/main" id="{B1DDBE31-A4A0-D51D-D902-75F19E3C70FD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110433365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Layouts/slideLayout3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9b3375d-6b6e-4bb5-bd57-d1d9744c8838&quot;}}" hidden="1" title="GeneralDate">
            <a:extLst>
              <a:ext uri="{FF2B5EF4-FFF2-40B4-BE49-F238E27FC236}">
                <a16:creationId xmlns:a16="http://schemas.microsoft.com/office/drawing/2014/main" id="{EF768A67-0F4D-496E-BB21-55960FD15930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rgbClr val="F61B33"/>
                </a:solidFill>
              </a:defRPr>
            </a:lvl1pPr>
          </a:lstStyle>
          <a:p>
            <a:pPr rtl="0"/>
            <a:r>
              <a:rPr lang="sv-se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daa6f49-e761-4b0e-842b-49f548523209&quot;}}" title="Footer">
            <a:extLst>
              <a:ext uri="{FF2B5EF4-FFF2-40B4-BE49-F238E27FC236}">
                <a16:creationId xmlns:a16="http://schemas.microsoft.com/office/drawing/2014/main" id="{9251653C-DECE-4868-B89E-68DAC3C990D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C2D33468-AB35-659F-81B2-72472B87057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7504642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3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4a80987a-4438-4875-acb8-1ebb56a754aa&quot;}}" hidden="1" title="GeneralDate">
            <a:extLst>
              <a:ext uri="{FF2B5EF4-FFF2-40B4-BE49-F238E27FC236}">
                <a16:creationId xmlns:a16="http://schemas.microsoft.com/office/drawing/2014/main" id="{BFDE9325-104E-4855-8E67-913489BD3FC4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B3C37EC3-EFF4-1360-10B2-26C03AB611C4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sv-se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ord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6301184-834B-465F-B6F3-A2A5C6805982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66fdd8d-9f3e-425d-aa28-65f087b83291&quot;}}" title="Footer">
            <a:extLst>
              <a:ext uri="{FF2B5EF4-FFF2-40B4-BE49-F238E27FC236}">
                <a16:creationId xmlns:a16="http://schemas.microsoft.com/office/drawing/2014/main" id="{BEA520D9-8800-493D-A08D-72C97738CBA7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198028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3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ord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14fab98c-d9df-4420-b306-de4be1aa6b4d&quot;}}" hidden="1" title="GeneralDate">
            <a:extLst>
              <a:ext uri="{FF2B5EF4-FFF2-40B4-BE49-F238E27FC236}">
                <a16:creationId xmlns:a16="http://schemas.microsoft.com/office/drawing/2014/main" id="{DA5C4A5B-77D4-4F8B-8980-2A85FCC96463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84154581-2D2C-0650-393D-1EA2C0CE8118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D607E296-890B-4E70-BC52-F1CA46011702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647233"/>
            <a:ext cx="9333338" cy="1818419"/>
          </a:xfrm>
        </p:spPr>
        <p:txBody>
          <a:bodyPr rtlCol="0"/>
          <a:lstStyle>
            <a:lvl1pPr>
              <a:defRPr sz="10000" spc="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sv-se"/>
              <a:t>Nøkkel-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C76E3AEE-8E76-4749-AA8A-3CDC662DD99E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297960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60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ord</a:t>
            </a:r>
            <a:endParaRPr lang="nb-NO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2E4C1B2B-DAB7-4E82-8EAB-C7E371FA235E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8496081-e73f-4285-a1fe-2e02fbcfb6ae&quot;}}" title="Footer">
            <a:extLst>
              <a:ext uri="{FF2B5EF4-FFF2-40B4-BE49-F238E27FC236}">
                <a16:creationId xmlns:a16="http://schemas.microsoft.com/office/drawing/2014/main" id="{FC51217B-46F4-4F3B-9D98-DCB42DC2CF0F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92538787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3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9d449e-e9f5-4af5-8550-bd11b74f2c4f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rgbClr val="F61B33"/>
                </a:solidFill>
              </a:defRPr>
            </a:lvl1pPr>
          </a:lstStyle>
          <a:p>
            <a:pPr rtl="0"/>
            <a:r>
              <a:rPr lang="sv-se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rgbClr val="F61B33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6766fc33-7541-4daa-baf1-435494098a51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57EBA2DA-F17B-593B-C03E-0F484C281227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1256491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 rtlCol="0"/>
          <a:lstStyle>
            <a:lvl1pPr>
              <a:lnSpc>
                <a:spcPct val="83000"/>
              </a:lnSpc>
              <a:defRPr sz="5400"/>
            </a:lvl1pPr>
          </a:lstStyle>
          <a:p>
            <a:pPr rtl="0"/>
            <a:r>
              <a:rPr lang="sv-se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 rtlCol="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1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400">
                <a:solidFill>
                  <a:schemeClr val="tx1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defRPr sz="1200">
                <a:solidFill>
                  <a:schemeClr val="tx1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defRPr sz="1200">
                <a:solidFill>
                  <a:schemeClr val="tx1"/>
                </a:solidFill>
              </a:defRPr>
            </a:lvl9pPr>
          </a:lstStyle>
          <a:p>
            <a:pPr lvl="0" rt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 rtlCol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1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1"/>
                </a:solidFill>
              </a:defRPr>
            </a:lvl9pPr>
          </a:lstStyle>
          <a:p>
            <a:pPr lvl="0" rtl="0"/>
            <a:r>
              <a:rPr lang="sv-se"/>
              <a:t>01.</a:t>
            </a:r>
            <a:endParaRPr lang="nb-NO"/>
          </a:p>
          <a:p>
            <a:pPr lvl="1" rtl="0"/>
            <a:r>
              <a:rPr lang="sv-se"/>
              <a:t>2</a:t>
            </a:r>
            <a:endParaRPr lang="nb-NO"/>
          </a:p>
          <a:p>
            <a:pPr lvl="2" rtl="0"/>
            <a:r>
              <a:rPr lang="sv-se"/>
              <a:t>3</a:t>
            </a:r>
            <a:endParaRPr lang="nb-NO"/>
          </a:p>
          <a:p>
            <a:pPr lvl="3" rtl="0"/>
            <a:r>
              <a:rPr lang="sv-se"/>
              <a:t>4</a:t>
            </a:r>
            <a:endParaRPr lang="nb-NO"/>
          </a:p>
          <a:p>
            <a:pPr lvl="4" rtl="0"/>
            <a:r>
              <a:rPr lang="sv-se"/>
              <a:t>5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05f3f0e9-52d1-4204-8085-5a41356ad828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12" name="Logo">
            <a:extLst>
              <a:ext uri="{FF2B5EF4-FFF2-40B4-BE49-F238E27FC236}">
                <a16:creationId xmlns:a16="http://schemas.microsoft.com/office/drawing/2014/main" id="{CA4A2AFD-EF42-C68E-83B4-648ECC11E65F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95164756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0e68c20f-5c33-45d3-a014-80185ace1526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1BCFCE0C-3EF9-914B-ED66-53DB151FF283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sv-se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tx1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tx1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0df271a7-d9b5-454c-8cc2-adf8592b03be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403380664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Nøkkeltall (C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GeneralDate" descr="{&quot;templafy&quot;:{&quot;id&quot;:&quot;ce0d412b-4ecf-45d8-8fff-c78a5e9088ea&quot;}}" hidden="1" title="GeneralDate">
            <a:extLst>
              <a:ext uri="{FF2B5EF4-FFF2-40B4-BE49-F238E27FC236}">
                <a16:creationId xmlns:a16="http://schemas.microsoft.com/office/drawing/2014/main" id="{6CF61709-50E4-4A75-A1B9-40F59F14CF5D}"/>
              </a:ext>
            </a:extLst>
          </p:cNvPr>
          <p:cNvSpPr/>
          <p:nvPr userDrawn="1"/>
        </p:nvSpPr>
        <p:spPr>
          <a:xfrm>
            <a:off x="0" y="6858000"/>
            <a:ext cx="0" cy="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100" b="0" noProof="0" dirty="0" err="1">
              <a:noFill/>
            </a:endParaRPr>
          </a:p>
        </p:txBody>
      </p:sp>
      <p:sp>
        <p:nvSpPr>
          <p:cNvPr id="27" name="Background">
            <a:extLst>
              <a:ext uri="{FF2B5EF4-FFF2-40B4-BE49-F238E27FC236}">
                <a16:creationId xmlns:a16="http://schemas.microsoft.com/office/drawing/2014/main" id="{9ADDA951-ECAC-4D23-8043-4BC050578082}"/>
              </a:ext>
            </a:extLst>
          </p:cNvPr>
          <p:cNvSpPr/>
          <p:nvPr userDrawn="1"/>
        </p:nvSpPr>
        <p:spPr bwMode="white">
          <a:xfrm>
            <a:off x="0" y="1"/>
            <a:ext cx="121920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>
              <a:solidFill>
                <a:schemeClr val="tx1"/>
              </a:solidFill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7FB99A71-5F4A-9E99-1EA6-D227AB135E8E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26" name="Title 1">
            <a:extLst>
              <a:ext uri="{FF2B5EF4-FFF2-40B4-BE49-F238E27FC236}">
                <a16:creationId xmlns:a16="http://schemas.microsoft.com/office/drawing/2014/main" id="{1A17CE85-EEBD-47BB-970A-0E7ED52D112E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318662" y="1387309"/>
            <a:ext cx="9333338" cy="2448000"/>
          </a:xfrm>
        </p:spPr>
        <p:txBody>
          <a:bodyPr rtlCol="0"/>
          <a:lstStyle>
            <a:lvl1pPr>
              <a:defRPr sz="16600" spc="0" baseline="0">
                <a:solidFill>
                  <a:schemeClr val="accent2"/>
                </a:solidFill>
              </a:defRPr>
            </a:lvl1pPr>
          </a:lstStyle>
          <a:p>
            <a:pPr rtl="0"/>
            <a:r>
              <a:rPr lang="sv-se"/>
              <a:t>Tall</a:t>
            </a:r>
            <a:endParaRPr lang="nb-NO"/>
          </a:p>
        </p:txBody>
      </p:sp>
      <p:sp>
        <p:nvSpPr>
          <p:cNvPr id="32" name="Subtitle 2">
            <a:extLst>
              <a:ext uri="{FF2B5EF4-FFF2-40B4-BE49-F238E27FC236}">
                <a16:creationId xmlns:a16="http://schemas.microsoft.com/office/drawing/2014/main" id="{2AB77B7D-D1C4-4351-B9B0-617172AF1750}"/>
              </a:ext>
            </a:extLst>
          </p:cNvPr>
          <p:cNvSpPr>
            <a:spLocks noGrp="1"/>
          </p:cNvSpPr>
          <p:nvPr>
            <p:ph type="subTitle" idx="13" hasCustomPrompt="1"/>
          </p:nvPr>
        </p:nvSpPr>
        <p:spPr>
          <a:xfrm>
            <a:off x="1488500" y="3712833"/>
            <a:ext cx="10163500" cy="1818421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9600" spc="0" baseline="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Tekst</a:t>
            </a:r>
            <a:endParaRPr lang="nb-NO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9BB862AA-6B12-4E3D-BAA2-EA6A7F75CCF3}"/>
              </a:ext>
            </a:extLst>
          </p:cNvPr>
          <p:cNvSpPr>
            <a:spLocks noGrp="1"/>
          </p:cNvSpPr>
          <p:nvPr>
            <p:ph type="sldNum" sz="quarter" idx="16"/>
          </p:nvPr>
        </p:nvSpPr>
        <p:spPr/>
        <p:txBody>
          <a:bodyPr rtlCol="0"/>
          <a:lstStyle>
            <a:lvl1pPr>
              <a:defRPr>
                <a:solidFill>
                  <a:schemeClr val="accent2"/>
                </a:solidFill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4" name="Footer" descr="{&quot;templafy&quot;:{&quot;id&quot;:&quot;4c6b0f36-e881-4c7f-939e-d408bd5780c6&quot;}}" title="Footer">
            <a:extLst>
              <a:ext uri="{FF2B5EF4-FFF2-40B4-BE49-F238E27FC236}">
                <a16:creationId xmlns:a16="http://schemas.microsoft.com/office/drawing/2014/main" id="{94E191DC-B43A-41ED-8821-A72F188FF796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2592827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A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Date_GeneralDate" hidden="1">
            <a:extLst>
              <a:ext uri="{FF2B5EF4-FFF2-40B4-BE49-F238E27FC236}">
                <a16:creationId xmlns:a16="http://schemas.microsoft.com/office/drawing/2014/main" id="{D58373C3-3C7B-400D-A664-B11584EF44B1}"/>
              </a:ext>
            </a:extLst>
          </p:cNvPr>
          <p:cNvSpPr>
            <a:spLocks noGrp="1"/>
          </p:cNvSpPr>
          <p:nvPr>
            <p:ph type="dt" sz="half" idx="20"/>
          </p:nvPr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rtlCol="0"/>
          <a:lstStyle>
            <a:lvl1pPr algn="l">
              <a:defRPr sz="1200">
                <a:noFill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7" name="Footer Placeholder 6" hidden="1">
            <a:extLst>
              <a:ext uri="{FF2B5EF4-FFF2-40B4-BE49-F238E27FC236}">
                <a16:creationId xmlns:a16="http://schemas.microsoft.com/office/drawing/2014/main" id="{728C8F44-6022-4556-9F5E-88F7450BE0D4}"/>
              </a:ext>
            </a:extLst>
          </p:cNvPr>
          <p:cNvSpPr>
            <a:spLocks noGrp="1"/>
          </p:cNvSpPr>
          <p:nvPr>
            <p:ph type="ftr" sz="quarter" idx="21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8" name="Slide Number Placeholder 7" hidden="1">
            <a:extLst>
              <a:ext uri="{FF2B5EF4-FFF2-40B4-BE49-F238E27FC236}">
                <a16:creationId xmlns:a16="http://schemas.microsoft.com/office/drawing/2014/main" id="{80A799D0-8C05-4F6B-B5F4-FD376952AD44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1" name="Picture Placeholder 22">
            <a:extLst>
              <a:ext uri="{FF2B5EF4-FFF2-40B4-BE49-F238E27FC236}">
                <a16:creationId xmlns:a16="http://schemas.microsoft.com/office/drawing/2014/main" id="{03625D81-A91E-427C-9713-1E5912AD791D}"/>
              </a:ext>
            </a:extLst>
          </p:cNvPr>
          <p:cNvSpPr>
            <a:spLocks noGrp="1"/>
          </p:cNvSpPr>
          <p:nvPr>
            <p:ph type="pic" sz="quarter" idx="14" hasCustomPrompt="1"/>
          </p:nvPr>
        </p:nvSpPr>
        <p:spPr bwMode="white">
          <a:xfrm>
            <a:off x="0" y="0"/>
            <a:ext cx="12192000" cy="6858000"/>
          </a:xfrm>
          <a:solidFill>
            <a:schemeClr val="accent2"/>
          </a:solidFill>
        </p:spPr>
        <p:txBody>
          <a:bodyPr tIns="36000" rtlCol="0"/>
          <a:lstStyle>
            <a:lvl1pPr marL="0" indent="0" algn="ctr">
              <a:buNone/>
              <a:defRPr sz="1400">
                <a:solidFill>
                  <a:schemeClr val="tx1"/>
                </a:solidFill>
              </a:defRPr>
            </a:lvl1pPr>
          </a:lstStyle>
          <a:p>
            <a:pPr rtl="0"/>
            <a:r>
              <a:rPr lang="sv-se"/>
              <a:t>Klikk på plassholderen og lim inn det mørke bildet via Fotoware-ikonet i Templafy-panelet</a:t>
            </a:r>
            <a:endParaRPr lang="nb-NO"/>
          </a:p>
        </p:txBody>
      </p:sp>
      <p:sp>
        <p:nvSpPr>
          <p:cNvPr id="31" name="Picture Placeholder  Logo">
            <a:extLst>
              <a:ext uri="{FF2B5EF4-FFF2-40B4-BE49-F238E27FC236}">
                <a16:creationId xmlns:a16="http://schemas.microsoft.com/office/drawing/2014/main" id="{B85F0C65-8F69-4E5A-A806-8219BB12AEB2}"/>
              </a:ext>
            </a:extLst>
          </p:cNvPr>
          <p:cNvSpPr>
            <a:spLocks noGrp="1"/>
          </p:cNvSpPr>
          <p:nvPr>
            <p:ph type="body" sz="quarter" idx="16" hasCustomPrompt="1"/>
          </p:nvPr>
        </p:nvSpPr>
        <p:spPr>
          <a:xfrm>
            <a:off x="2444525" y="830949"/>
            <a:ext cx="853566" cy="853566"/>
          </a:xfrm>
          <a:blipFill>
            <a:blip r:embed="rId2" cstate="screen">
              <a:extLst>
                <a:ext uri="{28A0092B-C50C-407E-A947-70E740481C1C}">
                  <a14:useLocalDpi xmlns:a14="http://schemas.microsoft.com/office/drawing/2010/main"/>
                </a:ext>
                <a:ext uri="{96DAC541-7B7A-43D3-8B79-37D633B846F1}">
                  <asvg:svgBlip xmlns:asvg="http://schemas.microsoft.com/office/drawing/2016/SVG/main" r:embed="rId3"/>
                </a:ext>
              </a:extLst>
            </a:blip>
            <a:stretch>
              <a:fillRect/>
            </a:stretch>
          </a:blipFill>
        </p:spPr>
        <p:txBody>
          <a:bodyPr rtlCol="0"/>
          <a:lstStyle>
            <a:lvl1pPr marL="0" indent="0">
              <a:buNone/>
              <a:defRPr sz="100">
                <a:noFill/>
              </a:defRPr>
            </a:lvl1pPr>
          </a:lstStyle>
          <a:p>
            <a:pPr lvl="0" rtl="0"/>
            <a:r>
              <a:rPr lang="sv-se"/>
              <a:t>.</a:t>
            </a:r>
            <a:endParaRPr lang="nb-NO"/>
          </a:p>
        </p:txBody>
      </p:sp>
      <p:sp>
        <p:nvSpPr>
          <p:cNvPr id="27" name="Title 1">
            <a:extLst>
              <a:ext uri="{FF2B5EF4-FFF2-40B4-BE49-F238E27FC236}">
                <a16:creationId xmlns:a16="http://schemas.microsoft.com/office/drawing/2014/main" id="{0DFF8606-4E83-4247-BE2B-47C3512A5C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2438199" y="2496488"/>
            <a:ext cx="7315200" cy="2027712"/>
          </a:xfrm>
        </p:spPr>
        <p:txBody>
          <a:bodyPr rtlCol="0">
            <a:noAutofit/>
          </a:bodyPr>
          <a:lstStyle>
            <a:lvl1pPr>
              <a:lnSpc>
                <a:spcPct val="90000"/>
              </a:lnSpc>
              <a:defRPr sz="6600" b="0" spc="0" baseline="0">
                <a:solidFill>
                  <a:schemeClr val="tx1"/>
                </a:solidFill>
              </a:defRPr>
            </a:lvl1pPr>
          </a:lstStyle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88C7E67F-AFB1-4B52-9D08-D02556891227}"/>
              </a:ext>
            </a:extLst>
          </p:cNvPr>
          <p:cNvSpPr>
            <a:spLocks noGrp="1"/>
          </p:cNvSpPr>
          <p:nvPr>
            <p:ph type="body" sz="quarter" idx="25" hasCustomPrompt="1"/>
          </p:nvPr>
        </p:nvSpPr>
        <p:spPr>
          <a:xfrm>
            <a:off x="2438199" y="4765827"/>
            <a:ext cx="7315200" cy="196873"/>
          </a:xfrm>
        </p:spPr>
        <p:txBody>
          <a:bodyPr rtlCol="0" anchor="b" anchorCtr="0"/>
          <a:lstStyle>
            <a:lvl1pPr marL="0" indent="0">
              <a:buNone/>
              <a:defRPr sz="1200">
                <a:solidFill>
                  <a:schemeClr val="tx1"/>
                </a:solidFill>
                <a:latin typeface="+mn-lt"/>
              </a:defRPr>
            </a:lvl1pPr>
            <a:lvl2pPr marL="0" indent="0">
              <a:buNone/>
              <a:defRPr sz="1200">
                <a:latin typeface="+mn-lt"/>
              </a:defRPr>
            </a:lvl2pPr>
            <a:lvl3pPr marL="0" indent="0">
              <a:buNone/>
              <a:defRPr sz="1200">
                <a:latin typeface="+mn-lt"/>
              </a:defRPr>
            </a:lvl3pPr>
            <a:lvl4pPr marL="0" indent="0">
              <a:buNone/>
              <a:defRPr sz="1200">
                <a:latin typeface="+mn-lt"/>
              </a:defRPr>
            </a:lvl4pPr>
            <a:lvl5pPr marL="0" indent="0">
              <a:buNone/>
              <a:defRPr sz="1200">
                <a:latin typeface="+mn-lt"/>
              </a:defRPr>
            </a:lvl5pPr>
          </a:lstStyle>
          <a:p>
            <a:pPr lvl="0" rtl="0"/>
            <a:r>
              <a:rPr lang="sv-se"/>
              <a:t>Klikk for å legge til dato eller tekst</a:t>
            </a:r>
            <a:endParaRPr lang="nb-NO"/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9C18CAB5-5A19-4DB3-BF7D-72FC7EACD96A}"/>
              </a:ext>
            </a:extLst>
          </p:cNvPr>
          <p:cNvSpPr>
            <a:spLocks noGrp="1"/>
          </p:cNvSpPr>
          <p:nvPr>
            <p:ph type="body" sz="quarter" idx="19" hasCustomPrompt="1"/>
          </p:nvPr>
        </p:nvSpPr>
        <p:spPr>
          <a:xfrm>
            <a:off x="2438199" y="5008650"/>
            <a:ext cx="7315200" cy="260328"/>
          </a:xfrm>
        </p:spPr>
        <p:txBody>
          <a:bodyPr rtlCol="0"/>
          <a:lstStyle>
            <a:lvl1pPr marL="0" indent="0">
              <a:buFont typeface="Veidekke Favorit Offc" panose="020B0504030202060203" pitchFamily="34" charset="0"/>
              <a:buChar char="​"/>
              <a:tabLst/>
              <a:defRPr sz="1200">
                <a:solidFill>
                  <a:schemeClr val="tx1"/>
                </a:solidFill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</a:lstStyle>
          <a:p>
            <a:pPr lvl="0" rtl="0"/>
            <a:r>
              <a:rPr lang="sv-se"/>
              <a:t>Klikk for å legge til presentatørens navn eller tekst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84188517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="">
      <p:transition spd="med">
        <p:fade/>
      </p:transition>
    </mc:Fallback>
  </mc:AlternateContent>
</p:sldLayout>
</file>

<file path=ppt/slideLayouts/slideLayout4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Avslutning (B)">
    <p:bg>
      <p:bgPr>
        <a:solidFill>
          <a:schemeClr val="accent2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Background">
            <a:extLst>
              <a:ext uri="{FF2B5EF4-FFF2-40B4-BE49-F238E27FC236}">
                <a16:creationId xmlns:a16="http://schemas.microsoft.com/office/drawing/2014/main" id="{00C65AFA-C291-49BE-B4DE-A89C9D195F10}"/>
              </a:ext>
            </a:extLst>
          </p:cNvPr>
          <p:cNvSpPr/>
          <p:nvPr userDrawn="1"/>
        </p:nvSpPr>
        <p:spPr bwMode="white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2000" noProof="0" dirty="0" err="1"/>
          </a:p>
        </p:txBody>
      </p:sp>
      <p:pic>
        <p:nvPicPr>
          <p:cNvPr id="5" name="logo">
            <a:extLst>
              <a:ext uri="{FF2B5EF4-FFF2-40B4-BE49-F238E27FC236}">
                <a16:creationId xmlns:a16="http://schemas.microsoft.com/office/drawing/2014/main" id="{E1BAC656-6901-4B8A-8B4F-DC835F161A26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5669588" y="3002403"/>
            <a:ext cx="853195" cy="8531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80678508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Brukerhåndbo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3" name="Text Box 2">
            <a:extLst>
              <a:ext uri="{FF2B5EF4-FFF2-40B4-BE49-F238E27FC236}">
                <a16:creationId xmlns:a16="http://schemas.microsoft.com/office/drawing/2014/main" id="{AA8FF1AB-80C2-4920-AC93-402D8FFA2399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39750" y="3516216"/>
            <a:ext cx="2496843" cy="18466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hange Slide Layout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indent="0" rtl="0">
              <a:spcAft>
                <a:spcPts val="600"/>
              </a:spcAft>
              <a:buFont typeface="+mj-lt"/>
              <a:buNone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1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arrow next to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Layout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to view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 dropdown menu of possible slide layouts</a:t>
            </a:r>
            <a:endParaRPr lang="nb-NO" sz="900" noProof="0" dirty="0">
              <a:latin typeface="Veidekke Favorit Offc" panose="020B0504030202060203" pitchFamily="34" charset="0"/>
              <a:ea typeface="Veidekke Favorit Offc" panose="020B0504030202060203" pitchFamily="34" charset="0"/>
            </a:endParaRPr>
          </a:p>
          <a:p>
            <a:pPr marL="0" indent="0" rtl="0">
              <a:spcAft>
                <a:spcPts val="0"/>
              </a:spcAft>
              <a:buFont typeface="+mj-lt"/>
              <a:buNone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2. </a:t>
            </a: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lick on the layout you prefer and it will be </a:t>
            </a:r>
            <a:br>
              <a:rPr lang="nb-NO" sz="900" noProof="0" dirty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</a:br>
            <a:r>
              <a:rPr lang="sv-se" sz="900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applied to the new slide</a:t>
            </a:r>
            <a:endParaRPr lang="nb-NO"/>
          </a:p>
          <a:p>
            <a:pPr rtl="0" fontAlgn="auto">
              <a:spcBef>
                <a:spcPts val="1200"/>
              </a:spcBef>
              <a:spcAft>
                <a:spcPts val="600"/>
              </a:spcAft>
              <a:buFont typeface="+mj-lt"/>
              <a:buNone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slide</a:t>
            </a:r>
            <a:endParaRPr lang="nb-NO"/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 typeface="+mj-lt"/>
              <a:buNone/>
              <a:tabLst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Reset 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menu to reset position, size and formatting of the slide placeholdersto their default settings</a:t>
            </a:r>
            <a:endParaRPr lang="nb-NO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21" name="Text Box 3"/>
          <p:cNvSpPr txBox="1">
            <a:spLocks noChangeArrowheads="1"/>
          </p:cNvSpPr>
          <p:nvPr userDrawn="1"/>
        </p:nvSpPr>
        <p:spPr bwMode="auto">
          <a:xfrm>
            <a:off x="4662000" y="1207892"/>
            <a:ext cx="2711598" cy="325441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. Insert corporate picture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Click the blu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emplafy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 the dropdown, click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or click </a:t>
            </a:r>
            <a:br>
              <a:rPr lang="nb-NO" altLang="da-DK" sz="900" b="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s</a:t>
            </a:r>
            <a:r>
              <a:rPr lang="sv-se" sz="900" b="0" i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button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in the right Templafy pan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B. Browse for other pictur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C. </a:t>
            </a: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 copied picture</a:t>
            </a:r>
            <a:endParaRPr lang="nb-NO" altLang="da-DK" sz="900" noProof="0" dirty="0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mage Tools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nder company tab 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paste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browse for a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1" kern="1200">
                <a:solidFill>
                  <a:schemeClr val="tx1"/>
                </a:solidFill>
                <a:latin typeface="Veidekke Favorit Offc" panose="020B0504030202060203" pitchFamily="34" charset="0"/>
                <a:ea typeface="+mn-ea"/>
                <a:cs typeface="Veidekke Favorit Offc" panose="020B0504030202060203" pitchFamily="34" charset="0"/>
              </a:rPr>
              <a:t>Color</a:t>
            </a:r>
            <a:br>
              <a:rPr lang="nb-NO" sz="1198" dirty="0">
                <a:solidFill>
                  <a:schemeClr val="tx1"/>
                </a:solidFill>
                <a:latin typeface="+mn-lt"/>
                <a:cs typeface="Veidekke Favorit Offc" panose="020B0504030202060203" pitchFamily="34" charset="0"/>
              </a:rPr>
            </a:br>
            <a:r>
              <a:rPr lang="sv-se" sz="898" b="0" kern="1200" noProof="1">
                <a:solidFill>
                  <a:schemeClr val="tx1"/>
                </a:solidFill>
                <a:latin typeface="+mn-lt"/>
                <a:ea typeface="+mn-ea"/>
                <a:cs typeface="Veidekke Favorit Offc" panose="020B0504030202060203" pitchFamily="34" charset="0"/>
              </a:rPr>
              <a:t>Use only the top colors in the color theme or Custom Colors.</a:t>
            </a:r>
            <a:endParaRPr lang="nb-NO" altLang="da-DK" sz="673" b="1" noProof="1">
              <a:solidFill>
                <a:schemeClr val="tx1"/>
              </a:solidFill>
              <a:latin typeface="+mn-lt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endParaRPr lang="nb-NO" altLang="da-DK" sz="900" b="0" baseline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sp>
        <p:nvSpPr>
          <p:cNvPr id="9" name="Header"/>
          <p:cNvSpPr txBox="1"/>
          <p:nvPr userDrawn="1"/>
        </p:nvSpPr>
        <p:spPr>
          <a:xfrm>
            <a:off x="539750" y="425348"/>
            <a:ext cx="11109323" cy="650171"/>
          </a:xfrm>
          <a:prstGeom prst="rect">
            <a:avLst/>
          </a:prstGeom>
          <a:noFill/>
        </p:spPr>
        <p:txBody>
          <a:bodyPr wrap="square" lIns="0" tIns="0" rIns="0" bIns="0" rtlCol="0" anchor="t" anchorCtr="0">
            <a:noAutofit/>
          </a:bodyPr>
          <a:lstStyle/>
          <a:p>
            <a:pPr rtl="0"/>
            <a:r>
              <a:rPr lang="sv-se" sz="3200" b="0" i="0" u="none" strike="noStrike" kern="1200" cap="none" spc="0" normalizeH="0" noProof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Veidekke Favorit Offc" panose="020B0504030202060203" pitchFamily="34" charset="0"/>
                <a:ea typeface="+mj-ea"/>
                <a:cs typeface="Veidekke Favorit Offc" panose="020B0504030202060203" pitchFamily="34" charset="0"/>
              </a:rPr>
              <a:t>User guide – delete before use</a:t>
            </a:r>
            <a:endParaRPr lang="nb-NO" sz="1800" noProof="0" dirty="0"/>
          </a:p>
        </p:txBody>
      </p:sp>
      <p:sp>
        <p:nvSpPr>
          <p:cNvPr id="29" name="Text Box 2"/>
          <p:cNvSpPr txBox="1">
            <a:spLocks noChangeArrowheads="1"/>
          </p:cNvSpPr>
          <p:nvPr userDrawn="1"/>
        </p:nvSpPr>
        <p:spPr bwMode="auto">
          <a:xfrm>
            <a:off x="539750" y="1207892"/>
            <a:ext cx="3092798" cy="106182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ext styles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Use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to jump through levels. Click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ENTER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, then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switch from one level to the next level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go back in levels us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-TAB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Alternatively,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crease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and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Decrease 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list level </a:t>
            </a:r>
            <a:br>
              <a:rPr lang="nb-NO" sz="900" baseline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an be used</a:t>
            </a:r>
            <a:endParaRPr lang="nb-NO"/>
          </a:p>
        </p:txBody>
      </p:sp>
      <p:sp>
        <p:nvSpPr>
          <p:cNvPr id="25" name="Text Box 4"/>
          <p:cNvSpPr txBox="1">
            <a:spLocks noChangeArrowheads="1"/>
          </p:cNvSpPr>
          <p:nvPr userDrawn="1"/>
        </p:nvSpPr>
        <p:spPr bwMode="auto">
          <a:xfrm>
            <a:off x="8956800" y="1207892"/>
            <a:ext cx="2412000" cy="388311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nsert picture</a:t>
            </a:r>
            <a:endParaRPr lang="nb-NO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600"/>
              </a:spcAft>
              <a:buClrTx/>
              <a:buSzTx/>
              <a:buFontTx/>
              <a:buNone/>
              <a:tabLst/>
              <a:defRPr/>
            </a:pP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On slides with picture placeholder or any other placeholder, click on the placeholder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hold down the Shift button and click on the placeholder</a:t>
            </a:r>
            <a:endParaRPr lang="nb-NO" altLang="da-DK" sz="90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hang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rop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o change size or 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cus of th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want to scale the picture, hold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HIFT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-key down while dragging the corners of the picture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you delete the picture and insert a new one, the picture may lie in front of the text or graphic.</a:t>
            </a:r>
            <a:br>
              <a:rPr lang="nb-NO" altLang="da-DK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</a:b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If this happens, select the picture, right-click and choos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Send to Back</a:t>
            </a:r>
            <a:endParaRPr lang="nb-NO"/>
          </a:p>
          <a:p>
            <a:pPr rtl="0" eaLnBrk="1" hangingPunct="1">
              <a:spcBef>
                <a:spcPts val="1000"/>
              </a:spcBef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view drawing guides</a:t>
            </a:r>
            <a:endParaRPr lang="nb-NO"/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View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 tab, set tick mark next to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Guides</a:t>
            </a:r>
            <a:endParaRPr lang="nb-NO" altLang="da-DK" sz="900" b="0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int: Alt + F9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for quick viewing of guides</a:t>
            </a:r>
            <a:endParaRPr lang="nb-NO" altLang="da-DK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</p:txBody>
      </p:sp>
      <p:pic>
        <p:nvPicPr>
          <p:cNvPr id="28" name="1 Increase decrease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3234940" y="1927440"/>
            <a:ext cx="549328" cy="285228"/>
          </a:xfrm>
          <a:prstGeom prst="rect">
            <a:avLst/>
          </a:prstGeom>
        </p:spPr>
      </p:pic>
      <p:grpSp>
        <p:nvGrpSpPr>
          <p:cNvPr id="24" name="Gruppe 23">
            <a:extLst>
              <a:ext uri="{FF2B5EF4-FFF2-40B4-BE49-F238E27FC236}">
                <a16:creationId xmlns:a16="http://schemas.microsoft.com/office/drawing/2014/main" id="{48EAA219-FFE7-4387-A385-4D3D0AF728CE}"/>
              </a:ext>
            </a:extLst>
          </p:cNvPr>
          <p:cNvGrpSpPr/>
          <p:nvPr userDrawn="1"/>
        </p:nvGrpSpPr>
        <p:grpSpPr>
          <a:xfrm>
            <a:off x="7373598" y="2057355"/>
            <a:ext cx="740398" cy="734626"/>
            <a:chOff x="6398620" y="3815586"/>
            <a:chExt cx="740398" cy="734626"/>
          </a:xfrm>
        </p:grpSpPr>
        <p:pic>
          <p:nvPicPr>
            <p:cNvPr id="30" name="6 Crop">
              <a:extLst>
                <a:ext uri="{FF2B5EF4-FFF2-40B4-BE49-F238E27FC236}">
                  <a16:creationId xmlns:a16="http://schemas.microsoft.com/office/drawing/2014/main" id="{EC854AD3-9DFC-4A83-BDF0-A7E2B01F9B09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8620" y="3815586"/>
              <a:ext cx="337400" cy="321707"/>
            </a:xfrm>
            <a:prstGeom prst="rect">
              <a:avLst/>
            </a:prstGeom>
          </p:spPr>
        </p:pic>
        <p:pic>
          <p:nvPicPr>
            <p:cNvPr id="31" name="Billede 30">
              <a:extLst>
                <a:ext uri="{FF2B5EF4-FFF2-40B4-BE49-F238E27FC236}">
                  <a16:creationId xmlns:a16="http://schemas.microsoft.com/office/drawing/2014/main" id="{E2414F06-53F0-4323-A4A9-91728B89EE83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4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4118189"/>
              <a:ext cx="696248" cy="432023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2" name="Gruppe 31">
            <a:extLst>
              <a:ext uri="{FF2B5EF4-FFF2-40B4-BE49-F238E27FC236}">
                <a16:creationId xmlns:a16="http://schemas.microsoft.com/office/drawing/2014/main" id="{78224CA6-7D55-40AF-AF08-7CC6E7C4B3C8}"/>
              </a:ext>
            </a:extLst>
          </p:cNvPr>
          <p:cNvGrpSpPr/>
          <p:nvPr userDrawn="1"/>
        </p:nvGrpSpPr>
        <p:grpSpPr>
          <a:xfrm>
            <a:off x="7376339" y="2874955"/>
            <a:ext cx="740397" cy="929593"/>
            <a:chOff x="6391652" y="4854581"/>
            <a:chExt cx="740397" cy="929593"/>
          </a:xfrm>
        </p:grpSpPr>
        <p:pic>
          <p:nvPicPr>
            <p:cNvPr id="33" name="6 Crop">
              <a:extLst>
                <a:ext uri="{FF2B5EF4-FFF2-40B4-BE49-F238E27FC236}">
                  <a16:creationId xmlns:a16="http://schemas.microsoft.com/office/drawing/2014/main" id="{B89DF8E6-B7F7-4857-A1D8-15B39D7AF804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3"/>
            <a:stretch>
              <a:fillRect/>
            </a:stretch>
          </p:blipFill>
          <p:spPr>
            <a:xfrm>
              <a:off x="6391652" y="4854581"/>
              <a:ext cx="337400" cy="321707"/>
            </a:xfrm>
            <a:prstGeom prst="rect">
              <a:avLst/>
            </a:prstGeom>
          </p:spPr>
        </p:pic>
        <p:pic>
          <p:nvPicPr>
            <p:cNvPr id="34" name="Billede 33">
              <a:extLst>
                <a:ext uri="{FF2B5EF4-FFF2-40B4-BE49-F238E27FC236}">
                  <a16:creationId xmlns:a16="http://schemas.microsoft.com/office/drawing/2014/main" id="{39AFA131-B5A7-4AB6-889F-69CF39F4C881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5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6442770" y="5155024"/>
              <a:ext cx="689279" cy="629150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grpSp>
        <p:nvGrpSpPr>
          <p:cNvPr id="35" name="Gruppe 34">
            <a:extLst>
              <a:ext uri="{FF2B5EF4-FFF2-40B4-BE49-F238E27FC236}">
                <a16:creationId xmlns:a16="http://schemas.microsoft.com/office/drawing/2014/main" id="{126BB6BB-8852-44D9-A0EB-7B0A29B5CAFC}"/>
              </a:ext>
            </a:extLst>
          </p:cNvPr>
          <p:cNvGrpSpPr/>
          <p:nvPr userDrawn="1"/>
        </p:nvGrpSpPr>
        <p:grpSpPr>
          <a:xfrm>
            <a:off x="7417748" y="1029883"/>
            <a:ext cx="676669" cy="997704"/>
            <a:chOff x="6442771" y="2574072"/>
            <a:chExt cx="676669" cy="997704"/>
          </a:xfrm>
        </p:grpSpPr>
        <p:pic>
          <p:nvPicPr>
            <p:cNvPr id="36" name="Billede 35">
              <a:extLst>
                <a:ext uri="{FF2B5EF4-FFF2-40B4-BE49-F238E27FC236}">
                  <a16:creationId xmlns:a16="http://schemas.microsoft.com/office/drawing/2014/main" id="{2EC1AD58-F087-456F-B1CF-97A8AD608A12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6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6442771" y="2574072"/>
              <a:ext cx="305786" cy="365851"/>
            </a:xfrm>
            <a:prstGeom prst="rect">
              <a:avLst/>
            </a:prstGeom>
          </p:spPr>
        </p:pic>
        <p:pic>
          <p:nvPicPr>
            <p:cNvPr id="37" name="Billede 36">
              <a:extLst>
                <a:ext uri="{FF2B5EF4-FFF2-40B4-BE49-F238E27FC236}">
                  <a16:creationId xmlns:a16="http://schemas.microsoft.com/office/drawing/2014/main" id="{A1105FA6-DF1D-44A9-BD39-B99136D7B2BC}"/>
                </a:ext>
              </a:extLst>
            </p:cNvPr>
            <p:cNvPicPr>
              <a:picLocks noChangeAspect="1"/>
            </p:cNvPicPr>
            <p:nvPr userDrawn="1"/>
          </p:nvPicPr>
          <p:blipFill rotWithShape="1">
            <a:blip r:embed="rId7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 l="1432" t="16308" r="2422" b="1509"/>
            <a:stretch/>
          </p:blipFill>
          <p:spPr>
            <a:xfrm>
              <a:off x="6444587" y="2943287"/>
              <a:ext cx="674853" cy="628489"/>
            </a:xfrm>
            <a:prstGeom prst="rect">
              <a:avLst/>
            </a:prstGeom>
            <a:ln w="3175">
              <a:solidFill>
                <a:schemeClr val="bg1">
                  <a:lumMod val="95000"/>
                </a:schemeClr>
              </a:solidFill>
            </a:ln>
          </p:spPr>
        </p:pic>
      </p:grpSp>
      <p:pic>
        <p:nvPicPr>
          <p:cNvPr id="39" name="6 Beskær">
            <a:extLst>
              <a:ext uri="{FF2B5EF4-FFF2-40B4-BE49-F238E27FC236}">
                <a16:creationId xmlns:a16="http://schemas.microsoft.com/office/drawing/2014/main" id="{F1E5DB47-CE9C-4A68-BA80-97FFD80C5CAE}"/>
              </a:ext>
            </a:extLst>
          </p:cNvPr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293191" y="2376591"/>
            <a:ext cx="337400" cy="321707"/>
          </a:xfrm>
          <a:prstGeom prst="rect">
            <a:avLst/>
          </a:prstGeom>
        </p:spPr>
      </p:pic>
      <p:pic>
        <p:nvPicPr>
          <p:cNvPr id="40" name="7 Skalér billede">
            <a:extLst>
              <a:ext uri="{FF2B5EF4-FFF2-40B4-BE49-F238E27FC236}">
                <a16:creationId xmlns:a16="http://schemas.microsoft.com/office/drawing/2014/main" id="{472C50C0-81D4-4FF8-9774-95FB88A3DB59}"/>
              </a:ext>
            </a:extLst>
          </p:cNvPr>
          <p:cNvPicPr>
            <a:picLocks noChangeAspect="1"/>
          </p:cNvPicPr>
          <p:nvPr userDrawn="1"/>
        </p:nvPicPr>
        <p:blipFill>
          <a:blip r:embed="rId8"/>
          <a:stretch>
            <a:fillRect/>
          </a:stretch>
        </p:blipFill>
        <p:spPr>
          <a:xfrm>
            <a:off x="11293191" y="3293507"/>
            <a:ext cx="359695" cy="335309"/>
          </a:xfrm>
          <a:prstGeom prst="rect">
            <a:avLst/>
          </a:prstGeom>
        </p:spPr>
      </p:pic>
      <p:sp>
        <p:nvSpPr>
          <p:cNvPr id="27" name="Text Box 2">
            <a:extLst>
              <a:ext uri="{FF2B5EF4-FFF2-40B4-BE49-F238E27FC236}">
                <a16:creationId xmlns:a16="http://schemas.microsoft.com/office/drawing/2014/main" id="{C4EDC3B1-3B31-4E00-92B6-1CD6392EC07D}"/>
              </a:ext>
            </a:extLst>
          </p:cNvPr>
          <p:cNvSpPr txBox="1">
            <a:spLocks noChangeArrowheads="1"/>
          </p:cNvSpPr>
          <p:nvPr userDrawn="1"/>
        </p:nvSpPr>
        <p:spPr bwMode="auto">
          <a:xfrm>
            <a:off x="557446" y="2598090"/>
            <a:ext cx="2677494" cy="56938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0" tIns="0" rIns="144000" bIns="0" rtlCol="0" anchor="t" anchorCtr="0">
            <a:spAutoFit/>
          </a:bodyPr>
          <a:lstStyle>
            <a:lvl1pPr eaLnBrk="0" hangingPunct="0">
              <a:defRPr>
                <a:solidFill>
                  <a:schemeClr val="tx1"/>
                </a:solidFill>
                <a:latin typeface="Veidekke Favorit Offc" charset="0"/>
              </a:defRPr>
            </a:lvl1pPr>
            <a:lvl2pPr marL="742950" indent="-285750" eaLnBrk="0" hangingPunct="0">
              <a:defRPr>
                <a:solidFill>
                  <a:schemeClr val="tx1"/>
                </a:solidFill>
                <a:latin typeface="Veidekke Favorit Offc" charset="0"/>
              </a:defRPr>
            </a:lvl2pPr>
            <a:lvl3pPr marL="11430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3pPr>
            <a:lvl4pPr marL="16002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4pPr>
            <a:lvl5pPr marL="2057400" indent="-228600" eaLnBrk="0" hangingPunct="0">
              <a:defRPr>
                <a:solidFill>
                  <a:schemeClr val="tx1"/>
                </a:solidFill>
                <a:latin typeface="Veidekke Favorit Offc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Veidekke Favorit Offc" charset="0"/>
              </a:defRPr>
            </a:lvl9pPr>
          </a:lstStyle>
          <a:p>
            <a:pPr rtl="0" eaLnBrk="1" hangingPunct="1">
              <a:spcBef>
                <a:spcPts val="1200"/>
              </a:spcBef>
              <a:spcAft>
                <a:spcPts val="600"/>
              </a:spcAft>
              <a:defRPr/>
            </a:pPr>
            <a:r>
              <a:rPr lang="sv-se" sz="900" b="1" noProof="0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Insert</a:t>
            </a:r>
            <a:r>
              <a:rPr lang="sv-se" sz="900" b="1">
                <a:solidFill>
                  <a:srgbClr val="000000"/>
                </a:solidFill>
                <a:latin typeface="Veidekke Favorit Offc" panose="020B0504030202060203" pitchFamily="34" charset="0"/>
                <a:ea typeface="Veidekke Favorit Offc" panose="020B0504030202060203" pitchFamily="34" charset="0"/>
              </a:rPr>
              <a:t> a New Slide</a:t>
            </a:r>
            <a:endParaRPr lang="nb-NO" sz="900" b="1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1. 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Home </a:t>
            </a:r>
            <a:r>
              <a:rPr lang="sv-se" sz="900" b="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ab</a:t>
            </a:r>
            <a:endParaRPr lang="nb-NO" altLang="da-DK" sz="900" b="0" strike="sngStrike" noProof="1">
              <a:solidFill>
                <a:schemeClr val="tx1"/>
              </a:solidFill>
              <a:latin typeface="Veidekke Favorit Offc" panose="020B0504030202060203" pitchFamily="34" charset="0"/>
              <a:cs typeface="Veidekke Favorit Offc" panose="020B0504030202060203" pitchFamily="34" charset="0"/>
            </a:endParaRPr>
          </a:p>
          <a:p>
            <a:pPr rtl="0" eaLnBrk="1" hangingPunct="1">
              <a:spcAft>
                <a:spcPts val="600"/>
              </a:spcAft>
              <a:defRPr/>
            </a:pP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2. 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Click on the </a:t>
            </a:r>
            <a:r>
              <a:rPr lang="sv-se" sz="900" b="1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New Slide </a:t>
            </a:r>
            <a:r>
              <a:rPr lang="sv-se" sz="900" noProof="1">
                <a:solidFill>
                  <a:schemeClr val="tx1"/>
                </a:solidFill>
                <a:latin typeface="Veidekke Favorit Offc" panose="020B0504030202060203" pitchFamily="34" charset="0"/>
                <a:cs typeface="Veidekke Favorit Offc" panose="020B0504030202060203" pitchFamily="34" charset="0"/>
              </a:rPr>
              <a:t>to insert new slide</a:t>
            </a:r>
            <a:endParaRPr lang="nb-NO"/>
          </a:p>
        </p:txBody>
      </p:sp>
      <p:pic>
        <p:nvPicPr>
          <p:cNvPr id="38" name="2 New picture">
            <a:extLst>
              <a:ext uri="{FF2B5EF4-FFF2-40B4-BE49-F238E27FC236}">
                <a16:creationId xmlns:a16="http://schemas.microsoft.com/office/drawing/2014/main" id="{A38BA332-960D-4B31-B9A4-D96B481A7D6E}"/>
              </a:ext>
            </a:extLst>
          </p:cNvPr>
          <p:cNvPicPr>
            <a:picLocks noChangeAspect="1"/>
          </p:cNvPicPr>
          <p:nvPr userDrawn="1"/>
        </p:nvPicPr>
        <p:blipFill>
          <a:blip r:embed="rId9"/>
          <a:stretch>
            <a:fillRect/>
          </a:stretch>
        </p:blipFill>
        <p:spPr>
          <a:xfrm>
            <a:off x="3256543" y="2614627"/>
            <a:ext cx="324764" cy="578237"/>
          </a:xfrm>
          <a:prstGeom prst="rect">
            <a:avLst/>
          </a:prstGeom>
        </p:spPr>
      </p:pic>
      <p:pic>
        <p:nvPicPr>
          <p:cNvPr id="41" name="3 Layout">
            <a:extLst>
              <a:ext uri="{FF2B5EF4-FFF2-40B4-BE49-F238E27FC236}">
                <a16:creationId xmlns:a16="http://schemas.microsoft.com/office/drawing/2014/main" id="{1B5AB7CA-5789-40BF-B54E-5217682BC2A5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10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235610" y="3718756"/>
            <a:ext cx="593368" cy="192211"/>
          </a:xfrm>
          <a:prstGeom prst="rect">
            <a:avLst/>
          </a:prstGeom>
        </p:spPr>
      </p:pic>
      <p:pic>
        <p:nvPicPr>
          <p:cNvPr id="42" name="4 Reset">
            <a:extLst>
              <a:ext uri="{FF2B5EF4-FFF2-40B4-BE49-F238E27FC236}">
                <a16:creationId xmlns:a16="http://schemas.microsoft.com/office/drawing/2014/main" id="{87C62FC6-4342-45D1-941A-C3F820045D1B}"/>
              </a:ext>
            </a:extLst>
          </p:cNvPr>
          <p:cNvPicPr>
            <a:picLocks noChangeAspect="1"/>
          </p:cNvPicPr>
          <p:nvPr userDrawn="1"/>
        </p:nvPicPr>
        <p:blipFill>
          <a:blip r:embed="rId11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3256543" y="4892055"/>
            <a:ext cx="492452" cy="200416"/>
          </a:xfrm>
          <a:prstGeom prst="rect">
            <a:avLst/>
          </a:prstGeom>
        </p:spPr>
      </p:pic>
      <p:grpSp>
        <p:nvGrpSpPr>
          <p:cNvPr id="5" name="Group 4">
            <a:extLst>
              <a:ext uri="{FF2B5EF4-FFF2-40B4-BE49-F238E27FC236}">
                <a16:creationId xmlns:a16="http://schemas.microsoft.com/office/drawing/2014/main" id="{4CC80A4E-3A5E-35FF-5817-0ADBCDE2FD60}"/>
              </a:ext>
            </a:extLst>
          </p:cNvPr>
          <p:cNvGrpSpPr/>
          <p:nvPr userDrawn="1"/>
        </p:nvGrpSpPr>
        <p:grpSpPr>
          <a:xfrm>
            <a:off x="4652038" y="4218062"/>
            <a:ext cx="893784" cy="1941665"/>
            <a:chOff x="4652038" y="4218062"/>
            <a:chExt cx="893784" cy="1941665"/>
          </a:xfrm>
        </p:grpSpPr>
        <p:pic>
          <p:nvPicPr>
            <p:cNvPr id="4" name="Picture 3">
              <a:extLst>
                <a:ext uri="{FF2B5EF4-FFF2-40B4-BE49-F238E27FC236}">
                  <a16:creationId xmlns:a16="http://schemas.microsoft.com/office/drawing/2014/main" id="{561AD108-4DBA-A4E0-B972-B599D5E23681}"/>
                </a:ext>
              </a:extLst>
            </p:cNvPr>
            <p:cNvPicPr>
              <a:picLocks noChangeAspect="1"/>
            </p:cNvPicPr>
            <p:nvPr userDrawn="1"/>
          </p:nvPicPr>
          <p:blipFill>
            <a:blip r:embed="rId12" cstate="screen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4652038" y="4218062"/>
              <a:ext cx="893783" cy="1941665"/>
            </a:xfrm>
            <a:prstGeom prst="rect">
              <a:avLst/>
            </a:prstGeom>
          </p:spPr>
        </p:pic>
        <p:sp>
          <p:nvSpPr>
            <p:cNvPr id="44" name="Rectangle 43">
              <a:extLst>
                <a:ext uri="{FF2B5EF4-FFF2-40B4-BE49-F238E27FC236}">
                  <a16:creationId xmlns:a16="http://schemas.microsoft.com/office/drawing/2014/main" id="{EE8981F1-A09B-3003-B44B-390E6AA7418F}"/>
                </a:ext>
              </a:extLst>
            </p:cNvPr>
            <p:cNvSpPr/>
            <p:nvPr userDrawn="1"/>
          </p:nvSpPr>
          <p:spPr>
            <a:xfrm>
              <a:off x="4656494" y="4361026"/>
              <a:ext cx="889328" cy="123840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 rtl="0"/>
              <a:endParaRPr lang="nb-NO" sz="1796" dirty="0" err="1"/>
            </a:p>
          </p:txBody>
        </p:sp>
        <p:cxnSp>
          <p:nvCxnSpPr>
            <p:cNvPr id="45" name="Straight Connector 44">
              <a:extLst>
                <a:ext uri="{FF2B5EF4-FFF2-40B4-BE49-F238E27FC236}">
                  <a16:creationId xmlns:a16="http://schemas.microsoft.com/office/drawing/2014/main" id="{229DB372-82E8-1734-C7CB-AEB49BE1BE70}"/>
                </a:ext>
              </a:extLst>
            </p:cNvPr>
            <p:cNvCxnSpPr>
              <a:cxnSpLocks/>
            </p:cNvCxnSpPr>
            <p:nvPr userDrawn="1"/>
          </p:nvCxnSpPr>
          <p:spPr>
            <a:xfrm>
              <a:off x="4663112" y="4524905"/>
              <a:ext cx="855964" cy="347236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46" name="Straight Connector 45">
              <a:extLst>
                <a:ext uri="{FF2B5EF4-FFF2-40B4-BE49-F238E27FC236}">
                  <a16:creationId xmlns:a16="http://schemas.microsoft.com/office/drawing/2014/main" id="{D0681C3C-9122-9C6A-57CA-3A2EC3AF55B6}"/>
                </a:ext>
              </a:extLst>
            </p:cNvPr>
            <p:cNvCxnSpPr>
              <a:cxnSpLocks/>
            </p:cNvCxnSpPr>
            <p:nvPr userDrawn="1"/>
          </p:nvCxnSpPr>
          <p:spPr>
            <a:xfrm flipV="1">
              <a:off x="4668415" y="4523024"/>
              <a:ext cx="865331" cy="350998"/>
            </a:xfrm>
            <a:prstGeom prst="line">
              <a:avLst/>
            </a:prstGeom>
            <a:ln w="19050"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grpSp>
          <p:nvGrpSpPr>
            <p:cNvPr id="8" name="Group 7">
              <a:extLst>
                <a:ext uri="{FF2B5EF4-FFF2-40B4-BE49-F238E27FC236}">
                  <a16:creationId xmlns:a16="http://schemas.microsoft.com/office/drawing/2014/main" id="{2FF8C5E7-B5D7-7DA8-7A6D-5A19412B76D0}"/>
                </a:ext>
              </a:extLst>
            </p:cNvPr>
            <p:cNvGrpSpPr/>
            <p:nvPr userDrawn="1"/>
          </p:nvGrpSpPr>
          <p:grpSpPr>
            <a:xfrm>
              <a:off x="4656495" y="5702390"/>
              <a:ext cx="877252" cy="131714"/>
              <a:chOff x="4656494" y="6079528"/>
              <a:chExt cx="1322539" cy="131714"/>
            </a:xfrm>
          </p:grpSpPr>
          <p:cxnSp>
            <p:nvCxnSpPr>
              <p:cNvPr id="47" name="Straight Connector 46">
                <a:extLst>
                  <a:ext uri="{FF2B5EF4-FFF2-40B4-BE49-F238E27FC236}">
                    <a16:creationId xmlns:a16="http://schemas.microsoft.com/office/drawing/2014/main" id="{8C9D39B5-A871-0192-68EC-485F8BE750F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>
                <a:off x="4659398" y="6079528"/>
                <a:ext cx="1319634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cxnSp>
            <p:nvCxnSpPr>
              <p:cNvPr id="48" name="Straight Connector 47">
                <a:extLst>
                  <a:ext uri="{FF2B5EF4-FFF2-40B4-BE49-F238E27FC236}">
                    <a16:creationId xmlns:a16="http://schemas.microsoft.com/office/drawing/2014/main" id="{307FDE6C-CA47-26DA-9C89-BB9C146ACEBB}"/>
                  </a:ext>
                </a:extLst>
              </p:cNvPr>
              <p:cNvCxnSpPr>
                <a:cxnSpLocks/>
              </p:cNvCxnSpPr>
              <p:nvPr userDrawn="1"/>
            </p:nvCxnSpPr>
            <p:spPr>
              <a:xfrm flipV="1">
                <a:off x="4656494" y="6079529"/>
                <a:ext cx="1322539" cy="131713"/>
              </a:xfrm>
              <a:prstGeom prst="line">
                <a:avLst/>
              </a:prstGeom>
              <a:ln w="19050">
                <a:solidFill>
                  <a:srgbClr val="FF0000"/>
                </a:solidFill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</p:grpSp>
        <p:sp>
          <p:nvSpPr>
            <p:cNvPr id="49" name="Rectangle 48">
              <a:extLst>
                <a:ext uri="{FF2B5EF4-FFF2-40B4-BE49-F238E27FC236}">
                  <a16:creationId xmlns:a16="http://schemas.microsoft.com/office/drawing/2014/main" id="{FA1CEE31-855D-C70B-4360-3DCD20A832C9}"/>
                </a:ext>
              </a:extLst>
            </p:cNvPr>
            <p:cNvSpPr/>
            <p:nvPr userDrawn="1"/>
          </p:nvSpPr>
          <p:spPr>
            <a:xfrm>
              <a:off x="4962617" y="5068811"/>
              <a:ext cx="580976" cy="465894"/>
            </a:xfrm>
            <a:prstGeom prst="rect">
              <a:avLst/>
            </a:prstGeom>
            <a:noFill/>
            <a:ln w="19050">
              <a:solidFill>
                <a:srgbClr val="FF0000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lIns="72000" tIns="72000" rIns="72000" bIns="72000" rtlCol="0" anchor="ctr"/>
            <a:lstStyle/>
            <a:p>
              <a:pPr algn="ctr" rtl="0"/>
              <a:endParaRPr lang="nb-NO" sz="1796" dirty="0" err="1"/>
            </a:p>
          </p:txBody>
        </p:sp>
      </p:grpSp>
    </p:spTree>
    <p:extLst>
      <p:ext uri="{BB962C8B-B14F-4D97-AF65-F5344CB8AC3E}">
        <p14:creationId xmlns:p14="http://schemas.microsoft.com/office/powerpoint/2010/main" val="642413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4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&gt;Do not use layouts after this &gt;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Rectangle 1">
            <a:extLst>
              <a:ext uri="{FF2B5EF4-FFF2-40B4-BE49-F238E27FC236}">
                <a16:creationId xmlns:a16="http://schemas.microsoft.com/office/drawing/2014/main" id="{0F124504-36FD-4753-851D-5B7D02D4A2D1}"/>
              </a:ext>
            </a:extLst>
          </p:cNvPr>
          <p:cNvSpPr/>
          <p:nvPr userDrawn="1"/>
        </p:nvSpPr>
        <p:spPr bwMode="ltGray">
          <a:xfrm>
            <a:off x="0" y="0"/>
            <a:ext cx="12192000" cy="6858000"/>
          </a:xfrm>
          <a:prstGeom prst="rect">
            <a:avLst/>
          </a:prstGeom>
          <a:solidFill>
            <a:schemeClr val="accent2"/>
          </a:solidFill>
          <a:ln w="6350" cap="rnd">
            <a:noFill/>
            <a:round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 rtl="0">
              <a:spcBef>
                <a:spcPts val="600"/>
              </a:spcBef>
              <a:buClr>
                <a:srgbClr val="003755"/>
              </a:buClr>
            </a:pPr>
            <a:endParaRPr lang="nb-NO" sz="1400" dirty="0" err="1">
              <a:solidFill>
                <a:schemeClr val="tx1"/>
              </a:solidFill>
            </a:endParaRPr>
          </a:p>
        </p:txBody>
      </p:sp>
      <p:sp>
        <p:nvSpPr>
          <p:cNvPr id="5" name="Do not use"/>
          <p:cNvSpPr txBox="1"/>
          <p:nvPr userDrawn="1"/>
        </p:nvSpPr>
        <p:spPr>
          <a:xfrm>
            <a:off x="430213" y="656823"/>
            <a:ext cx="11356977" cy="2893100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4400" b="0" noProof="0">
                <a:solidFill>
                  <a:schemeClr val="tx1"/>
                </a:solidFill>
              </a:rPr>
              <a:t>If you see any </a:t>
            </a:r>
            <a:r>
              <a:rPr lang="sv-se" sz="4400" b="1" i="1" noProof="0">
                <a:solidFill>
                  <a:schemeClr val="tx1"/>
                </a:solidFill>
              </a:rPr>
              <a:t>layouts after this </a:t>
            </a:r>
            <a:r>
              <a:rPr lang="sv-se" sz="4400" b="0" i="0" noProof="0">
                <a:solidFill>
                  <a:schemeClr val="tx1"/>
                </a:solidFill>
              </a:rPr>
              <a:t>one</a:t>
            </a:r>
            <a:r>
              <a:rPr lang="sv-se" sz="4400" b="1" i="1" noProof="0">
                <a:solidFill>
                  <a:schemeClr val="tx1"/>
                </a:solidFill>
              </a:rPr>
              <a:t>,</a:t>
            </a:r>
            <a:br>
              <a:rPr lang="nb-NO" sz="4400" b="0" i="0" noProof="0" dirty="0">
                <a:solidFill>
                  <a:schemeClr val="tx1"/>
                </a:solidFill>
              </a:rPr>
            </a:br>
            <a:r>
              <a:rPr lang="sv-se" sz="4400" b="0" noProof="0">
                <a:solidFill>
                  <a:schemeClr val="tx1"/>
                </a:solidFill>
              </a:rPr>
              <a:t>do not use them. These layouts </a:t>
            </a:r>
            <a:r>
              <a:rPr lang="sv-se" sz="4400" b="1" i="1" u="none" noProof="0">
                <a:solidFill>
                  <a:schemeClr val="tx1"/>
                </a:solidFill>
              </a:rPr>
              <a:t>are not </a:t>
            </a:r>
            <a:r>
              <a:rPr lang="sv-se" sz="4400" b="0" noProof="0">
                <a:solidFill>
                  <a:schemeClr val="tx1"/>
                </a:solidFill>
              </a:rPr>
              <a:t>part of our corporate template.</a:t>
            </a:r>
            <a:br>
              <a:rPr lang="nb-NO" sz="2800" b="0" noProof="0" dirty="0">
                <a:solidFill>
                  <a:schemeClr val="tx1"/>
                </a:solidFill>
              </a:rPr>
            </a:br>
            <a:br>
              <a:rPr lang="nb-NO" sz="2800" b="0" noProof="0" dirty="0">
                <a:solidFill>
                  <a:schemeClr val="tx1"/>
                </a:solidFill>
              </a:rPr>
            </a:br>
            <a:endParaRPr lang="nb-NO" sz="2800" b="0" noProof="0" dirty="0">
              <a:solidFill>
                <a:schemeClr val="tx1"/>
              </a:solidFill>
            </a:endParaRPr>
          </a:p>
        </p:txBody>
      </p:sp>
      <p:grpSp>
        <p:nvGrpSpPr>
          <p:cNvPr id="4" name="Group 3">
            <a:extLst>
              <a:ext uri="{FF2B5EF4-FFF2-40B4-BE49-F238E27FC236}">
                <a16:creationId xmlns:a16="http://schemas.microsoft.com/office/drawing/2014/main" id="{2BEB5E5A-DA85-4D5B-80B9-F94482F55D76}"/>
              </a:ext>
            </a:extLst>
          </p:cNvPr>
          <p:cNvGrpSpPr/>
          <p:nvPr userDrawn="1"/>
        </p:nvGrpSpPr>
        <p:grpSpPr bwMode="black">
          <a:xfrm rot="8100000">
            <a:off x="10404874" y="3325226"/>
            <a:ext cx="1036788" cy="1036788"/>
            <a:chOff x="6096000" y="4963130"/>
            <a:chExt cx="1456719" cy="1456719"/>
          </a:xfrm>
          <a:solidFill>
            <a:schemeClr val="tx1"/>
          </a:solidFill>
        </p:grpSpPr>
        <p:sp>
          <p:nvSpPr>
            <p:cNvPr id="3" name="Rectangle 2">
              <a:extLst>
                <a:ext uri="{FF2B5EF4-FFF2-40B4-BE49-F238E27FC236}">
                  <a16:creationId xmlns:a16="http://schemas.microsoft.com/office/drawing/2014/main" id="{C823227E-A862-4A7F-BC20-0D107430AB2C}"/>
                </a:ext>
              </a:extLst>
            </p:cNvPr>
            <p:cNvSpPr/>
            <p:nvPr userDrawn="1"/>
          </p:nvSpPr>
          <p:spPr bwMode="black">
            <a:xfrm rot="5400000">
              <a:off x="5534135" y="5524995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  <p:sp>
          <p:nvSpPr>
            <p:cNvPr id="6" name="Rectangle 5">
              <a:extLst>
                <a:ext uri="{FF2B5EF4-FFF2-40B4-BE49-F238E27FC236}">
                  <a16:creationId xmlns:a16="http://schemas.microsoft.com/office/drawing/2014/main" id="{08501AE6-6504-4184-9443-E89AFACF769D}"/>
                </a:ext>
              </a:extLst>
            </p:cNvPr>
            <p:cNvSpPr/>
            <p:nvPr userDrawn="1"/>
          </p:nvSpPr>
          <p:spPr bwMode="black">
            <a:xfrm rot="10800000">
              <a:off x="6096000" y="4963130"/>
              <a:ext cx="1456719" cy="332990"/>
            </a:xfrm>
            <a:prstGeom prst="rect">
              <a:avLst/>
            </a:prstGeom>
            <a:grpFill/>
            <a:ln w="6350" cap="rnd">
              <a:noFill/>
              <a:round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ot="0" spcFirstLastPara="0" vertOverflow="overflow" horzOverflow="overflow" vert="horz" wrap="square" lIns="72000" tIns="72000" rIns="72000" bIns="72000" numCol="1" spcCol="0" rtlCol="0" fromWordArt="0" anchor="ctr" anchorCtr="0" forceAA="0" compatLnSpc="1">
              <a:prstTxWarp prst="textNoShape">
                <a:avLst/>
              </a:prstTxWarp>
              <a:noAutofit/>
            </a:bodyPr>
            <a:lstStyle/>
            <a:p>
              <a:pPr algn="ctr" rtl="0">
                <a:spcBef>
                  <a:spcPts val="600"/>
                </a:spcBef>
                <a:buClr>
                  <a:srgbClr val="003755"/>
                </a:buClr>
              </a:pPr>
              <a:endParaRPr lang="nb-NO" sz="1400" dirty="0" err="1">
                <a:solidFill>
                  <a:schemeClr val="tx1"/>
                </a:solidFill>
              </a:endParaRPr>
            </a:p>
          </p:txBody>
        </p:sp>
      </p:grpSp>
      <p:sp>
        <p:nvSpPr>
          <p:cNvPr id="12" name="Rectangle 11">
            <a:extLst>
              <a:ext uri="{FF2B5EF4-FFF2-40B4-BE49-F238E27FC236}">
                <a16:creationId xmlns:a16="http://schemas.microsoft.com/office/drawing/2014/main" id="{67CEE09B-6EE1-4BF2-85A3-DE69E91BC4C6}"/>
              </a:ext>
            </a:extLst>
          </p:cNvPr>
          <p:cNvSpPr/>
          <p:nvPr userDrawn="1"/>
        </p:nvSpPr>
        <p:spPr>
          <a:xfrm>
            <a:off x="430213" y="2588374"/>
            <a:ext cx="10152346" cy="2215991"/>
          </a:xfrm>
          <a:prstGeom prst="rect">
            <a:avLst/>
          </a:prstGeom>
        </p:spPr>
        <p:txBody>
          <a:bodyPr wrap="square" rtlCol="0">
            <a:spAutoFit/>
          </a:bodyPr>
          <a:lstStyle/>
          <a:p>
            <a:pPr algn="ctr" rtl="0"/>
            <a:r>
              <a:rPr lang="sv-se" sz="13800" b="1" i="1" noProof="0">
                <a:solidFill>
                  <a:schemeClr val="tx1"/>
                </a:solidFill>
              </a:rPr>
              <a:t>Do not use </a:t>
            </a:r>
            <a:endParaRPr lang="nb-NO" sz="2400" b="1" i="1" dirty="0">
              <a:solidFill>
                <a:schemeClr val="tx1"/>
              </a:solidFill>
            </a:endParaRPr>
          </a:p>
        </p:txBody>
      </p:sp>
      <p:sp>
        <p:nvSpPr>
          <p:cNvPr id="16" name="Do not use">
            <a:extLst>
              <a:ext uri="{FF2B5EF4-FFF2-40B4-BE49-F238E27FC236}">
                <a16:creationId xmlns:a16="http://schemas.microsoft.com/office/drawing/2014/main" id="{A8FA78FA-4D94-4717-B7C6-6F86378D6B01}"/>
              </a:ext>
            </a:extLst>
          </p:cNvPr>
          <p:cNvSpPr txBox="1"/>
          <p:nvPr userDrawn="1"/>
        </p:nvSpPr>
        <p:spPr>
          <a:xfrm>
            <a:off x="430214" y="5186455"/>
            <a:ext cx="11356974" cy="969496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Due to PowerPoint’s standard Copy/Paste functionality extra undesirable layouts can appear.</a:t>
            </a:r>
            <a:endParaRPr lang="nb-NO"/>
          </a:p>
          <a:p>
            <a:pPr marL="0" marR="0" indent="0" algn="ctr" rtl="0" fontAlgn="auto">
              <a:lnSpc>
                <a:spcPct val="100000"/>
              </a:lnSpc>
              <a:spcBef>
                <a:spcPts val="600"/>
              </a:spcBef>
              <a:spcAft>
                <a:spcPts val="0"/>
              </a:spcAft>
              <a:buClr>
                <a:srgbClr val="003755"/>
              </a:buClr>
              <a:buSzTx/>
              <a:buFontTx/>
              <a:buNone/>
              <a:tabLst/>
            </a:pPr>
            <a:r>
              <a:rPr lang="sv-se" sz="2000" b="0" noProof="0">
                <a:solidFill>
                  <a:schemeClr val="tx1"/>
                </a:solidFill>
              </a:rPr>
              <a:t>Also notice: Layouts after this might contain potential confidential information.</a:t>
            </a:r>
            <a:br>
              <a:rPr lang="nb-NO" sz="1800" b="0" noProof="0" dirty="0">
                <a:solidFill>
                  <a:schemeClr val="tx1"/>
                </a:solidFill>
              </a:rPr>
            </a:br>
            <a:endParaRPr lang="nb-NO" sz="1800" b="0" noProof="0" dirty="0">
              <a:solidFill>
                <a:schemeClr val="tx1"/>
              </a:solidFill>
            </a:endParaRPr>
          </a:p>
        </p:txBody>
      </p:sp>
      <p:sp>
        <p:nvSpPr>
          <p:cNvPr id="13" name="Date Placeholder 6" hidden="1">
            <a:extLst>
              <a:ext uri="{FF2B5EF4-FFF2-40B4-BE49-F238E27FC236}">
                <a16:creationId xmlns:a16="http://schemas.microsoft.com/office/drawing/2014/main" id="{706505A8-87EA-4BA0-B698-35156BC765D0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r>
              <a:rPr lang="nb-NO"/>
              <a:t>18. august 2022</a:t>
            </a:r>
            <a:endParaRPr lang="nb-NO" dirty="0"/>
          </a:p>
        </p:txBody>
      </p:sp>
      <p:sp>
        <p:nvSpPr>
          <p:cNvPr id="14" name="Footer Placeholder 8" hidden="1">
            <a:extLst>
              <a:ext uri="{FF2B5EF4-FFF2-40B4-BE49-F238E27FC236}">
                <a16:creationId xmlns:a16="http://schemas.microsoft.com/office/drawing/2014/main" id="{AB150C2C-2030-498B-8262-6BD5BCCBB345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endParaRPr lang="nb-NO" dirty="0"/>
          </a:p>
        </p:txBody>
      </p:sp>
      <p:sp>
        <p:nvSpPr>
          <p:cNvPr id="15" name="Slide Number Placeholder 10" hidden="1">
            <a:extLst>
              <a:ext uri="{FF2B5EF4-FFF2-40B4-BE49-F238E27FC236}">
                <a16:creationId xmlns:a16="http://schemas.microsoft.com/office/drawing/2014/main" id="{E81B246F-92C7-4EF8-ACD0-05F73C7095BE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3AA811B-2EBD-4900-905E-5BE20644961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61173426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16="http://schemas.microsoft.com/office/drawing/2014/main" xmlns="">
      <p:transition spd="slow">
        <p:fade/>
      </p:transition>
    </mc:Fallback>
  </mc:AlternateContent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Agenda B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Footer Placeholder 5" hidden="1">
            <a:extLst>
              <a:ext uri="{FF2B5EF4-FFF2-40B4-BE49-F238E27FC236}">
                <a16:creationId xmlns:a16="http://schemas.microsoft.com/office/drawing/2014/main" id="{B7C17EF3-DFE3-42DA-919A-3B52AFDD0CA3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>
          <a:xfrm>
            <a:off x="0" y="6856915"/>
            <a:ext cx="0" cy="0"/>
          </a:xfrm>
        </p:spPr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6" name="Date_GeneralDate" hidden="1">
            <a:extLst>
              <a:ext uri="{FF2B5EF4-FFF2-40B4-BE49-F238E27FC236}">
                <a16:creationId xmlns:a16="http://schemas.microsoft.com/office/drawing/2014/main" id="{F1B95CA8-B641-40EB-A587-D85F377F9C17}"/>
              </a:ext>
            </a:extLst>
          </p:cNvPr>
          <p:cNvSpPr txBox="1">
            <a:spLocks/>
          </p:cNvSpPr>
          <p:nvPr userDrawn="1"/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6" name="Background">
            <a:extLst>
              <a:ext uri="{FF2B5EF4-FFF2-40B4-BE49-F238E27FC236}">
                <a16:creationId xmlns:a16="http://schemas.microsoft.com/office/drawing/2014/main" id="{43FCE1A2-9FD7-4202-AC27-91BF74398582}"/>
              </a:ext>
            </a:extLst>
          </p:cNvPr>
          <p:cNvSpPr/>
          <p:nvPr userDrawn="1"/>
        </p:nvSpPr>
        <p:spPr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sp>
        <p:nvSpPr>
          <p:cNvPr id="4" name="Title 3">
            <a:extLst>
              <a:ext uri="{FF2B5EF4-FFF2-40B4-BE49-F238E27FC236}">
                <a16:creationId xmlns:a16="http://schemas.microsoft.com/office/drawing/2014/main" id="{B0BEA9CE-472A-49B1-A381-8238D0D43933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6800" y="1404287"/>
            <a:ext cx="10166400" cy="1065600"/>
          </a:xfrm>
        </p:spPr>
        <p:txBody>
          <a:bodyPr rtlCol="0"/>
          <a:lstStyle>
            <a:lvl1pPr>
              <a:lnSpc>
                <a:spcPct val="83000"/>
              </a:lnSpc>
              <a:defRPr sz="5400">
                <a:solidFill>
                  <a:schemeClr val="tx1"/>
                </a:solidFill>
              </a:defRPr>
            </a:lvl1pPr>
          </a:lstStyle>
          <a:p>
            <a:pPr rtl="0"/>
            <a:r>
              <a:rPr lang="sv-se"/>
              <a:t>Agenda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2436813" y="2469600"/>
            <a:ext cx="8266112" cy="3569250"/>
          </a:xfrm>
        </p:spPr>
        <p:txBody>
          <a:bodyPr rtlCol="0"/>
          <a:lstStyle>
            <a:lvl1pPr marL="0" indent="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Font typeface="Veidekke Favorit Offc" panose="020B0504030202060203" pitchFamily="34" charset="0"/>
              <a:buChar char="​"/>
              <a:defRPr sz="1600">
                <a:solidFill>
                  <a:schemeClr val="tx2"/>
                </a:solidFill>
              </a:defRPr>
            </a:lvl1pPr>
            <a:lvl2pPr marL="216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400">
                <a:solidFill>
                  <a:schemeClr val="tx2"/>
                </a:solidFill>
              </a:defRPr>
            </a:lvl2pPr>
            <a:lvl3pPr marL="432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3pPr>
            <a:lvl4pPr marL="648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4pPr>
            <a:lvl5pPr marL="864000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5pPr>
            <a:lvl6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6pPr>
            <a:lvl7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7pPr>
            <a:lvl8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8pPr>
            <a:lvl9pPr marL="864000">
              <a:lnSpc>
                <a:spcPct val="90000"/>
              </a:lnSpc>
              <a:spcAft>
                <a:spcPts val="1200"/>
              </a:spcAft>
              <a:buClrTx/>
              <a:defRPr sz="1200">
                <a:solidFill>
                  <a:schemeClr val="tx2"/>
                </a:solidFill>
              </a:defRPr>
            </a:lvl9pPr>
          </a:lstStyle>
          <a:p>
            <a:pPr lvl="0" rtl="0"/>
            <a:r>
              <a:rPr lang="sv-se" noProof="0"/>
              <a:t>Klikk for å legge til tekst                                                                                                                          Enter &amp; TAB for å vise neste tekststil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Text Placeholder 10">
            <a:extLst>
              <a:ext uri="{FF2B5EF4-FFF2-40B4-BE49-F238E27FC236}">
                <a16:creationId xmlns:a16="http://schemas.microsoft.com/office/drawing/2014/main" id="{B66DD940-8E10-4341-B574-98F1B94C5D7D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1487489" y="2469600"/>
            <a:ext cx="679449" cy="3569250"/>
          </a:xfrm>
        </p:spPr>
        <p:txBody>
          <a:bodyPr rtlCol="0"/>
          <a:lstStyle>
            <a:lvl1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600" spc="0" baseline="0">
                <a:solidFill>
                  <a:schemeClr val="tx2"/>
                </a:solidFill>
                <a:latin typeface="+mj-lt"/>
              </a:defRPr>
            </a:lvl1pPr>
            <a:lvl2pPr marL="0" indent="0" algn="l">
              <a:lnSpc>
                <a:spcPct val="90000"/>
              </a:lnSpc>
              <a:spcBef>
                <a:spcPts val="0"/>
              </a:spcBef>
              <a:spcAft>
                <a:spcPts val="1200"/>
              </a:spcAft>
              <a:buNone/>
              <a:defRPr sz="1400" spc="0" baseline="0">
                <a:solidFill>
                  <a:schemeClr val="tx2"/>
                </a:solidFill>
              </a:defRPr>
            </a:lvl2pPr>
            <a:lvl3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3pPr>
            <a:lvl4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4pPr>
            <a:lvl5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5pPr>
            <a:lvl6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6pPr>
            <a:lvl7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7pPr>
            <a:lvl8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8pPr>
            <a:lvl9pPr marL="0" indent="0">
              <a:lnSpc>
                <a:spcPct val="90000"/>
              </a:lnSpc>
              <a:spcAft>
                <a:spcPts val="1200"/>
              </a:spcAft>
              <a:buFont typeface="Veidekke Favorit Offc" panose="020B0504030202060203" pitchFamily="34" charset="0"/>
              <a:buChar char="​"/>
              <a:defRPr sz="1200">
                <a:solidFill>
                  <a:schemeClr val="tx2"/>
                </a:solidFill>
              </a:defRPr>
            </a:lvl9pPr>
          </a:lstStyle>
          <a:p>
            <a:pPr lvl="0" rtl="0"/>
            <a:r>
              <a:rPr lang="sv-se"/>
              <a:t>01.</a:t>
            </a:r>
            <a:endParaRPr lang="nb-NO"/>
          </a:p>
          <a:p>
            <a:pPr lvl="1" rtl="0"/>
            <a:r>
              <a:rPr lang="sv-se"/>
              <a:t>2</a:t>
            </a:r>
            <a:endParaRPr lang="nb-NO"/>
          </a:p>
          <a:p>
            <a:pPr lvl="2" rtl="0"/>
            <a:r>
              <a:rPr lang="sv-se"/>
              <a:t>3</a:t>
            </a:r>
            <a:endParaRPr lang="nb-NO"/>
          </a:p>
          <a:p>
            <a:pPr lvl="3" rtl="0"/>
            <a:r>
              <a:rPr lang="sv-se"/>
              <a:t>4</a:t>
            </a:r>
            <a:endParaRPr lang="nb-NO"/>
          </a:p>
          <a:p>
            <a:pPr lvl="4" rtl="0"/>
            <a:r>
              <a:rPr lang="sv-se"/>
              <a:t>5</a:t>
            </a:r>
            <a:endParaRPr lang="nb-NO"/>
          </a:p>
          <a:p>
            <a:pPr lvl="5" rtl="0"/>
            <a:r>
              <a:rPr lang="sv-se"/>
              <a:t>6</a:t>
            </a:r>
            <a:endParaRPr lang="nb-NO"/>
          </a:p>
          <a:p>
            <a:pPr lvl="6" rtl="0"/>
            <a:r>
              <a:rPr lang="sv-se"/>
              <a:t>7</a:t>
            </a:r>
            <a:endParaRPr lang="nb-NO"/>
          </a:p>
          <a:p>
            <a:pPr lvl="7" rtl="0"/>
            <a:r>
              <a:rPr lang="sv-se"/>
              <a:t>8</a:t>
            </a:r>
            <a:endParaRPr lang="nb-NO"/>
          </a:p>
          <a:p>
            <a:pPr lvl="8" rtl="0"/>
            <a:r>
              <a:rPr lang="sv-se"/>
              <a:t>9</a:t>
            </a:r>
            <a:endParaRPr lang="nb-NO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A541C28-306F-4B1A-94BD-B51E80FD159E}"/>
              </a:ext>
            </a:extLst>
          </p:cNvPr>
          <p:cNvSpPr>
            <a:spLocks noGrp="1"/>
          </p:cNvSpPr>
          <p:nvPr>
            <p:ph type="sldNum" sz="quarter" idx="18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25" name="Footer dynamisk" descr="{&quot;templafy&quot;:{&quot;id&quot;:&quot;dba97f9d-a039-4d32-bc1f-7e9a1a006a93&quot;}}" title="Footer">
            <a:extLst>
              <a:ext uri="{FF2B5EF4-FFF2-40B4-BE49-F238E27FC236}">
                <a16:creationId xmlns:a16="http://schemas.microsoft.com/office/drawing/2014/main" id="{B616EE8D-9718-4F4E-9102-D1C9842B7EA1}"/>
              </a:ext>
            </a:extLst>
          </p:cNvPr>
          <p:cNvSpPr/>
          <p:nvPr userDrawn="1"/>
        </p:nvSpPr>
        <p:spPr>
          <a:xfrm>
            <a:off x="794134" y="6306879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>
              <a:solidFill>
                <a:schemeClr val="tx1"/>
              </a:solidFill>
            </a:endParaRPr>
          </a:p>
        </p:txBody>
      </p:sp>
      <p:pic>
        <p:nvPicPr>
          <p:cNvPr id="3" name="Logo">
            <a:extLst>
              <a:ext uri="{FF2B5EF4-FFF2-40B4-BE49-F238E27FC236}">
                <a16:creationId xmlns:a16="http://schemas.microsoft.com/office/drawing/2014/main" id="{22BF7F33-3038-E698-242B-12BA4A0689E5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3283594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A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61B33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8" name="Grafik">
            <a:extLst>
              <a:ext uri="{FF2B5EF4-FFF2-40B4-BE49-F238E27FC236}">
                <a16:creationId xmlns:a16="http://schemas.microsoft.com/office/drawing/2014/main" id="{F9243FF4-D013-A9C9-FCDC-8F74064090EE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287"/>
            <a:ext cx="3114676" cy="3760713"/>
          </a:xfrm>
          <a:prstGeom prst="rect">
            <a:avLst/>
          </a:prstGeom>
        </p:spPr>
      </p:pic>
      <p:pic>
        <p:nvPicPr>
          <p:cNvPr id="10" name="Logo">
            <a:extLst>
              <a:ext uri="{FF2B5EF4-FFF2-40B4-BE49-F238E27FC236}">
                <a16:creationId xmlns:a16="http://schemas.microsoft.com/office/drawing/2014/main" id="{EFE2621A-C92C-3ED1-9EE1-EE18ADE49CBE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tx1"/>
                </a:solidFill>
                <a:latin typeface="+mn-lt"/>
              </a:defRPr>
            </a:lvl1pPr>
          </a:lstStyle>
          <a:p>
            <a:pPr rtl="0"/>
            <a:r>
              <a:rPr lang="sv-se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tx1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sv-se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1639098197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B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chemeClr val="accent2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0" name="Grafik">
            <a:extLst>
              <a:ext uri="{FF2B5EF4-FFF2-40B4-BE49-F238E27FC236}">
                <a16:creationId xmlns:a16="http://schemas.microsoft.com/office/drawing/2014/main" id="{18124A7D-7BC0-93C4-6AB5-48D141AE40BD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-1" y="3097068"/>
            <a:ext cx="3114676" cy="376093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rgbClr val="F61B33"/>
                </a:solidFill>
                <a:latin typeface="+mn-lt"/>
              </a:defRPr>
            </a:lvl1pPr>
          </a:lstStyle>
          <a:p>
            <a:pPr rtl="0"/>
            <a:r>
              <a:rPr lang="sv-se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rgbClr val="F61B33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sv-se"/>
              <a:t>02</a:t>
            </a:r>
            <a:endParaRPr lang="nb-NO"/>
          </a:p>
        </p:txBody>
      </p:sp>
      <p:pic>
        <p:nvPicPr>
          <p:cNvPr id="2" name="Logo">
            <a:extLst>
              <a:ext uri="{FF2B5EF4-FFF2-40B4-BE49-F238E27FC236}">
                <a16:creationId xmlns:a16="http://schemas.microsoft.com/office/drawing/2014/main" id="{F15E4AFD-8A01-F5DC-4F78-BBD29F44E3C4}"/>
              </a:ext>
            </a:extLst>
          </p:cNvPr>
          <p:cNvPicPr>
            <a:picLocks noChangeAspect="1"/>
          </p:cNvPicPr>
          <p:nvPr userDrawn="1"/>
        </p:nvPicPr>
        <p:blipFill>
          <a:blip r:embed="rId3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582666263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apittel (C)"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Footer Placeholder 3" hidden="1">
            <a:extLst>
              <a:ext uri="{FF2B5EF4-FFF2-40B4-BE49-F238E27FC236}">
                <a16:creationId xmlns:a16="http://schemas.microsoft.com/office/drawing/2014/main" id="{22D4646A-1BF2-4744-BFE7-DCE649553889}"/>
              </a:ext>
            </a:extLst>
          </p:cNvPr>
          <p:cNvSpPr>
            <a:spLocks noGrp="1"/>
          </p:cNvSpPr>
          <p:nvPr>
            <p:ph type="ftr" sz="quarter" idx="17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14" name="Date_GeneralDate" hidden="1">
            <a:extLst>
              <a:ext uri="{FF2B5EF4-FFF2-40B4-BE49-F238E27FC236}">
                <a16:creationId xmlns:a16="http://schemas.microsoft.com/office/drawing/2014/main" id="{CB5BCAAB-6B64-4014-9266-FA789153954E}"/>
              </a:ext>
            </a:extLst>
          </p:cNvPr>
          <p:cNvSpPr txBox="1">
            <a:spLocks/>
          </p:cNvSpPr>
          <p:nvPr userDrawn="1"/>
        </p:nvSpPr>
        <p:spPr>
          <a:xfrm>
            <a:off x="0" y="6858000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defPPr>
              <a:defRPr lang="en-US"/>
            </a:defPPr>
            <a:lvl1pPr marL="0" algn="l" defTabSz="914400" rtl="0" eaLnBrk="1" latinLnBrk="0" hangingPunct="1">
              <a:defRPr sz="800" b="1" kern="1200" spc="-30" baseline="0">
                <a:noFill/>
                <a:latin typeface="+mj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19" name="Slide Number Placeholder 7" hidden="1">
            <a:extLst>
              <a:ext uri="{FF2B5EF4-FFF2-40B4-BE49-F238E27FC236}">
                <a16:creationId xmlns:a16="http://schemas.microsoft.com/office/drawing/2014/main" id="{F9A5527B-62C8-C42A-83D3-7DC161296283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>
          <a:xfrm>
            <a:off x="0" y="6858000"/>
            <a:ext cx="0" cy="0"/>
          </a:xfrm>
        </p:spPr>
        <p:txBody>
          <a:bodyPr rtlCol="0"/>
          <a:lstStyle>
            <a:lvl1pPr>
              <a:defRPr sz="100">
                <a:noFill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15" name="Background">
            <a:extLst>
              <a:ext uri="{FF2B5EF4-FFF2-40B4-BE49-F238E27FC236}">
                <a16:creationId xmlns:a16="http://schemas.microsoft.com/office/drawing/2014/main" id="{E3F15EBE-5A71-4B4C-AEDC-27C8E3F3BA03}"/>
              </a:ext>
            </a:extLst>
          </p:cNvPr>
          <p:cNvSpPr/>
          <p:nvPr userDrawn="1"/>
        </p:nvSpPr>
        <p:spPr bwMode="white">
          <a:xfrm>
            <a:off x="0" y="0"/>
            <a:ext cx="12193200" cy="6858000"/>
          </a:xfrm>
          <a:prstGeom prst="rect">
            <a:avLst/>
          </a:prstGeom>
          <a:solidFill>
            <a:srgbClr val="FFDFD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 rtl="0"/>
            <a:endParaRPr lang="nb-NO" sz="100" noProof="0" dirty="0" err="1">
              <a:noFill/>
            </a:endParaRPr>
          </a:p>
        </p:txBody>
      </p:sp>
      <p:pic>
        <p:nvPicPr>
          <p:cNvPr id="11" name="Logo">
            <a:extLst>
              <a:ext uri="{FF2B5EF4-FFF2-40B4-BE49-F238E27FC236}">
                <a16:creationId xmlns:a16="http://schemas.microsoft.com/office/drawing/2014/main" id="{20F0F782-156B-A096-679E-9DF8E8CF63F1}"/>
              </a:ext>
            </a:extLst>
          </p:cNvPr>
          <p:cNvPicPr>
            <a:picLocks noChangeAspect="1"/>
          </p:cNvPicPr>
          <p:nvPr userDrawn="1"/>
        </p:nvPicPr>
        <p:blipFill>
          <a:blip r:embed="rId2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3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pic>
        <p:nvPicPr>
          <p:cNvPr id="10" name="Grafik">
            <a:extLst>
              <a:ext uri="{FF2B5EF4-FFF2-40B4-BE49-F238E27FC236}">
                <a16:creationId xmlns:a16="http://schemas.microsoft.com/office/drawing/2014/main" id="{FB1C0C52-21BD-7099-C503-93C08C1B6A30}"/>
              </a:ext>
            </a:extLst>
          </p:cNvPr>
          <p:cNvPicPr>
            <a:picLocks noChangeAspect="1"/>
          </p:cNvPicPr>
          <p:nvPr userDrawn="1"/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3097069"/>
            <a:ext cx="3114676" cy="3760931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9CC8C595-8C60-4B1C-9A07-C360DED0D599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>
          <a:xfrm>
            <a:off x="1488500" y="2222368"/>
            <a:ext cx="7318000" cy="2355934"/>
          </a:xfrm>
          <a:prstGeom prst="rect">
            <a:avLst/>
          </a:prstGeom>
        </p:spPr>
        <p:txBody>
          <a:bodyPr rtlCol="0" anchor="t" anchorCtr="0">
            <a:noAutofit/>
          </a:bodyPr>
          <a:lstStyle>
            <a:lvl1pPr>
              <a:lnSpc>
                <a:spcPct val="90000"/>
              </a:lnSpc>
              <a:defRPr sz="6000" b="0">
                <a:solidFill>
                  <a:schemeClr val="accent2"/>
                </a:solidFill>
                <a:latin typeface="+mn-lt"/>
              </a:defRPr>
            </a:lvl1pPr>
          </a:lstStyle>
          <a:p>
            <a:pPr rtl="0"/>
            <a:r>
              <a:rPr lang="sv-se"/>
              <a:t>Klikk for å legge til tekst</a:t>
            </a:r>
            <a:endParaRPr lang="nb-NO"/>
          </a:p>
        </p:txBody>
      </p:sp>
      <p:sp>
        <p:nvSpPr>
          <p:cNvPr id="32" name="Text Placeholder 10">
            <a:extLst>
              <a:ext uri="{FF2B5EF4-FFF2-40B4-BE49-F238E27FC236}">
                <a16:creationId xmlns:a16="http://schemas.microsoft.com/office/drawing/2014/main" id="{7102832B-FF45-4688-92E8-9D1C96F99856}"/>
              </a:ext>
            </a:extLst>
          </p:cNvPr>
          <p:cNvSpPr>
            <a:spLocks noGrp="1"/>
          </p:cNvSpPr>
          <p:nvPr>
            <p:ph type="body" sz="quarter" idx="15" hasCustomPrompt="1"/>
          </p:nvPr>
        </p:nvSpPr>
        <p:spPr>
          <a:xfrm>
            <a:off x="2253943" y="1404288"/>
            <a:ext cx="1234730" cy="805605"/>
          </a:xfrm>
        </p:spPr>
        <p:txBody>
          <a:bodyPr wrap="square" rtlCol="0">
            <a:spAutoFit/>
          </a:bodyPr>
          <a:lstStyle>
            <a:lvl1pPr marL="0" indent="0" algn="ctr">
              <a:lnSpc>
                <a:spcPct val="83000"/>
              </a:lnSpc>
              <a:spcBef>
                <a:spcPts val="0"/>
              </a:spcBef>
              <a:buNone/>
              <a:defRPr sz="6000" spc="-150" baseline="0">
                <a:solidFill>
                  <a:schemeClr val="accent2"/>
                </a:solidFill>
                <a:latin typeface="+mj-lt"/>
              </a:defRPr>
            </a:lvl1pPr>
            <a:lvl2pPr marL="0" indent="0" algn="l">
              <a:lnSpc>
                <a:spcPct val="83000"/>
              </a:lnSpc>
              <a:spcBef>
                <a:spcPts val="0"/>
              </a:spcBef>
              <a:buNone/>
              <a:defRPr sz="13800">
                <a:solidFill>
                  <a:schemeClr val="bg1"/>
                </a:solidFill>
              </a:defRPr>
            </a:lvl2pPr>
          </a:lstStyle>
          <a:p>
            <a:pPr lvl="0" rtl="0"/>
            <a:r>
              <a:rPr lang="sv-se"/>
              <a:t>02</a:t>
            </a:r>
            <a:endParaRPr lang="nb-NO"/>
          </a:p>
        </p:txBody>
      </p:sp>
    </p:spTree>
    <p:extLst>
      <p:ext uri="{BB962C8B-B14F-4D97-AF65-F5344CB8AC3E}">
        <p14:creationId xmlns:p14="http://schemas.microsoft.com/office/powerpoint/2010/main" val="2987724415"/>
      </p:ext>
    </p:extLst>
  </p:cSld>
  <p:clrMapOvr>
    <a:overrideClrMapping bg1="lt1" tx1="dk1" bg2="lt2" tx2="dk2" accent1="accent1" accent2="accent2" accent3="accent3" accent4="accent4" accent5="accent5" accent6="accent6" hlink="hlink" folHlink="folHlink"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tel og innhol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Date Placeholder 2" hidden="1">
            <a:extLst>
              <a:ext uri="{FF2B5EF4-FFF2-40B4-BE49-F238E27FC236}">
                <a16:creationId xmlns:a16="http://schemas.microsoft.com/office/drawing/2014/main" id="{138E193A-10C2-4482-B28B-D399F03C510E}"/>
              </a:ext>
            </a:extLst>
          </p:cNvPr>
          <p:cNvSpPr>
            <a:spLocks noGrp="1"/>
          </p:cNvSpPr>
          <p:nvPr>
            <p:ph type="dt" sz="half" idx="15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rtlCol="0"/>
          <a:lstStyle/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9" name="Footer Placeholder 8" hidden="1">
            <a:extLst>
              <a:ext uri="{FF2B5EF4-FFF2-40B4-BE49-F238E27FC236}">
                <a16:creationId xmlns:a16="http://schemas.microsoft.com/office/drawing/2014/main" id="{79154EB9-01B1-4747-98CF-A86F80C0DC2C}"/>
              </a:ext>
            </a:extLst>
          </p:cNvPr>
          <p:cNvSpPr>
            <a:spLocks noGrp="1"/>
          </p:cNvSpPr>
          <p:nvPr>
            <p:ph type="ftr" sz="quarter" idx="16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7679D108-EC24-E1E5-C0C4-FE466CFE0ADB}"/>
              </a:ext>
            </a:extLst>
          </p:cNvPr>
          <p:cNvSpPr>
            <a:spLocks noGrp="1"/>
          </p:cNvSpPr>
          <p:nvPr>
            <p:ph type="title" hasCustomPrompt="1"/>
          </p:nvPr>
        </p:nvSpPr>
        <p:spPr/>
        <p:txBody>
          <a:bodyPr rtlCol="0"/>
          <a:lstStyle/>
          <a:p>
            <a:pPr rtl="0"/>
            <a:r>
              <a:rPr lang="sv-se"/>
              <a:t>Tittel første linje</a:t>
            </a:r>
            <a:endParaRPr lang="nb-NO"/>
          </a:p>
        </p:txBody>
      </p:sp>
      <p:sp>
        <p:nvSpPr>
          <p:cNvPr id="7" name="Subtitle 2"/>
          <p:cNvSpPr>
            <a:spLocks noGrp="1"/>
          </p:cNvSpPr>
          <p:nvPr>
            <p:ph type="subTitle" idx="13" hasCustomPrompt="1"/>
          </p:nvPr>
        </p:nvSpPr>
        <p:spPr>
          <a:xfrm>
            <a:off x="540000" y="1119601"/>
            <a:ext cx="11113200" cy="500400"/>
          </a:xfrm>
        </p:spPr>
        <p:txBody>
          <a:bodyPr rtlCol="0"/>
          <a:lstStyle>
            <a:lvl1pPr marL="0" indent="0" algn="l">
              <a:lnSpc>
                <a:spcPct val="94000"/>
              </a:lnSpc>
              <a:spcBef>
                <a:spcPts val="0"/>
              </a:spcBef>
              <a:buFont typeface="Veidekke Favorit Offc" panose="020B0504030202060203" pitchFamily="34" charset="0"/>
              <a:buNone/>
              <a:defRPr sz="2800">
                <a:solidFill>
                  <a:schemeClr val="accent2"/>
                </a:solidFill>
              </a:defRPr>
            </a:lvl1pPr>
            <a:lvl2pPr marL="800100" indent="-342900" algn="l">
              <a:buFont typeface="Veidekke Favorit Offc" panose="020B0504030202060203" pitchFamily="34" charset="0"/>
              <a:buChar char="•"/>
              <a:defRPr sz="2000"/>
            </a:lvl2pPr>
            <a:lvl3pPr marL="1200150" indent="-285750" algn="l">
              <a:buFont typeface="Veidekke Favorit Offc" panose="020B0504030202060203" pitchFamily="34" charset="0"/>
              <a:buChar char="•"/>
              <a:defRPr sz="2000"/>
            </a:lvl3pPr>
            <a:lvl4pPr marL="1657350" indent="-285750" algn="l">
              <a:buFont typeface="Veidekke Favorit Offc" panose="020B0504030202060203" pitchFamily="34" charset="0"/>
              <a:buChar char="•"/>
              <a:defRPr sz="2000"/>
            </a:lvl4pPr>
            <a:lvl5pPr marL="2114550" indent="-285750" algn="l">
              <a:buFont typeface="Veidekke Favorit Offc" panose="020B0504030202060203" pitchFamily="34" charset="0"/>
              <a:buChar char="•"/>
              <a:defRPr sz="2000"/>
            </a:lvl5pPr>
            <a:lvl6pPr marL="2571750" indent="-285750" algn="l">
              <a:buFont typeface="Veidekke Favorit Offc" panose="020B0504030202060203" pitchFamily="34" charset="0"/>
              <a:buChar char="•"/>
              <a:defRPr sz="2000"/>
            </a:lvl6pPr>
            <a:lvl7pPr marL="3028950" indent="-285750" algn="l">
              <a:buFont typeface="Veidekke Favorit Offc" panose="020B0504030202060203" pitchFamily="34" charset="0"/>
              <a:buChar char="•"/>
              <a:defRPr sz="2000"/>
            </a:lvl7pPr>
            <a:lvl8pPr marL="3486150" indent="-285750" algn="l">
              <a:buFont typeface="Veidekke Favorit Offc" panose="020B0504030202060203" pitchFamily="34" charset="0"/>
              <a:buChar char="•"/>
              <a:defRPr sz="2000"/>
            </a:lvl8pPr>
            <a:lvl9pPr marL="3943350" indent="-285750" algn="l">
              <a:buFont typeface="Veidekke Favorit Offc" panose="020B0504030202060203" pitchFamily="34" charset="0"/>
              <a:buChar char="•"/>
              <a:defRPr sz="2000"/>
            </a:lvl9pPr>
          </a:lstStyle>
          <a:p>
            <a:pPr rtl="0"/>
            <a:r>
              <a:rPr lang="sv-se"/>
              <a:t>Undertittel andre linje</a:t>
            </a:r>
            <a:endParaRPr lang="nb-NO"/>
          </a:p>
        </p:txBody>
      </p:sp>
      <p:sp>
        <p:nvSpPr>
          <p:cNvPr id="10" name="Content Placeholder 9">
            <a:extLst>
              <a:ext uri="{FF2B5EF4-FFF2-40B4-BE49-F238E27FC236}">
                <a16:creationId xmlns:a16="http://schemas.microsoft.com/office/drawing/2014/main" id="{42617C79-2DF4-44DC-8C72-135C6495AFB7}"/>
              </a:ext>
            </a:extLst>
          </p:cNvPr>
          <p:cNvSpPr>
            <a:spLocks noGrp="1"/>
          </p:cNvSpPr>
          <p:nvPr>
            <p:ph sz="quarter" idx="14" hasCustomPrompt="1"/>
          </p:nvPr>
        </p:nvSpPr>
        <p:spPr>
          <a:xfrm>
            <a:off x="540000" y="1933200"/>
            <a:ext cx="11113200" cy="4107600"/>
          </a:xfrm>
        </p:spPr>
        <p:txBody>
          <a:bodyPr rtlCol="0"/>
          <a:lstStyle>
            <a:lvl1pPr>
              <a:defRPr/>
            </a:lvl1pPr>
          </a:lstStyle>
          <a:p>
            <a:pPr lvl="0" rtl="0"/>
            <a:r>
              <a:rPr lang="sv-se" noProof="0"/>
              <a:t>Klikk for å legge til tekst                                                                                                                                                        Enter &amp; TAB for å vise neste tekststil                                                                                                                       SHIFT+TAB for å vise forrige tekststil</a:t>
            </a:r>
            <a:endParaRPr lang="nb-NO"/>
          </a:p>
          <a:p>
            <a:pPr lvl="1" rtl="0"/>
            <a:r>
              <a:rPr lang="sv-se" noProof="0"/>
              <a:t>Second level</a:t>
            </a:r>
            <a:endParaRPr lang="nb-NO"/>
          </a:p>
          <a:p>
            <a:pPr lvl="2" rtl="0"/>
            <a:r>
              <a:rPr lang="sv-se" noProof="0"/>
              <a:t>Third level</a:t>
            </a:r>
            <a:endParaRPr lang="nb-NO"/>
          </a:p>
          <a:p>
            <a:pPr lvl="3" rtl="0"/>
            <a:r>
              <a:rPr lang="sv-se" noProof="0"/>
              <a:t>Fourth level</a:t>
            </a:r>
            <a:endParaRPr lang="nb-NO"/>
          </a:p>
          <a:p>
            <a:pPr lvl="4" rtl="0"/>
            <a:r>
              <a:rPr lang="sv-se" noProof="0"/>
              <a:t>Fifth level</a:t>
            </a:r>
            <a:endParaRPr lang="nb-NO"/>
          </a:p>
          <a:p>
            <a:pPr lvl="5" rtl="0"/>
            <a:r>
              <a:rPr lang="sv-se" noProof="0"/>
              <a:t>6</a:t>
            </a:r>
            <a:endParaRPr lang="nb-NO"/>
          </a:p>
          <a:p>
            <a:pPr lvl="6" rtl="0"/>
            <a:r>
              <a:rPr lang="sv-se" noProof="0"/>
              <a:t>7</a:t>
            </a:r>
            <a:endParaRPr lang="nb-NO"/>
          </a:p>
          <a:p>
            <a:pPr lvl="7" rtl="0"/>
            <a:r>
              <a:rPr lang="sv-se" noProof="0"/>
              <a:t>8</a:t>
            </a:r>
            <a:endParaRPr lang="nb-NO"/>
          </a:p>
          <a:p>
            <a:pPr lvl="8" rtl="0"/>
            <a:r>
              <a:rPr lang="sv-se" noProof="0"/>
              <a:t>9</a:t>
            </a:r>
            <a:endParaRPr lang="nb-NO"/>
          </a:p>
        </p:txBody>
      </p:sp>
      <p:sp>
        <p:nvSpPr>
          <p:cNvPr id="11" name="Slide Number Placeholder 10">
            <a:extLst>
              <a:ext uri="{FF2B5EF4-FFF2-40B4-BE49-F238E27FC236}">
                <a16:creationId xmlns:a16="http://schemas.microsoft.com/office/drawing/2014/main" id="{3DFFD7DE-B4B4-4962-B7F3-6CC72D3E2CEC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3690874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26" Type="http://schemas.openxmlformats.org/officeDocument/2006/relationships/slideLayout" Target="../slideLayouts/slideLayout26.xml"/><Relationship Id="rId39" Type="http://schemas.openxmlformats.org/officeDocument/2006/relationships/slideLayout" Target="../slideLayouts/slideLayout39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34" Type="http://schemas.openxmlformats.org/officeDocument/2006/relationships/slideLayout" Target="../slideLayouts/slideLayout34.xml"/><Relationship Id="rId42" Type="http://schemas.openxmlformats.org/officeDocument/2006/relationships/slideLayout" Target="../slideLayouts/slideLayout42.xml"/><Relationship Id="rId47" Type="http://schemas.openxmlformats.org/officeDocument/2006/relationships/image" Target="../media/image1.png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5" Type="http://schemas.openxmlformats.org/officeDocument/2006/relationships/slideLayout" Target="../slideLayouts/slideLayout25.xml"/><Relationship Id="rId33" Type="http://schemas.openxmlformats.org/officeDocument/2006/relationships/slideLayout" Target="../slideLayouts/slideLayout33.xml"/><Relationship Id="rId38" Type="http://schemas.openxmlformats.org/officeDocument/2006/relationships/slideLayout" Target="../slideLayouts/slideLayout38.xml"/><Relationship Id="rId46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29" Type="http://schemas.openxmlformats.org/officeDocument/2006/relationships/slideLayout" Target="../slideLayouts/slideLayout29.xml"/><Relationship Id="rId41" Type="http://schemas.openxmlformats.org/officeDocument/2006/relationships/slideLayout" Target="../slideLayouts/slideLayout41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slideLayout" Target="../slideLayouts/slideLayout24.xml"/><Relationship Id="rId32" Type="http://schemas.openxmlformats.org/officeDocument/2006/relationships/slideLayout" Target="../slideLayouts/slideLayout32.xml"/><Relationship Id="rId37" Type="http://schemas.openxmlformats.org/officeDocument/2006/relationships/slideLayout" Target="../slideLayouts/slideLayout37.xml"/><Relationship Id="rId40" Type="http://schemas.openxmlformats.org/officeDocument/2006/relationships/slideLayout" Target="../slideLayouts/slideLayout40.xml"/><Relationship Id="rId45" Type="http://schemas.openxmlformats.org/officeDocument/2006/relationships/slideLayout" Target="../slideLayouts/slideLayout45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slideLayout" Target="../slideLayouts/slideLayout23.xml"/><Relationship Id="rId28" Type="http://schemas.openxmlformats.org/officeDocument/2006/relationships/slideLayout" Target="../slideLayouts/slideLayout28.xml"/><Relationship Id="rId36" Type="http://schemas.openxmlformats.org/officeDocument/2006/relationships/slideLayout" Target="../slideLayouts/slideLayout36.xml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31" Type="http://schemas.openxmlformats.org/officeDocument/2006/relationships/slideLayout" Target="../slideLayouts/slideLayout31.xml"/><Relationship Id="rId44" Type="http://schemas.openxmlformats.org/officeDocument/2006/relationships/slideLayout" Target="../slideLayouts/slideLayout44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slideLayout" Target="../slideLayouts/slideLayout22.xml"/><Relationship Id="rId27" Type="http://schemas.openxmlformats.org/officeDocument/2006/relationships/slideLayout" Target="../slideLayouts/slideLayout27.xml"/><Relationship Id="rId30" Type="http://schemas.openxmlformats.org/officeDocument/2006/relationships/slideLayout" Target="../slideLayouts/slideLayout30.xml"/><Relationship Id="rId35" Type="http://schemas.openxmlformats.org/officeDocument/2006/relationships/slideLayout" Target="../slideLayouts/slideLayout35.xml"/><Relationship Id="rId43" Type="http://schemas.openxmlformats.org/officeDocument/2006/relationships/slideLayout" Target="../slideLayouts/slideLayout43.xml"/><Relationship Id="rId48" Type="http://schemas.openxmlformats.org/officeDocument/2006/relationships/image" Target="../media/image2.sv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_GeneralDate" hidden="1"/>
          <p:cNvSpPr>
            <a:spLocks noGrp="1"/>
          </p:cNvSpPr>
          <p:nvPr>
            <p:ph type="dt" sz="half" idx="2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pPr rtl="0"/>
            <a:r>
              <a:rPr lang="nb-NO"/>
              <a:t>2022.08.18</a:t>
            </a:r>
            <a:endParaRPr lang="nb-NO" dirty="0"/>
          </a:p>
        </p:txBody>
      </p:sp>
      <p:sp>
        <p:nvSpPr>
          <p:cNvPr id="5" name="FLD_PresentationTitle" hidden="1"/>
          <p:cNvSpPr>
            <a:spLocks noGrp="1"/>
          </p:cNvSpPr>
          <p:nvPr>
            <p:ph type="ftr" sz="quarter" idx="3"/>
          </p:nvPr>
        </p:nvSpPr>
        <p:spPr>
          <a:xfrm>
            <a:off x="0" y="6856915"/>
            <a:ext cx="0" cy="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-30" baseline="0">
                <a:noFill/>
                <a:latin typeface="+mj-lt"/>
              </a:defRPr>
            </a:lvl1pPr>
          </a:lstStyle>
          <a:p>
            <a:pPr rtl="0"/>
            <a:endParaRPr lang="nb-NO" dirty="0"/>
          </a:p>
        </p:txBody>
      </p:sp>
      <p:pic>
        <p:nvPicPr>
          <p:cNvPr id="10" name="Logo">
            <a:extLst>
              <a:ext uri="{FF2B5EF4-FFF2-40B4-BE49-F238E27FC236}">
                <a16:creationId xmlns:a16="http://schemas.microsoft.com/office/drawing/2014/main" id="{D105DC15-AFD4-0973-8A93-F7A5B07C9AB1}"/>
              </a:ext>
            </a:extLst>
          </p:cNvPr>
          <p:cNvPicPr>
            <a:picLocks noChangeAspect="1"/>
          </p:cNvPicPr>
          <p:nvPr userDrawn="1"/>
        </p:nvPicPr>
        <p:blipFill>
          <a:blip r:embed="rId47" cstate="screen">
            <a:extLst>
              <a:ext uri="{28A0092B-C50C-407E-A947-70E740481C1C}">
                <a14:useLocalDpi xmlns:a14="http://schemas.microsoft.com/office/drawing/2010/main"/>
              </a:ext>
              <a:ext uri="{96DAC541-7B7A-43D3-8B79-37D633B846F1}">
                <asvg:svgBlip xmlns:asvg="http://schemas.microsoft.com/office/drawing/2016/SVG/main" r:embed="rId48"/>
              </a:ext>
            </a:extLst>
          </a:blip>
          <a:srcRect/>
          <a:stretch/>
        </p:blipFill>
        <p:spPr>
          <a:xfrm>
            <a:off x="11173460" y="6383903"/>
            <a:ext cx="473474" cy="73110"/>
          </a:xfrm>
          <a:prstGeom prst="rect">
            <a:avLst/>
          </a:prstGeom>
        </p:spPr>
      </p:pic>
      <p:sp>
        <p:nvSpPr>
          <p:cNvPr id="8" name="Title Placeholder 7">
            <a:extLst>
              <a:ext uri="{FF2B5EF4-FFF2-40B4-BE49-F238E27FC236}">
                <a16:creationId xmlns:a16="http://schemas.microsoft.com/office/drawing/2014/main" id="{929BDF0D-EABA-4F66-B534-62E4BDC6070F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39999" y="554400"/>
            <a:ext cx="11113200" cy="1065600"/>
          </a:xfrm>
          <a:prstGeom prst="rect">
            <a:avLst/>
          </a:prstGeom>
        </p:spPr>
        <p:txBody>
          <a:bodyPr vert="horz" lIns="0" tIns="0" rIns="0" bIns="0" rtlCol="0" anchor="t" anchorCtr="0">
            <a:noAutofit/>
          </a:bodyPr>
          <a:lstStyle/>
          <a:p>
            <a:pPr rtl="0"/>
            <a:r>
              <a:rPr lang="sv-se"/>
              <a:t>Click to edit Master title style</a:t>
            </a:r>
            <a:endParaRPr lang="nb-N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539999" y="1933200"/>
            <a:ext cx="11113200" cy="4107600"/>
          </a:xfrm>
          <a:prstGeom prst="rect">
            <a:avLst/>
          </a:prstGeom>
        </p:spPr>
        <p:txBody>
          <a:bodyPr vert="horz" lIns="0" tIns="0" rIns="0" bIns="0" rtlCol="0">
            <a:noAutofit/>
          </a:bodyPr>
          <a:lstStyle/>
          <a:p>
            <a:pPr lvl="0" rtl="0"/>
            <a:r>
              <a:rPr lang="sv-se" noProof="0"/>
              <a:t>Click to add text                                                                                                                                                                    Enter &amp; TAB to view next text style                                                                                                              SHIFT+TAB to view previous text style</a:t>
            </a:r>
            <a:endParaRPr lang="nb-NO" dirty="0"/>
          </a:p>
          <a:p>
            <a:pPr lvl="1" rtl="0"/>
            <a:r>
              <a:rPr lang="sv-se" noProof="0"/>
              <a:t>Second level</a:t>
            </a:r>
            <a:endParaRPr lang="nb-NO" dirty="0"/>
          </a:p>
          <a:p>
            <a:pPr lvl="2" rtl="0"/>
            <a:r>
              <a:rPr lang="sv-se" noProof="0"/>
              <a:t>Third level</a:t>
            </a:r>
            <a:endParaRPr lang="nb-NO" dirty="0"/>
          </a:p>
          <a:p>
            <a:pPr lvl="3" rtl="0"/>
            <a:r>
              <a:rPr lang="sv-se" noProof="0"/>
              <a:t>Fourth level</a:t>
            </a:r>
            <a:endParaRPr lang="nb-NO" dirty="0"/>
          </a:p>
          <a:p>
            <a:pPr lvl="4" rtl="0"/>
            <a:r>
              <a:rPr lang="sv-se" noProof="0"/>
              <a:t>Fifth level</a:t>
            </a:r>
            <a:endParaRPr lang="nb-NO" dirty="0"/>
          </a:p>
          <a:p>
            <a:pPr lvl="5" rtl="0"/>
            <a:r>
              <a:rPr lang="sv-se" noProof="0"/>
              <a:t>6 level</a:t>
            </a:r>
            <a:endParaRPr lang="nb-NO" dirty="0"/>
          </a:p>
          <a:p>
            <a:pPr lvl="6" rtl="0"/>
            <a:r>
              <a:rPr lang="sv-se" noProof="0"/>
              <a:t>7 level</a:t>
            </a:r>
            <a:endParaRPr lang="nb-NO" dirty="0"/>
          </a:p>
          <a:p>
            <a:pPr lvl="7" rtl="0"/>
            <a:r>
              <a:rPr lang="sv-se" noProof="0"/>
              <a:t>8 level</a:t>
            </a:r>
            <a:endParaRPr lang="nb-NO" dirty="0"/>
          </a:p>
          <a:p>
            <a:pPr lvl="8" rtl="0"/>
            <a:r>
              <a:rPr lang="sv-se" noProof="0"/>
              <a:t>9 level</a:t>
            </a:r>
            <a:endParaRPr lang="nb-NO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540000" y="6307200"/>
            <a:ext cx="252000" cy="180000"/>
          </a:xfrm>
          <a:prstGeom prst="rect">
            <a:avLst/>
          </a:prstGeom>
        </p:spPr>
        <p:txBody>
          <a:bodyPr vert="horz" lIns="0" tIns="0" rIns="0" bIns="0" rtlCol="0" anchor="b" anchorCtr="0"/>
          <a:lstStyle>
            <a:lvl1pPr algn="l">
              <a:defRPr sz="800" b="1" spc="0" baseline="0">
                <a:solidFill>
                  <a:schemeClr val="tx2"/>
                </a:solidFill>
                <a:latin typeface="+mj-lt"/>
              </a:defRPr>
            </a:lvl1pPr>
          </a:lstStyle>
          <a:p>
            <a:pPr rtl="0"/>
            <a:fld id="{24C8C45C-947F-4981-8B3F-4F32E973C901}" type="slidenum">
              <a:rPr lang="nb-NO" smtClean="0"/>
              <a:pPr/>
              <a:t>‹#›</a:t>
            </a:fld>
            <a:endParaRPr lang="nb-NO" dirty="0"/>
          </a:p>
        </p:txBody>
      </p:sp>
      <p:sp>
        <p:nvSpPr>
          <p:cNvPr id="7" name="Footer dynamisk" descr="{&quot;templafy&quot;:{&quot;id&quot;:&quot;be896c7b-478c-4ee6-aaf1-e96ad096556e&quot;}}" title="Footer">
            <a:extLst>
              <a:ext uri="{FF2B5EF4-FFF2-40B4-BE49-F238E27FC236}">
                <a16:creationId xmlns:a16="http://schemas.microsoft.com/office/drawing/2014/main" id="{71B1904D-7DDB-4409-BC8D-BA70CAF190AF}"/>
              </a:ext>
            </a:extLst>
          </p:cNvPr>
          <p:cNvSpPr/>
          <p:nvPr userDrawn="1"/>
        </p:nvSpPr>
        <p:spPr>
          <a:xfrm>
            <a:off x="795600" y="6307200"/>
            <a:ext cx="3988306" cy="180000"/>
          </a:xfrm>
          <a:prstGeom prst="rect">
            <a:avLst/>
          </a:prstGeom>
          <a:noFill/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0" tIns="0" rIns="0" bIns="0" rtlCol="0" anchor="b" anchorCtr="0"/>
          <a:lstStyle/>
          <a:p>
            <a:pPr algn="l" rtl="0"/>
            <a:endParaRPr lang="nb-NO" sz="800" b="1" noProof="0" dirty="0" err="1">
              <a:solidFill>
                <a:schemeClr val="tx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80999990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878" r:id="rId1"/>
    <p:sldLayoutId id="2147483814" r:id="rId2"/>
    <p:sldLayoutId id="2147483877" r:id="rId3"/>
    <p:sldLayoutId id="2147483740" r:id="rId4"/>
    <p:sldLayoutId id="2147483879" r:id="rId5"/>
    <p:sldLayoutId id="2147483777" r:id="rId6"/>
    <p:sldLayoutId id="2147483865" r:id="rId7"/>
    <p:sldLayoutId id="2147483866" r:id="rId8"/>
    <p:sldLayoutId id="2147483692" r:id="rId9"/>
    <p:sldLayoutId id="2147483782" r:id="rId10"/>
    <p:sldLayoutId id="2147483787" r:id="rId11"/>
    <p:sldLayoutId id="2147483829" r:id="rId12"/>
    <p:sldLayoutId id="2147483859" r:id="rId13"/>
    <p:sldLayoutId id="2147483861" r:id="rId14"/>
    <p:sldLayoutId id="2147483826" r:id="rId15"/>
    <p:sldLayoutId id="2147483828" r:id="rId16"/>
    <p:sldLayoutId id="2147483831" r:id="rId17"/>
    <p:sldLayoutId id="2147483833" r:id="rId18"/>
    <p:sldLayoutId id="2147483851" r:id="rId19"/>
    <p:sldLayoutId id="2147483752" r:id="rId20"/>
    <p:sldLayoutId id="2147483786" r:id="rId21"/>
    <p:sldLayoutId id="2147483794" r:id="rId22"/>
    <p:sldLayoutId id="2147483796" r:id="rId23"/>
    <p:sldLayoutId id="2147483836" r:id="rId24"/>
    <p:sldLayoutId id="2147483843" r:id="rId25"/>
    <p:sldLayoutId id="2147483840" r:id="rId26"/>
    <p:sldLayoutId id="2147483841" r:id="rId27"/>
    <p:sldLayoutId id="2147483855" r:id="rId28"/>
    <p:sldLayoutId id="2147483842" r:id="rId29"/>
    <p:sldLayoutId id="2147483839" r:id="rId30"/>
    <p:sldLayoutId id="2147483837" r:id="rId31"/>
    <p:sldLayoutId id="2147483844" r:id="rId32"/>
    <p:sldLayoutId id="2147483847" r:id="rId33"/>
    <p:sldLayoutId id="2147483848" r:id="rId34"/>
    <p:sldLayoutId id="2147483857" r:id="rId35"/>
    <p:sldLayoutId id="2147483853" r:id="rId36"/>
    <p:sldLayoutId id="2147483819" r:id="rId37"/>
    <p:sldLayoutId id="2147483820" r:id="rId38"/>
    <p:sldLayoutId id="2147483854" r:id="rId39"/>
    <p:sldLayoutId id="2147483868" r:id="rId40"/>
    <p:sldLayoutId id="2147483867" r:id="rId41"/>
    <p:sldLayoutId id="2147483815" r:id="rId42"/>
    <p:sldLayoutId id="2147483797" r:id="rId43"/>
    <p:sldLayoutId id="2147483850" r:id="rId44"/>
    <p:sldLayoutId id="2147483869" r:id="rId45"/>
  </p:sldLayoutIdLst>
  <mc:AlternateContent xmlns:mc="http://schemas.openxmlformats.org/markup-compatibility/2006" xmlns:p159="http://schemas.microsoft.com/office/powerpoint/2015/09/main">
    <mc:Choice Requires="p159">
      <p:transition spd="slow">
        <p159:morph option="byObject"/>
      </p:transition>
    </mc:Choice>
    <mc:Fallback xmlns:p15="http://schemas.microsoft.com/office/powerpoint/2012/main" xmlns:p14="http://schemas.microsoft.com/office/powerpoint/2010/main" xmlns:asvg="http://schemas.microsoft.com/office/drawing/2016/SVG/main" xmlns:a16="http://schemas.microsoft.com/office/drawing/2014/main" xmlns:a14="http://schemas.microsoft.com/office/drawing/2010/main" xmlns="">
      <p:transition spd="slow">
        <p:fade/>
      </p:transition>
    </mc:Fallback>
  </mc:AlternateContent>
  <p:hf hdr="0" ftr="0" dt="0"/>
  <p:txStyles>
    <p:titleStyle>
      <a:lvl1pPr algn="l" defTabSz="914400" rtl="0" eaLnBrk="1" latinLnBrk="0" hangingPunct="1">
        <a:lnSpc>
          <a:spcPct val="94000"/>
        </a:lnSpc>
        <a:spcBef>
          <a:spcPct val="0"/>
        </a:spcBef>
        <a:buNone/>
        <a:defRPr sz="3600" b="1" kern="1200" spc="0" baseline="0">
          <a:solidFill>
            <a:schemeClr val="accent2"/>
          </a:solidFill>
          <a:latin typeface="+mj-lt"/>
          <a:ea typeface="+mj-ea"/>
          <a:cs typeface="+mj-cs"/>
        </a:defRPr>
      </a:lvl1pPr>
    </p:titleStyle>
    <p:bodyStyle>
      <a:lvl1pPr marL="216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600" kern="1200">
          <a:solidFill>
            <a:schemeClr val="tx1"/>
          </a:solidFill>
          <a:latin typeface="+mn-lt"/>
          <a:ea typeface="+mn-ea"/>
          <a:cs typeface="+mn-cs"/>
        </a:defRPr>
      </a:lvl2pPr>
      <a:lvl3pPr marL="648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3pPr>
      <a:lvl4pPr marL="864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4pPr>
      <a:lvl5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kern="1200">
          <a:solidFill>
            <a:schemeClr val="tx1"/>
          </a:solidFill>
          <a:latin typeface="+mn-lt"/>
          <a:ea typeface="+mn-ea"/>
          <a:cs typeface="+mn-cs"/>
        </a:defRPr>
      </a:lvl5pPr>
      <a:lvl6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6pPr>
      <a:lvl7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7pPr>
      <a:lvl8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8pPr>
      <a:lvl9pPr marL="1080000" indent="-216000" algn="l" defTabSz="914400" rtl="0" eaLnBrk="1" latinLnBrk="0" hangingPunct="1">
        <a:lnSpc>
          <a:spcPct val="100000"/>
        </a:lnSpc>
        <a:spcBef>
          <a:spcPts val="0"/>
        </a:spcBef>
        <a:spcAft>
          <a:spcPts val="600"/>
        </a:spcAft>
        <a:buClrTx/>
        <a:buFont typeface="Veidekke Favorit Offc" panose="020B0504030202060203" pitchFamily="34" charset="0"/>
        <a:buChar char="•"/>
        <a:defRPr sz="1400" b="0" kern="1200" cap="none" spc="0" baseline="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>
    <p:ext uri="{27BBF7A9-308A-43DC-89C8-2F10F3537804}">
      <p15:sldGuideLst xmlns:p15="http://schemas.microsoft.com/office/powerpoint/2012/main">
        <p15:guide id="2" pos="7339" userDrawn="1">
          <p15:clr>
            <a:srgbClr val="F26B43"/>
          </p15:clr>
        </p15:guide>
        <p15:guide id="4" orient="horz" pos="3804" userDrawn="1">
          <p15:clr>
            <a:srgbClr val="F26B43"/>
          </p15:clr>
        </p15:guide>
        <p15:guide id="5" pos="767" userDrawn="1">
          <p15:clr>
            <a:srgbClr val="A4A3A4"/>
          </p15:clr>
        </p15:guide>
        <p15:guide id="6" pos="937" userDrawn="1">
          <p15:clr>
            <a:srgbClr val="A4A3A4"/>
          </p15:clr>
        </p15:guide>
        <p15:guide id="7" pos="1365" userDrawn="1">
          <p15:clr>
            <a:srgbClr val="A4A3A4"/>
          </p15:clr>
        </p15:guide>
        <p15:guide id="8" pos="1535" userDrawn="1">
          <p15:clr>
            <a:srgbClr val="A4A3A4"/>
          </p15:clr>
        </p15:guide>
        <p15:guide id="9" pos="1962" userDrawn="1">
          <p15:clr>
            <a:srgbClr val="A4A3A4"/>
          </p15:clr>
        </p15:guide>
        <p15:guide id="10" pos="2132" userDrawn="1">
          <p15:clr>
            <a:srgbClr val="A4A3A4"/>
          </p15:clr>
        </p15:guide>
        <p15:guide id="11" pos="2560" userDrawn="1">
          <p15:clr>
            <a:srgbClr val="A4A3A4"/>
          </p15:clr>
        </p15:guide>
        <p15:guide id="12" pos="2730" userDrawn="1">
          <p15:clr>
            <a:srgbClr val="A4A3A4"/>
          </p15:clr>
        </p15:guide>
        <p15:guide id="13" pos="3157" userDrawn="1">
          <p15:clr>
            <a:srgbClr val="A4A3A4"/>
          </p15:clr>
        </p15:guide>
        <p15:guide id="14" pos="3327" userDrawn="1">
          <p15:clr>
            <a:srgbClr val="A4A3A4"/>
          </p15:clr>
        </p15:guide>
        <p15:guide id="15" pos="3754" userDrawn="1">
          <p15:clr>
            <a:srgbClr val="A4A3A4"/>
          </p15:clr>
        </p15:guide>
        <p15:guide id="16" pos="3925" userDrawn="1">
          <p15:clr>
            <a:srgbClr val="A4A3A4"/>
          </p15:clr>
        </p15:guide>
        <p15:guide id="17" pos="4352" userDrawn="1">
          <p15:clr>
            <a:srgbClr val="A4A3A4"/>
          </p15:clr>
        </p15:guide>
        <p15:guide id="18" pos="4522" userDrawn="1">
          <p15:clr>
            <a:srgbClr val="A4A3A4"/>
          </p15:clr>
        </p15:guide>
        <p15:guide id="19" pos="4949" userDrawn="1">
          <p15:clr>
            <a:srgbClr val="A4A3A4"/>
          </p15:clr>
        </p15:guide>
        <p15:guide id="20" pos="5120" userDrawn="1">
          <p15:clr>
            <a:srgbClr val="A4A3A4"/>
          </p15:clr>
        </p15:guide>
        <p15:guide id="21" pos="5547" userDrawn="1">
          <p15:clr>
            <a:srgbClr val="A4A3A4"/>
          </p15:clr>
        </p15:guide>
        <p15:guide id="22" pos="5717" userDrawn="1">
          <p15:clr>
            <a:srgbClr val="A4A3A4"/>
          </p15:clr>
        </p15:guide>
        <p15:guide id="23" pos="6144" userDrawn="1">
          <p15:clr>
            <a:srgbClr val="A4A3A4"/>
          </p15:clr>
        </p15:guide>
        <p15:guide id="24" pos="6314" userDrawn="1">
          <p15:clr>
            <a:srgbClr val="A4A3A4"/>
          </p15:clr>
        </p15:guide>
        <p15:guide id="25" pos="6742" userDrawn="1">
          <p15:clr>
            <a:srgbClr val="A4A3A4"/>
          </p15:clr>
        </p15:guide>
        <p15:guide id="26" pos="6912" userDrawn="1">
          <p15:clr>
            <a:srgbClr val="A4A3A4"/>
          </p15:clr>
        </p15:guide>
        <p15:guide id="27" orient="horz" pos="1216" userDrawn="1">
          <p15:clr>
            <a:srgbClr val="F26B43"/>
          </p15:clr>
        </p15:guide>
        <p15:guide id="28" pos="340" userDrawn="1">
          <p15:clr>
            <a:srgbClr val="F26B43"/>
          </p15:clr>
        </p15:guide>
        <p15:guide id="29" orient="horz" pos="349" userDrawn="1">
          <p15:clr>
            <a:srgbClr val="F26B43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tags" Target="../tags/tag1.xml"/><Relationship Id="rId2" Type="http://schemas.openxmlformats.org/officeDocument/2006/relationships/customXml" Target="../../customXml/item12.xml"/><Relationship Id="rId1" Type="http://schemas.openxmlformats.org/officeDocument/2006/relationships/customXml" Target="../../customXml/item11.xml"/><Relationship Id="rId5" Type="http://schemas.openxmlformats.org/officeDocument/2006/relationships/image" Target="../media/image23.jpeg"/><Relationship Id="rId4" Type="http://schemas.openxmlformats.org/officeDocument/2006/relationships/slideLayout" Target="../slideLayouts/slideLayout1.xml"/></Relationships>
</file>

<file path=ppt/slides/_rels/slide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33.jpeg"/><Relationship Id="rId1" Type="http://schemas.openxmlformats.org/officeDocument/2006/relationships/slideLayout" Target="../slideLayouts/slideLayout20.xml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tags" Target="../tags/tag7.xml"/><Relationship Id="rId2" Type="http://schemas.openxmlformats.org/officeDocument/2006/relationships/customXml" Target="../../customXml/item14.xml"/><Relationship Id="rId1" Type="http://schemas.openxmlformats.org/officeDocument/2006/relationships/customXml" Target="../../customXml/item13.xml"/><Relationship Id="rId4" Type="http://schemas.openxmlformats.org/officeDocument/2006/relationships/slideLayout" Target="../slideLayouts/slideLayout9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tags" Target="../tags/tag8.xml"/><Relationship Id="rId2" Type="http://schemas.openxmlformats.org/officeDocument/2006/relationships/customXml" Target="../../customXml/item16.xml"/><Relationship Id="rId1" Type="http://schemas.openxmlformats.org/officeDocument/2006/relationships/customXml" Target="../../customXml/item15.xml"/><Relationship Id="rId4" Type="http://schemas.openxmlformats.org/officeDocument/2006/relationships/slideLayout" Target="../slideLayouts/slideLayout43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9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2.xml"/><Relationship Id="rId4" Type="http://schemas.openxmlformats.org/officeDocument/2006/relationships/image" Target="../media/image25.jpeg"/></Relationships>
</file>

<file path=ppt/slides/_rels/slide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jpeg"/><Relationship Id="rId1" Type="http://schemas.openxmlformats.org/officeDocument/2006/relationships/slideLayout" Target="../slideLayouts/slideLayout20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3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slideLayout" Target="../slideLayouts/slideLayout24.xml"/><Relationship Id="rId1" Type="http://schemas.openxmlformats.org/officeDocument/2006/relationships/tags" Target="../tags/tag4.xml"/><Relationship Id="rId4" Type="http://schemas.openxmlformats.org/officeDocument/2006/relationships/image" Target="../media/image29.jpeg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jpeg"/><Relationship Id="rId2" Type="http://schemas.openxmlformats.org/officeDocument/2006/relationships/slideLayout" Target="../slideLayouts/slideLayout20.xml"/><Relationship Id="rId1" Type="http://schemas.openxmlformats.org/officeDocument/2006/relationships/tags" Target="../tags/tag5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jpeg"/><Relationship Id="rId2" Type="http://schemas.openxmlformats.org/officeDocument/2006/relationships/slideLayout" Target="../slideLayouts/slideLayout26.xml"/><Relationship Id="rId1" Type="http://schemas.openxmlformats.org/officeDocument/2006/relationships/tags" Target="../tags/tag6.xml"/><Relationship Id="rId5" Type="http://schemas.openxmlformats.org/officeDocument/2006/relationships/image" Target="../media/image32.jpeg"/><Relationship Id="rId4" Type="http://schemas.openxmlformats.org/officeDocument/2006/relationships/image" Target="../media/image31.jpeg"/></Relationships>
</file>

<file path=ppt/slides/_rels/slide9.xml.rels><?xml version="1.0" encoding="UTF-8" standalone="yes"?>
<Relationships xmlns="http://schemas.openxmlformats.org/package/2006/relationships"><Relationship Id="rId2" Type="http://schemas.openxmlformats.org/officeDocument/2006/relationships/hyperlink" Target="https://youtu.be/GVhugMwXhpY" TargetMode="External"/><Relationship Id="rId1" Type="http://schemas.openxmlformats.org/officeDocument/2006/relationships/slideLayout" Target="../slideLayouts/slideLayout7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4F396BA-97D6-4FB1-9B6A-5CED34270049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</a:t>
            </a:fld>
            <a:endParaRPr lang="nb-NO" dirty="0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BE4D79CC-C185-C5C2-4798-5476A7E9A75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Kan du vara dig själv på jobbet?</a:t>
            </a:r>
          </a:p>
        </p:txBody>
      </p:sp>
      <p:sp>
        <p:nvSpPr>
          <p:cNvPr id="6" name="Text Placeholder 5">
            <a:extLst>
              <a:ext uri="{FF2B5EF4-FFF2-40B4-BE49-F238E27FC236}">
                <a16:creationId xmlns:a16="http://schemas.microsoft.com/office/drawing/2014/main" id="{0BF8C41E-2587-655E-D276-0CEB39372D33}"/>
              </a:ext>
            </a:extLst>
          </p:cNvPr>
          <p:cNvSpPr>
            <a:spLocks noGrp="1"/>
          </p:cNvSpPr>
          <p:nvPr>
            <p:ph type="body" sz="quarter" idx="25"/>
          </p:nvPr>
        </p:nvSpPr>
        <p:spPr/>
        <p:txBody>
          <a:bodyPr rtlCol="0"/>
          <a:lstStyle/>
          <a:p>
            <a:pPr rtl="0"/>
            <a:r>
              <a:rPr lang="sv-se"/>
              <a:t>Veidekkes HMS-vecka 2022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A9E9353F-C697-4AD9-723E-3811CCC770EA}"/>
              </a:ext>
            </a:extLst>
          </p:cNvPr>
          <p:cNvSpPr>
            <a:spLocks noGrp="1"/>
          </p:cNvSpPr>
          <p:nvPr>
            <p:ph type="body" sz="quarter" idx="19"/>
          </p:nvPr>
        </p:nvSpPr>
        <p:spPr/>
        <p:txBody>
          <a:bodyPr rtlCol="0"/>
          <a:lstStyle/>
          <a:p>
            <a:pPr rtl="0"/>
            <a:r>
              <a:rPr lang="sv-se"/>
              <a:t>Tema: Arbetsmiljö</a:t>
            </a:r>
          </a:p>
        </p:txBody>
      </p:sp>
      <p:sp>
        <p:nvSpPr>
          <p:cNvPr id="12" name="Date Placeholder 11">
            <a:extLst>
              <a:ext uri="{FF2B5EF4-FFF2-40B4-BE49-F238E27FC236}">
                <a16:creationId xmlns:a16="http://schemas.microsoft.com/office/drawing/2014/main" id="{FC464DD3-2672-901C-2FF0-745DED112511}"/>
              </a:ext>
            </a:extLst>
          </p:cNvPr>
          <p:cNvSpPr>
            <a:spLocks noGrp="1"/>
          </p:cNvSpPr>
          <p:nvPr>
            <p:ph type="dt" sz="half" idx="4294967295"/>
          </p:nvPr>
        </p:nvSpPr>
        <p:spPr>
          <a:xfrm>
            <a:off x="0" y="2790825"/>
            <a:ext cx="4471988" cy="736600"/>
          </a:xfrm>
        </p:spPr>
        <p:txBody>
          <a:bodyPr rtlCol="0"/>
          <a:lstStyle/>
          <a:p>
            <a:pPr rtl="0"/>
            <a:r>
              <a:rPr lang="nb-NO"/>
              <a:t>2022-08-18</a:t>
            </a:r>
            <a:endParaRPr lang="nb-NO" dirty="0"/>
          </a:p>
        </p:txBody>
      </p:sp>
      <p:pic>
        <p:nvPicPr>
          <p:cNvPr id="19" name="Plassholder for bilde 18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5B1E0B1E-29F3-4FB6-84E1-EE022320F720}"/>
              </a:ext>
            </a:extLst>
          </p:cNvPr>
          <p:cNvPicPr>
            <a:picLocks noGrp="1" noChangeAspect="1"/>
          </p:cNvPicPr>
          <p:nvPr>
            <p:ph type="pic" sz="quarter" idx="14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34000" y="0"/>
            <a:ext cx="6858000" cy="6858000"/>
          </a:xfrm>
        </p:spPr>
      </p:pic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361786693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32438480-D7FE-4CD8-BE64-D5C6C21070F3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pic>
        <p:nvPicPr>
          <p:cNvPr id="10" name="Plassholder for bilde 9" descr="Et bilde som inneholder innendørs, vegg, person&#10;&#10;Automatisk generert beskrivelse">
            <a:extLst>
              <a:ext uri="{FF2B5EF4-FFF2-40B4-BE49-F238E27FC236}">
                <a16:creationId xmlns:a16="http://schemas.microsoft.com/office/drawing/2014/main" id="{DC6C996A-EE2D-481A-8EA3-1FB9B40F2227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b="-52"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E8918F32-76ED-4DF3-BA07-DFB61D9B086C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Reflektionsuppgifter efter filmen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ED3990-F84F-446A-85BC-A3AAB0D5BEA5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sv-se"/>
              <a:t>Lägg tillräckligt med tid på den här delen, minst 40 minuter</a:t>
            </a:r>
          </a:p>
          <a:p>
            <a:pPr marL="0" indent="0" rtl="0">
              <a:buNone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sv-se" sz="1800"/>
              <a:t>Dela upp er två och två eller tre och tre </a:t>
            </a:r>
          </a:p>
          <a:p>
            <a:pPr marL="342900" indent="-342900" rtl="0">
              <a:buFont typeface="+mj-lt"/>
              <a:buAutoNum type="arabicPeriod"/>
            </a:pPr>
            <a:r>
              <a:rPr lang="sv-se" sz="1800"/>
              <a:t>Utför reflektionsuppgifterna </a:t>
            </a:r>
          </a:p>
          <a:p>
            <a:pPr marL="342900" indent="-342900" rtl="0">
              <a:buFont typeface="+mj-lt"/>
              <a:buAutoNum type="arabicPeriod"/>
            </a:pPr>
            <a:r>
              <a:rPr lang="sv-se" sz="1800"/>
              <a:t>Diskutera sedan svaren med alla i stor grupp </a:t>
            </a:r>
          </a:p>
          <a:p>
            <a:pPr rtl="0"/>
            <a:endParaRPr lang="nb-NO" dirty="0"/>
          </a:p>
          <a:p>
            <a:pPr marL="0" indent="0" rtl="0">
              <a:buNone/>
            </a:pPr>
            <a:r>
              <a:rPr lang="sv-se" sz="1800"/>
              <a:t>Syftet med reflektionsuppgifterna är att vi alla ska tänka igenom vad som är bra arbetsmiljöåtgärder och vad som påverkar den psykiska och fysiska hälsan i vårt dagliga arbete.</a:t>
            </a:r>
            <a:endParaRPr lang="nb-NO" dirty="0"/>
          </a:p>
          <a:p>
            <a:pPr rtl="0"/>
            <a:endParaRPr lang="nb-NO" dirty="0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EEB12E98-7080-4341-BE1D-6C97447E6A67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0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2608334290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>
            <a:extLst>
              <a:ext uri="{FF2B5EF4-FFF2-40B4-BE49-F238E27FC236}">
                <a16:creationId xmlns:a16="http://schemas.microsoft.com/office/drawing/2014/main" id="{5D850224-86ED-63EE-0E65-691D47DFB6D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 spc="0"/>
              <a:t>Reflektionsuppgifter</a:t>
            </a:r>
          </a:p>
        </p:txBody>
      </p:sp>
      <p:sp>
        <p:nvSpPr>
          <p:cNvPr id="4" name="Subtitle 3">
            <a:extLst>
              <a:ext uri="{FF2B5EF4-FFF2-40B4-BE49-F238E27FC236}">
                <a16:creationId xmlns:a16="http://schemas.microsoft.com/office/drawing/2014/main" id="{B7D94EA9-2650-FC10-0723-52C2342C96B8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5BAA54B3-4DBD-7C37-0F19-C6FAB1AE6D29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342900" indent="-342900" rtl="0">
              <a:buFont typeface="+mj-lt"/>
              <a:buAutoNum type="arabicPeriod"/>
            </a:pPr>
            <a:r>
              <a:rPr lang="sv-se" sz="2400"/>
              <a:t>Vad krävs för att du ska ha en bra dag på jobbet? Beskriv vad som kännetecknar en bra arbetsdag för dig.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+mj-lt"/>
              <a:ea typeface="Calibri" panose="020F0502020204030204" pitchFamily="34" charset="0"/>
            </a:endParaRPr>
          </a:p>
          <a:p>
            <a:pPr marL="342900" indent="-342900" rtl="0">
              <a:buFont typeface="+mj-lt"/>
              <a:buAutoNum type="arabicPeriod"/>
            </a:pPr>
            <a:r>
              <a:rPr lang="sv-se" sz="2400">
                <a:solidFill>
                  <a:srgbClr val="000000"/>
                </a:solidFill>
                <a:latin typeface="+mj-lt"/>
                <a:ea typeface="Calibri" panose="020F0502020204030204" pitchFamily="34" charset="0"/>
              </a:rPr>
              <a:t>Hur kan du hjälpa </a:t>
            </a:r>
            <a:r>
              <a:rPr lang="sv-se" sz="2400"/>
              <a:t>alla runt omkring dig att kunna vara sig själva på jobbet?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r>
              <a:rPr lang="sv-se" sz="2400"/>
              <a:t>Hur kan planering, anpassning och organisation förbättras för att stärka er arbetsmiljö?</a:t>
            </a: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r>
              <a:rPr lang="sv-se" sz="2400"/>
              <a:t>Vad mer kan förstärkas och/eller förbättras i er arbetsmiljö?</a:t>
            </a:r>
            <a:endParaRPr lang="nb-NO" sz="2400" dirty="0">
              <a:latin typeface="+mj-lt"/>
            </a:endParaRP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>
              <a:solidFill>
                <a:srgbClr val="000000"/>
              </a:solidFill>
              <a:latin typeface="Arial" panose="020B0604020202020204" pitchFamily="34" charset="0"/>
              <a:ea typeface="Calibri" panose="020F0502020204030204" pitchFamily="34" charset="0"/>
            </a:endParaRPr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  <a:p>
            <a:pPr marL="342900" indent="-342900" rtl="0">
              <a:buFont typeface="+mj-lt"/>
              <a:buAutoNum type="arabicPeriod"/>
            </a:pPr>
            <a:endParaRPr lang="nb-NO" sz="2400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A5870E8-9AD3-4D35-BB56-65F14AFA3701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1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199651797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Title 16">
            <a:extLst>
              <a:ext uri="{FF2B5EF4-FFF2-40B4-BE49-F238E27FC236}">
                <a16:creationId xmlns:a16="http://schemas.microsoft.com/office/drawing/2014/main" id="{4E2BC10D-51CA-49F1-A09C-310F0FBD9D6B}"/>
              </a:ext>
            </a:extLst>
          </p:cNvPr>
          <p:cNvSpPr>
            <a:spLocks noGrp="1"/>
          </p:cNvSpPr>
          <p:nvPr>
            <p:ph type="title" idx="4294967295"/>
          </p:nvPr>
        </p:nvSpPr>
        <p:spPr>
          <a:xfrm>
            <a:off x="4878388" y="2497138"/>
            <a:ext cx="7313612" cy="2027237"/>
          </a:xfrm>
        </p:spPr>
        <p:txBody>
          <a:bodyPr rtlCol="0"/>
          <a:lstStyle/>
          <a:p>
            <a:pPr rtl="0"/>
            <a:r>
              <a:rPr lang="sv-se"/>
              <a:t>Tack för</a:t>
            </a:r>
            <a:endParaRPr lang="nb-NO"/>
          </a:p>
        </p:txBody>
      </p:sp>
      <p:sp>
        <p:nvSpPr>
          <p:cNvPr id="31" name="Slide Number Placeholder 30">
            <a:extLst>
              <a:ext uri="{FF2B5EF4-FFF2-40B4-BE49-F238E27FC236}">
                <a16:creationId xmlns:a16="http://schemas.microsoft.com/office/drawing/2014/main" id="{DA4E8C4A-474B-499F-B22C-49214F2A9D06}"/>
              </a:ext>
            </a:extLst>
          </p:cNvPr>
          <p:cNvSpPr>
            <a:spLocks noGrp="1"/>
          </p:cNvSpPr>
          <p:nvPr>
            <p:ph type="sldNum" sz="quarter" idx="4294967295"/>
          </p:nvPr>
        </p:nvSpPr>
        <p:spPr>
          <a:xfrm>
            <a:off x="0" y="6858000"/>
            <a:ext cx="0" cy="0"/>
          </a:xfrm>
        </p:spPr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12</a:t>
            </a:fld>
            <a:endParaRPr lang="nb-NO" dirty="0"/>
          </a:p>
        </p:txBody>
      </p:sp>
    </p:spTree>
    <p:custDataLst>
      <p:custData r:id="rId1"/>
      <p:custData r:id="rId2"/>
      <p:tags r:id="rId3"/>
    </p:custDataLst>
    <p:extLst>
      <p:ext uri="{BB962C8B-B14F-4D97-AF65-F5344CB8AC3E}">
        <p14:creationId xmlns:p14="http://schemas.microsoft.com/office/powerpoint/2010/main" val="885174634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tel 1">
            <a:extLst>
              <a:ext uri="{FF2B5EF4-FFF2-40B4-BE49-F238E27FC236}">
                <a16:creationId xmlns:a16="http://schemas.microsoft.com/office/drawing/2014/main" id="{10C4B072-5A83-4665-8B42-259C162158B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Hur genomförs det gemensamma programmet?</a:t>
            </a:r>
          </a:p>
        </p:txBody>
      </p:sp>
      <p:sp>
        <p:nvSpPr>
          <p:cNvPr id="3" name="Undertittel 2">
            <a:extLst>
              <a:ext uri="{FF2B5EF4-FFF2-40B4-BE49-F238E27FC236}">
                <a16:creationId xmlns:a16="http://schemas.microsoft.com/office/drawing/2014/main" id="{6C786F88-33D4-4965-A08B-87102F03F56B}"/>
              </a:ext>
            </a:extLst>
          </p:cNvPr>
          <p:cNvSpPr>
            <a:spLocks noGrp="1"/>
          </p:cNvSpPr>
          <p:nvPr>
            <p:ph type="subTitle" idx="13"/>
          </p:nvPr>
        </p:nvSpPr>
        <p:spPr/>
        <p:txBody>
          <a:bodyPr rtlCol="0"/>
          <a:lstStyle/>
          <a:p>
            <a:pPr rtl="0"/>
            <a:r>
              <a:rPr lang="sv-se" sz="2800"/>
              <a:t>Varaktighet: sätt av </a:t>
            </a:r>
            <a:r>
              <a:rPr lang="sv-se"/>
              <a:t>tillräckligt med tid, minst 60 minuter</a:t>
            </a:r>
            <a:endParaRPr lang="nb-NO" sz="2800" dirty="0"/>
          </a:p>
          <a:p>
            <a:pPr rtl="0"/>
            <a:endParaRPr lang="nb-NO" dirty="0"/>
          </a:p>
        </p:txBody>
      </p:sp>
      <p:sp>
        <p:nvSpPr>
          <p:cNvPr id="4" name="Plassholder for innhold 3">
            <a:extLst>
              <a:ext uri="{FF2B5EF4-FFF2-40B4-BE49-F238E27FC236}">
                <a16:creationId xmlns:a16="http://schemas.microsoft.com/office/drawing/2014/main" id="{FE40DCCC-6E5B-4CB8-9163-416E126DCB71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342900" indent="-342900" rtl="0">
              <a:buFont typeface="+mj-lt"/>
              <a:buAutoNum type="arabicPeriod"/>
            </a:pPr>
            <a:r>
              <a:rPr lang="sv-se"/>
              <a:t>Introduktion till årets tema, använd gärna denna PowerPoint-presentation (10 minuter)</a:t>
            </a:r>
          </a:p>
          <a:p>
            <a:pPr marL="342900" indent="-342900" rtl="0">
              <a:buFont typeface="+mj-lt"/>
              <a:buAutoNum type="arabicPeriod"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sv-se"/>
              <a:t>Spela årets HMS-veckofilm på storbildsskärm eller via mobiltelefonen (10 minuter)</a:t>
            </a:r>
          </a:p>
          <a:p>
            <a:pPr marL="342900" indent="-342900" rtl="0">
              <a:buFont typeface="+mj-lt"/>
              <a:buAutoNum type="arabicPeriod"/>
            </a:pPr>
            <a:endParaRPr lang="nb-NO" dirty="0"/>
          </a:p>
          <a:p>
            <a:pPr marL="342900" indent="-342900" rtl="0">
              <a:buFont typeface="+mj-lt"/>
              <a:buAutoNum type="arabicPeriod"/>
            </a:pPr>
            <a:r>
              <a:rPr lang="sv-se"/>
              <a:t>Utför reflektionsuppgifterna i mindre grupper. Gå ihop två och två eller tre och tre. Diskutera sedan svaren med alla i stor grupp. (Avsätt tillräckligt med tid – minst 40 minuter)</a:t>
            </a:r>
          </a:p>
          <a:p>
            <a:pPr rtl="0"/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A3A8197C-1379-4D0E-A7BE-CDF9EC7743A4}"/>
              </a:ext>
            </a:extLst>
          </p:cNvPr>
          <p:cNvSpPr>
            <a:spLocks noGrp="1"/>
          </p:cNvSpPr>
          <p:nvPr>
            <p:ph type="sldNum" sz="quarter" idx="17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2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653467651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7" name="Picture Placeholder 14">
            <a:extLst>
              <a:ext uri="{FF2B5EF4-FFF2-40B4-BE49-F238E27FC236}">
                <a16:creationId xmlns:a16="http://schemas.microsoft.com/office/drawing/2014/main" id="{D3535FD2-AD9D-4CD5-BF25-CE56FAF4147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DE30689F-DA37-4395-8AB2-879626D311F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223344" y="1381498"/>
            <a:ext cx="4737658" cy="4216220"/>
          </a:xfrm>
        </p:spPr>
        <p:txBody>
          <a:bodyPr rtlCol="0"/>
          <a:lstStyle/>
          <a:p>
            <a:pPr rtl="0"/>
            <a:r>
              <a:rPr lang="sv-se"/>
              <a:t>Temat för HMS-veckan 2022 är arbetsmiljö</a:t>
            </a:r>
            <a:br>
              <a:rPr lang="nb-NO" dirty="0"/>
            </a:br>
            <a:br>
              <a:rPr lang="nb-NO" dirty="0"/>
            </a:br>
            <a:br>
              <a:rPr lang="nb-NO" dirty="0"/>
            </a:br>
            <a:r>
              <a:rPr lang="sv-se"/>
              <a:t>Kan du vara dig själv på jobbet?</a:t>
            </a:r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5452DD23-E3FE-4F96-83C0-338ECBAA70CE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3</a:t>
            </a:fld>
            <a:endParaRPr lang="nb-NO" dirty="0"/>
          </a:p>
        </p:txBody>
      </p:sp>
      <p:pic>
        <p:nvPicPr>
          <p:cNvPr id="25" name="Plassholder for bilde 24" descr="Et bilde som inneholder person, mann, vegg, poserer&#10;&#10;Automatisk generert beskrivelse">
            <a:extLst>
              <a:ext uri="{FF2B5EF4-FFF2-40B4-BE49-F238E27FC236}">
                <a16:creationId xmlns:a16="http://schemas.microsoft.com/office/drawing/2014/main" id="{3D9D25F2-77B1-4604-A781-1A6DB5BEE1C8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809998"/>
            <a:ext cx="3522662" cy="5228852"/>
          </a:xfrm>
        </p:spPr>
      </p:pic>
    </p:spTree>
    <p:extLst>
      <p:ext uri="{BB962C8B-B14F-4D97-AF65-F5344CB8AC3E}">
        <p14:creationId xmlns:p14="http://schemas.microsoft.com/office/powerpoint/2010/main" val="70748513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6E71DEDF-11C4-4038-8D7E-43DFABEB9AB9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pic>
        <p:nvPicPr>
          <p:cNvPr id="10" name="Plassholder for bilde 9" descr="Et bilde som inneholder tekst&#10;&#10;Automatisk generert beskrivelse">
            <a:extLst>
              <a:ext uri="{FF2B5EF4-FFF2-40B4-BE49-F238E27FC236}">
                <a16:creationId xmlns:a16="http://schemas.microsoft.com/office/drawing/2014/main" id="{8ACADCFF-34BC-4864-9EC9-D113A81F8250}"/>
              </a:ext>
            </a:extLst>
          </p:cNvPr>
          <p:cNvPicPr>
            <a:picLocks noGrp="1" noChangeAspect="1"/>
          </p:cNvPicPr>
          <p:nvPr>
            <p:ph type="pic" sz="quarter" idx="15"/>
          </p:nvPr>
        </p:nvPicPr>
        <p:blipFill rotWithShape="1">
          <a:blip r:embed="rId2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  <p:sp>
        <p:nvSpPr>
          <p:cNvPr id="4" name="Tittel 3">
            <a:extLst>
              <a:ext uri="{FF2B5EF4-FFF2-40B4-BE49-F238E27FC236}">
                <a16:creationId xmlns:a16="http://schemas.microsoft.com/office/drawing/2014/main" id="{8324FB0A-AA7D-4567-9A07-E3941C31D102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Vad är arbetsmiljö?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8E6FACF9-BB42-4CA7-9A7D-A8E833734452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marL="0" indent="0" rtl="0">
              <a:buNone/>
            </a:pPr>
            <a:r>
              <a:rPr lang="sv-se"/>
              <a:t>Arbetsmiljön är förhållandena för arbetstagarna på en arbetsplats.</a:t>
            </a:r>
          </a:p>
          <a:p>
            <a:pPr rtl="0"/>
            <a:endParaRPr lang="nb-NO" dirty="0"/>
          </a:p>
          <a:p>
            <a:pPr rtl="0"/>
            <a:r>
              <a:rPr lang="sv-se"/>
              <a:t>Arbetsmiljö handlar om hur vi organiserar, planerar och utför vårt arbete.</a:t>
            </a:r>
          </a:p>
          <a:p>
            <a:pPr rtl="0"/>
            <a:endParaRPr lang="nb-NO" dirty="0"/>
          </a:p>
          <a:p>
            <a:pPr rtl="0"/>
            <a:r>
              <a:rPr lang="sv-se"/>
              <a:t>Den skiljer sig åt från arbetsplats till arbetsplats och kräver olika tillvägagångssätt.</a:t>
            </a:r>
          </a:p>
          <a:p>
            <a:pPr rtl="0"/>
            <a:endParaRPr lang="nb-NO" dirty="0"/>
          </a:p>
          <a:p>
            <a:pPr rtl="0"/>
            <a:r>
              <a:rPr lang="sv-se"/>
              <a:t>Arbetsmiljön påverkar hälsa, arbetsengagemang och företagets prestanda och produktivitet.</a:t>
            </a:r>
          </a:p>
          <a:p>
            <a:pPr rtl="0"/>
            <a:endParaRPr lang="nb-NO" dirty="0"/>
          </a:p>
          <a:p>
            <a:pPr marL="0" indent="0" rtl="0">
              <a:buNone/>
            </a:pPr>
            <a:r>
              <a:rPr lang="sv-se" sz="1200"/>
              <a:t>Källa: STAMI och Store norske leksikon</a:t>
            </a:r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6BFB0C95-10E5-462A-87FB-F319942688C4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855C11C-AABA-443E-99F1-5DF6EB8380AB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4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33974115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1E02A9ED-FAEC-4720-861F-19186F4D0F94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6584455C-80DF-4436-AF8A-79C8B0DE1D7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Arbetsmiljön kan delas in i fyra delpunkter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01985602-61D9-44C3-A84E-1EA603AFBE7E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Psykosocial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Hur vi upplever arbetssituationen och arbetsinnehållet samt det mellanmänskliga samspelet i arbetet. 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Organisator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Hur arbetet organiseras, anpassas och fördelas mellan oss som kollegor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Fys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Hur</a:t>
            </a:r>
            <a:r>
              <a:rPr lang="sv-se" b="1"/>
              <a:t> </a:t>
            </a:r>
            <a:r>
              <a:rPr lang="sv-se"/>
              <a:t>arbetet påverkar våra kroppar, både på kort och lång sikt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Kemisk och biolog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Om vi exponeras för kemiska och biologiska ämnen.</a:t>
            </a:r>
            <a:endParaRPr lang="nb-NO" b="1" dirty="0"/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8A7E309B-083E-437F-8640-1056882DF000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BC82E24D-58B0-4060-9D8E-F359459B7FF2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5</a:t>
            </a:fld>
            <a:endParaRPr lang="nb-NO" dirty="0"/>
          </a:p>
        </p:txBody>
      </p:sp>
      <p:pic>
        <p:nvPicPr>
          <p:cNvPr id="18" name="Picture Placeholder 11">
            <a:extLst>
              <a:ext uri="{FF2B5EF4-FFF2-40B4-BE49-F238E27FC236}">
                <a16:creationId xmlns:a16="http://schemas.microsoft.com/office/drawing/2014/main" id="{606C29D8-3DAA-48FF-A395-BD25F53C7B5A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4167953023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1" name="Picture Placeholder 1">
            <a:extLst>
              <a:ext uri="{FF2B5EF4-FFF2-40B4-BE49-F238E27FC236}">
                <a16:creationId xmlns:a16="http://schemas.microsoft.com/office/drawing/2014/main" id="{EF92FBF5-E054-4339-BE90-0E413AAD6B00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6788" cy="5228852"/>
          </a:xfrm>
        </p:spPr>
      </p:pic>
      <p:sp>
        <p:nvSpPr>
          <p:cNvPr id="3" name="Tittel 2">
            <a:extLst>
              <a:ext uri="{FF2B5EF4-FFF2-40B4-BE49-F238E27FC236}">
                <a16:creationId xmlns:a16="http://schemas.microsoft.com/office/drawing/2014/main" id="{504D6F33-1B83-4210-B456-4CE3DD1E29A0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Alla dessa områden påverkar hälsa, frånvaro och avhopp i arbetslivet. Därför är det viktigt att arbeta förebyggande och systematiskt med alla punkter.</a:t>
            </a:r>
            <a:br>
              <a:rPr lang="nb-NO" dirty="0"/>
            </a:br>
            <a:endParaRPr lang="nb-NO" dirty="0"/>
          </a:p>
        </p:txBody>
      </p:sp>
      <p:sp>
        <p:nvSpPr>
          <p:cNvPr id="5" name="Plassholder for lysbildenummer 4">
            <a:extLst>
              <a:ext uri="{FF2B5EF4-FFF2-40B4-BE49-F238E27FC236}">
                <a16:creationId xmlns:a16="http://schemas.microsoft.com/office/drawing/2014/main" id="{F31E4F52-F8E9-4ACD-96F2-C1D7C8C8A531}"/>
              </a:ext>
            </a:extLst>
          </p:cNvPr>
          <p:cNvSpPr>
            <a:spLocks noGrp="1"/>
          </p:cNvSpPr>
          <p:nvPr>
            <p:ph type="sldNum" sz="quarter" idx="30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6</a:t>
            </a:fld>
            <a:endParaRPr lang="nb-NO" dirty="0"/>
          </a:p>
        </p:txBody>
      </p:sp>
      <p:pic>
        <p:nvPicPr>
          <p:cNvPr id="18" name="Plassholder for bilde 17" descr="Et bilde som inneholder person, utendørs&#10;&#10;Automatisk generert beskrivelse">
            <a:extLst>
              <a:ext uri="{FF2B5EF4-FFF2-40B4-BE49-F238E27FC236}">
                <a16:creationId xmlns:a16="http://schemas.microsoft.com/office/drawing/2014/main" id="{4B338D5B-BE11-4B7E-AF09-41EAF813B910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/>
      </p:pic>
    </p:spTree>
    <p:extLst>
      <p:ext uri="{BB962C8B-B14F-4D97-AF65-F5344CB8AC3E}">
        <p14:creationId xmlns:p14="http://schemas.microsoft.com/office/powerpoint/2010/main" val="3582605786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tekst 1">
            <a:extLst>
              <a:ext uri="{FF2B5EF4-FFF2-40B4-BE49-F238E27FC236}">
                <a16:creationId xmlns:a16="http://schemas.microsoft.com/office/drawing/2014/main" id="{4B3A0060-8173-4B79-9978-A9E2BD709911}"/>
              </a:ext>
            </a:extLst>
          </p:cNvPr>
          <p:cNvSpPr>
            <a:spLocks noGrp="1"/>
          </p:cNvSpPr>
          <p:nvPr>
            <p:ph type="body" sz="quarter" idx="22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4" name="Tittel 3">
            <a:extLst>
              <a:ext uri="{FF2B5EF4-FFF2-40B4-BE49-F238E27FC236}">
                <a16:creationId xmlns:a16="http://schemas.microsoft.com/office/drawing/2014/main" id="{A934A7C1-C559-47AC-BF39-69EDCFF62F2E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I år tittar vi specifikt på dessa två underpunkter</a:t>
            </a:r>
          </a:p>
        </p:txBody>
      </p:sp>
      <p:sp>
        <p:nvSpPr>
          <p:cNvPr id="6" name="Plassholder for innhold 5">
            <a:extLst>
              <a:ext uri="{FF2B5EF4-FFF2-40B4-BE49-F238E27FC236}">
                <a16:creationId xmlns:a16="http://schemas.microsoft.com/office/drawing/2014/main" id="{F110752F-4D31-42AF-A4D3-5EB54725BA16}"/>
              </a:ext>
            </a:extLst>
          </p:cNvPr>
          <p:cNvSpPr>
            <a:spLocks noGrp="1"/>
          </p:cNvSpPr>
          <p:nvPr>
            <p:ph sz="quarter" idx="14"/>
          </p:nvPr>
        </p:nvSpPr>
        <p:spPr/>
        <p:txBody>
          <a:bodyPr rtlCol="0"/>
          <a:lstStyle/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Psykosocial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Hur vi upplever arbetssituationen och arbetsinnehållet samt det mellanmänskliga samspelet i arbetet. 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/>
              <a:t>Organisator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/>
              <a:t>Hur arbetet organiseras, anpassas och fördelas mellan oss som kollegor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/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>
                <a:solidFill>
                  <a:schemeClr val="bg1">
                    <a:lumMod val="85000"/>
                  </a:schemeClr>
                </a:solidFill>
              </a:rPr>
              <a:t>Fys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>
                <a:solidFill>
                  <a:schemeClr val="bg1">
                    <a:lumMod val="85000"/>
                  </a:schemeClr>
                </a:solidFill>
              </a:rPr>
              <a:t>Hur</a:t>
            </a:r>
            <a:r>
              <a:rPr lang="sv-se" b="1">
                <a:solidFill>
                  <a:schemeClr val="bg1">
                    <a:lumMod val="85000"/>
                  </a:schemeClr>
                </a:solidFill>
              </a:rPr>
              <a:t> </a:t>
            </a:r>
            <a:r>
              <a:rPr lang="sv-se">
                <a:solidFill>
                  <a:schemeClr val="bg1">
                    <a:lumMod val="85000"/>
                  </a:schemeClr>
                </a:solidFill>
              </a:rPr>
              <a:t>arbetet påverkar våra kroppar, både på kort och lång sikt.</a:t>
            </a:r>
          </a:p>
          <a:p>
            <a:pPr lvl="1" rtl="0">
              <a:buFont typeface="Arial" panose="020B0604020202020204" pitchFamily="34" charset="0"/>
              <a:buChar char="•"/>
            </a:pP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 rtl="0">
              <a:buFont typeface="Arial" panose="020B0604020202020204" pitchFamily="34" charset="0"/>
              <a:buChar char="•"/>
            </a:pPr>
            <a:r>
              <a:rPr lang="sv-se" b="1">
                <a:solidFill>
                  <a:schemeClr val="bg1">
                    <a:lumMod val="85000"/>
                  </a:schemeClr>
                </a:solidFill>
              </a:rPr>
              <a:t>Kemisk och biologisk arbetsmiljö </a:t>
            </a:r>
          </a:p>
          <a:p>
            <a:pPr lvl="1" rtl="0">
              <a:buFont typeface="Arial" panose="020B0604020202020204" pitchFamily="34" charset="0"/>
              <a:buChar char="•"/>
            </a:pPr>
            <a:r>
              <a:rPr lang="sv-se">
                <a:solidFill>
                  <a:schemeClr val="bg1">
                    <a:lumMod val="85000"/>
                  </a:schemeClr>
                </a:solidFill>
              </a:rPr>
              <a:t>Om vi exponeras för kemiska och biologiska ämnen</a:t>
            </a:r>
            <a:endParaRPr lang="nb-NO" b="1" dirty="0">
              <a:solidFill>
                <a:schemeClr val="bg1">
                  <a:lumMod val="85000"/>
                </a:schemeClr>
              </a:solidFill>
            </a:endParaRPr>
          </a:p>
          <a:p>
            <a:pPr lvl="1" rtl="0">
              <a:buFont typeface="Arial" panose="020B0604020202020204" pitchFamily="34" charset="0"/>
              <a:buChar char="•"/>
            </a:pPr>
            <a:endParaRPr lang="nb-NO" dirty="0"/>
          </a:p>
          <a:p>
            <a:pPr rtl="0"/>
            <a:endParaRPr lang="nb-NO" dirty="0"/>
          </a:p>
        </p:txBody>
      </p:sp>
      <p:sp>
        <p:nvSpPr>
          <p:cNvPr id="7" name="Plassholder for tekst 6">
            <a:extLst>
              <a:ext uri="{FF2B5EF4-FFF2-40B4-BE49-F238E27FC236}">
                <a16:creationId xmlns:a16="http://schemas.microsoft.com/office/drawing/2014/main" id="{5EACB891-5C92-4277-9DCF-963C19572D2C}"/>
              </a:ext>
            </a:extLst>
          </p:cNvPr>
          <p:cNvSpPr>
            <a:spLocks noGrp="1"/>
          </p:cNvSpPr>
          <p:nvPr>
            <p:ph type="body" sz="quarter" idx="18"/>
          </p:nvPr>
        </p:nvSpPr>
        <p:spPr/>
        <p:txBody>
          <a:bodyPr rtlCol="0"/>
          <a:lstStyle/>
          <a:p>
            <a:pPr rtl="0"/>
            <a:endParaRPr lang="nb-NO"/>
          </a:p>
        </p:txBody>
      </p:sp>
      <p:sp>
        <p:nvSpPr>
          <p:cNvPr id="8" name="Plassholder for lysbildenummer 7">
            <a:extLst>
              <a:ext uri="{FF2B5EF4-FFF2-40B4-BE49-F238E27FC236}">
                <a16:creationId xmlns:a16="http://schemas.microsoft.com/office/drawing/2014/main" id="{78F38987-E0DA-4783-9DE6-F249D830F83D}"/>
              </a:ext>
            </a:extLst>
          </p:cNvPr>
          <p:cNvSpPr>
            <a:spLocks noGrp="1"/>
          </p:cNvSpPr>
          <p:nvPr>
            <p:ph type="sldNum" sz="quarter" idx="2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7</a:t>
            </a:fld>
            <a:endParaRPr lang="nb-NO" dirty="0"/>
          </a:p>
        </p:txBody>
      </p:sp>
      <p:pic>
        <p:nvPicPr>
          <p:cNvPr id="14" name="Picture Placeholder 11">
            <a:extLst>
              <a:ext uri="{FF2B5EF4-FFF2-40B4-BE49-F238E27FC236}">
                <a16:creationId xmlns:a16="http://schemas.microsoft.com/office/drawing/2014/main" id="{30A146AB-8264-4F92-8EF9-A074642C01ED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30746" y="0"/>
            <a:ext cx="3519917" cy="6861600"/>
          </a:xfrm>
        </p:spPr>
      </p:pic>
    </p:spTree>
    <p:extLst>
      <p:ext uri="{BB962C8B-B14F-4D97-AF65-F5344CB8AC3E}">
        <p14:creationId xmlns:p14="http://schemas.microsoft.com/office/powerpoint/2010/main" val="359234255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8" name="Picture Placeholder 1">
            <a:extLst>
              <a:ext uri="{FF2B5EF4-FFF2-40B4-BE49-F238E27FC236}">
                <a16:creationId xmlns:a16="http://schemas.microsoft.com/office/drawing/2014/main" id="{1E88B423-041C-4484-98ED-7F03D909BF9C}"/>
              </a:ext>
            </a:extLst>
          </p:cNvPr>
          <p:cNvPicPr>
            <a:picLocks noGrp="1" noChangeAspect="1"/>
          </p:cNvPicPr>
          <p:nvPr>
            <p:ph type="pic" sz="quarter" idx="15"/>
            <p:custDataLst>
              <p:tags r:id="rId1"/>
            </p:custDataLst>
          </p:nvPr>
        </p:nvPicPr>
        <p:blipFill rotWithShape="1">
          <a:blip r:embed="rId3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539750" y="809998"/>
            <a:ext cx="7312002" cy="5228852"/>
          </a:xfrm>
        </p:spPr>
      </p:pic>
      <p:pic>
        <p:nvPicPr>
          <p:cNvPr id="8" name="Plassholder for bilde 7" descr="Et bilde som inneholder person, mann, vegg&#10;&#10;Automatisk generert beskrivelse">
            <a:extLst>
              <a:ext uri="{FF2B5EF4-FFF2-40B4-BE49-F238E27FC236}">
                <a16:creationId xmlns:a16="http://schemas.microsoft.com/office/drawing/2014/main" id="{13FCDF09-E895-4E99-97C9-D2BF7ADC5C79}"/>
              </a:ext>
            </a:extLst>
          </p:cNvPr>
          <p:cNvPicPr>
            <a:picLocks noGrp="1" noChangeAspect="1"/>
          </p:cNvPicPr>
          <p:nvPr>
            <p:ph type="pic" sz="quarter" idx="27"/>
          </p:nvPr>
        </p:nvPicPr>
        <p:blipFill rotWithShape="1">
          <a:blip r:embed="rId4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0" y="809998"/>
            <a:ext cx="3522663" cy="2480400"/>
          </a:xfrm>
        </p:spPr>
      </p:pic>
      <p:pic>
        <p:nvPicPr>
          <p:cNvPr id="10" name="Plassholder for bilde 9" descr="Et bilde som inneholder person&#10;&#10;Automatisk generert beskrivelse">
            <a:extLst>
              <a:ext uri="{FF2B5EF4-FFF2-40B4-BE49-F238E27FC236}">
                <a16:creationId xmlns:a16="http://schemas.microsoft.com/office/drawing/2014/main" id="{E5C629D1-871E-4C51-A891-E445A8D612B7}"/>
              </a:ext>
            </a:extLst>
          </p:cNvPr>
          <p:cNvPicPr>
            <a:picLocks noGrp="1" noChangeAspect="1"/>
          </p:cNvPicPr>
          <p:nvPr>
            <p:ph type="pic" sz="quarter" idx="28"/>
          </p:nvPr>
        </p:nvPicPr>
        <p:blipFill rotWithShape="1">
          <a:blip r:embed="rId5" cstate="screen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8128001" y="3560400"/>
            <a:ext cx="3522662" cy="2480400"/>
          </a:xfrm>
        </p:spPr>
      </p:pic>
      <p:sp>
        <p:nvSpPr>
          <p:cNvPr id="5" name="Tittel 4">
            <a:extLst>
              <a:ext uri="{FF2B5EF4-FFF2-40B4-BE49-F238E27FC236}">
                <a16:creationId xmlns:a16="http://schemas.microsoft.com/office/drawing/2014/main" id="{72C864B3-5FC3-48D6-AEF3-32774BC391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sv-se"/>
              <a:t>Kan du vara dig själv på jobbet?</a:t>
            </a:r>
          </a:p>
        </p:txBody>
      </p:sp>
      <p:sp>
        <p:nvSpPr>
          <p:cNvPr id="6" name="Plassholder for lysbildenummer 5">
            <a:extLst>
              <a:ext uri="{FF2B5EF4-FFF2-40B4-BE49-F238E27FC236}">
                <a16:creationId xmlns:a16="http://schemas.microsoft.com/office/drawing/2014/main" id="{6F236774-455E-4823-B3E3-1092FD355957}"/>
              </a:ext>
            </a:extLst>
          </p:cNvPr>
          <p:cNvSpPr>
            <a:spLocks noGrp="1"/>
          </p:cNvSpPr>
          <p:nvPr>
            <p:ph type="sldNum" sz="quarter" idx="31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8</a:t>
            </a:fld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358862210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16="http://schemas.microsoft.com/office/drawing/2014/main" xmlns="">
      <p:transition spd="med">
        <p:fade/>
      </p:transition>
    </mc:Fallback>
  </mc:AlternateContent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Plassholder for lysbildenummer 1">
            <a:extLst>
              <a:ext uri="{FF2B5EF4-FFF2-40B4-BE49-F238E27FC236}">
                <a16:creationId xmlns:a16="http://schemas.microsoft.com/office/drawing/2014/main" id="{35C1C8D0-CD4C-4714-AD87-E8CC7BE80BEF}"/>
              </a:ext>
            </a:extLst>
          </p:cNvPr>
          <p:cNvSpPr>
            <a:spLocks noGrp="1"/>
          </p:cNvSpPr>
          <p:nvPr>
            <p:ph type="sldNum" sz="quarter" idx="22"/>
          </p:nvPr>
        </p:nvSpPr>
        <p:spPr/>
        <p:txBody>
          <a:bodyPr rtlCol="0"/>
          <a:lstStyle/>
          <a:p>
            <a:pPr rtl="0"/>
            <a:fld id="{24C8C45C-947F-4981-8B3F-4F32E973C901}" type="slidenum">
              <a:rPr lang="nb-NO" smtClean="0"/>
              <a:pPr/>
              <a:t>9</a:t>
            </a:fld>
            <a:endParaRPr lang="nb-NO" dirty="0"/>
          </a:p>
        </p:txBody>
      </p:sp>
      <p:sp>
        <p:nvSpPr>
          <p:cNvPr id="3" name="Tittel 2">
            <a:extLst>
              <a:ext uri="{FF2B5EF4-FFF2-40B4-BE49-F238E27FC236}">
                <a16:creationId xmlns:a16="http://schemas.microsoft.com/office/drawing/2014/main" id="{3794179E-F7D3-48F9-827E-765B53A9425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 rtlCol="0"/>
          <a:lstStyle/>
          <a:p>
            <a:pPr rtl="0"/>
            <a:r>
              <a:rPr lang="nb-NO" dirty="0" err="1">
                <a:hlinkClick r:id="rId2"/>
              </a:rPr>
              <a:t>Spela</a:t>
            </a:r>
            <a:r>
              <a:rPr lang="nb-NO" dirty="0">
                <a:hlinkClick r:id="rId2"/>
              </a:rPr>
              <a:t> filmen</a:t>
            </a:r>
            <a:endParaRPr lang="nb-NO" dirty="0"/>
          </a:p>
        </p:txBody>
      </p:sp>
      <p:sp>
        <p:nvSpPr>
          <p:cNvPr id="4" name="Plassholder for tekst 3">
            <a:extLst>
              <a:ext uri="{FF2B5EF4-FFF2-40B4-BE49-F238E27FC236}">
                <a16:creationId xmlns:a16="http://schemas.microsoft.com/office/drawing/2014/main" id="{94D47672-2C7F-4994-A901-389D91242AFB}"/>
              </a:ext>
            </a:extLst>
          </p:cNvPr>
          <p:cNvSpPr>
            <a:spLocks noGrp="1"/>
          </p:cNvSpPr>
          <p:nvPr>
            <p:ph type="body" sz="quarter" idx="15"/>
          </p:nvPr>
        </p:nvSpPr>
        <p:spPr/>
        <p:txBody>
          <a:bodyPr rtlCol="0"/>
          <a:lstStyle/>
          <a:p>
            <a:pPr rtl="0"/>
            <a:endParaRPr lang="nb-NO" dirty="0"/>
          </a:p>
        </p:txBody>
      </p:sp>
    </p:spTree>
    <p:extLst>
      <p:ext uri="{BB962C8B-B14F-4D97-AF65-F5344CB8AC3E}">
        <p14:creationId xmlns:p14="http://schemas.microsoft.com/office/powerpoint/2010/main" val="71206579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:asvg="http://schemas.microsoft.com/office/drawing/2016/SVG/main" xmlns:a16="http://schemas.microsoft.com/office/drawing/2014/main" xmlns:a14="http://schemas.microsoft.com/office/drawing/2010/main" xmlns="">
      <p:transition spd="med">
        <p:fade/>
      </p:transition>
    </mc:Fallback>
  </mc:AlternateContent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3934355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d186b646-8ec3-4981-97fb-7fbd544c138c.jpeg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f646f611-eb9f-4183-9347-bb441393d380.jpeg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909ba932-6bc4-4cc4-9c28-cacf9102fb7e.jpeg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2b1506d3-4c4f-4fba-ab15-dfa6b3c3cea9.jpeg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CONTAINEDIMAGEPATH" val="C:\Users\ansa\AppData\Local\Temp\Templafy\PowerPointVsto\Assets\b13dcd88-75c0-45bd-a714-21f3567bcc87.jpeg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6867265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724284847391023"/>
</p:tagLst>
</file>

<file path=ppt/theme/theme1.xml><?xml version="1.0" encoding="utf-8"?>
<a:theme xmlns:a="http://schemas.openxmlformats.org/drawingml/2006/main" name="Blank">
  <a:themeElements>
    <a:clrScheme name="Veidekke PPT 2022">
      <a:dk1>
        <a:srgbClr val="000000"/>
      </a:dk1>
      <a:lt1>
        <a:srgbClr val="FFFFFF"/>
      </a:lt1>
      <a:dk2>
        <a:srgbClr val="000000"/>
      </a:dk2>
      <a:lt2>
        <a:srgbClr val="FFFFFF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>
    <a:spDef>
      <a:spPr>
        <a:solidFill>
          <a:schemeClr val="accent2"/>
        </a:solidFill>
        <a:ln>
          <a:solidFill>
            <a:schemeClr val="accent2"/>
          </a:solidFill>
        </a:ln>
      </a:spPr>
      <a:bodyPr rtlCol="0" anchor="ctr"/>
      <a:lstStyle>
        <a:defPPr algn="ctr">
          <a:spcAft>
            <a:spcPts val="600"/>
          </a:spcAft>
          <a:defRPr noProof="0" dirty="0" smtClean="0"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 w="12700">
          <a:solidFill>
            <a:schemeClr val="accent2"/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  <a:txDef>
      <a:spPr>
        <a:noFill/>
      </a:spPr>
      <a:bodyPr wrap="square" lIns="0" tIns="0" rIns="0" bIns="0" rtlCol="0">
        <a:spAutoFit/>
      </a:bodyPr>
      <a:lstStyle>
        <a:defPPr algn="l">
          <a:spcAft>
            <a:spcPts val="600"/>
          </a:spcAft>
          <a:defRPr dirty="0" smtClean="0">
            <a:solidFill>
              <a:schemeClr val="tx2"/>
            </a:solidFill>
          </a:defRPr>
        </a:defPPr>
      </a:lstStyle>
    </a:txDef>
  </a:objectDefaults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Blank.potx" id="{BE63639B-00EC-40F9-BDAD-6A9936785324}" vid="{F7C00E83-EC97-4EF3-A141-5231F1D1CD91}"/>
    </a:ext>
  </a:extLst>
</a:theme>
</file>

<file path=ppt/theme/theme2.xml><?xml version="1.0" encoding="utf-8"?>
<a:theme xmlns:a="http://schemas.openxmlformats.org/drawingml/2006/main" name="Office-tema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Kontor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3.xml><?xml version="1.0" encoding="utf-8"?>
<a:theme xmlns:a="http://schemas.openxmlformats.org/drawingml/2006/main" name="Office Theme">
  <a:themeElements>
    <a:clrScheme name="Veidekke PPT 2022">
      <a:dk1>
        <a:srgbClr val="080808"/>
      </a:dk1>
      <a:lt1>
        <a:srgbClr val="FFFFFF"/>
      </a:lt1>
      <a:dk2>
        <a:srgbClr val="333333"/>
      </a:dk2>
      <a:lt2>
        <a:srgbClr val="E3E3E3"/>
      </a:lt2>
      <a:accent1>
        <a:srgbClr val="F61B33"/>
      </a:accent1>
      <a:accent2>
        <a:srgbClr val="380016"/>
      </a:accent2>
      <a:accent3>
        <a:srgbClr val="FFC9BF"/>
      </a:accent3>
      <a:accent4>
        <a:srgbClr val="CCCCFF"/>
      </a:accent4>
      <a:accent5>
        <a:srgbClr val="6053FD"/>
      </a:accent5>
      <a:accent6>
        <a:srgbClr val="000033"/>
      </a:accent6>
      <a:hlink>
        <a:srgbClr val="F61B33"/>
      </a:hlink>
      <a:folHlink>
        <a:srgbClr val="CCCCFF"/>
      </a:folHlink>
    </a:clrScheme>
    <a:fontScheme name="Veidekke Favorit 2022">
      <a:majorFont>
        <a:latin typeface="Veidekke Favorit Offc"/>
        <a:ea typeface=""/>
        <a:cs typeface=""/>
      </a:majorFont>
      <a:minorFont>
        <a:latin typeface="Veidekke Favorit Offc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custClrLst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Veidekke rød">
      <a:srgbClr val="F61B33"/>
    </a:custClr>
    <a:custClr name="Mørk rød">
      <a:srgbClr val="3A0016"/>
    </a:custClr>
    <a:custClr name="Lys rød">
      <a:srgbClr val="FFC9BF"/>
    </a:custClr>
    <a:custClr name="Lys blå">
      <a:srgbClr val="CCCCFF"/>
    </a:custClr>
    <a:custClr name="Blå">
      <a:srgbClr val="6053FD"/>
    </a:custClr>
    <a:custClr name="Mørk blå">
      <a:srgbClr val="000033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D21025"/>
    </a:custClr>
    <a:custClr name="Color has no name">
      <a:srgbClr val="603345"/>
    </a:custClr>
    <a:custClr name="Color has no name">
      <a:srgbClr val="E8AEA3"/>
    </a:custClr>
    <a:custClr name="Color has no name">
      <a:srgbClr val="AFAFFC"/>
    </a:custClr>
    <a:custClr name="Color has no name">
      <a:srgbClr val="4D42CA"/>
    </a:custClr>
    <a:custClr name="Color has no name">
      <a:srgbClr val="33335C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8495C"/>
    </a:custClr>
    <a:custClr name="Color has no name">
      <a:srgbClr val="886673"/>
    </a:custClr>
    <a:custClr name="Color has no name">
      <a:srgbClr val="FFDFD9"/>
    </a:custClr>
    <a:custClr name="Color has no name">
      <a:srgbClr val="E0E0FF"/>
    </a:custClr>
    <a:custClr name="Color has no name">
      <a:srgbClr val="8075FD"/>
    </a:custClr>
    <a:custClr name="Color has no name">
      <a:srgbClr val="666685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A7685"/>
    </a:custClr>
    <a:custClr name="Color has no name">
      <a:srgbClr val="D7CCD0"/>
    </a:custClr>
    <a:custClr name="Color has no name">
      <a:srgbClr val="FFF4F2"/>
    </a:custClr>
    <a:custClr name="Color has no name">
      <a:srgbClr val="F5F5FF"/>
    </a:custClr>
    <a:custClr name="Color has no name">
      <a:srgbClr val="DFDDFF"/>
    </a:custClr>
    <a:custClr name="Color has no name">
      <a:srgbClr val="CCCC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DD1D6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  <a:custClr name="Color has no name">
      <a:srgbClr val="FFFFFF"/>
    </a:custClr>
  </a:custClrLst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10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0.xml"/></Relationships>
</file>

<file path=customXml/_rels/item1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1.xml"/></Relationships>
</file>

<file path=customXml/_rels/item1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2.xml"/></Relationships>
</file>

<file path=customXml/_rels/item1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3.xml"/></Relationships>
</file>

<file path=customXml/_rels/item1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4.xml"/></Relationships>
</file>

<file path=customXml/_rels/item1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5.xml"/></Relationships>
</file>

<file path=customXml/_rels/item1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6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_rels/item4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4.xml"/></Relationships>
</file>

<file path=customXml/_rels/item5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5.xml"/></Relationships>
</file>

<file path=customXml/_rels/item6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6.xml"/></Relationships>
</file>

<file path=customXml/_rels/item7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7.xml"/></Relationships>
</file>

<file path=customXml/_rels/item8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8.xml"/></Relationships>
</file>

<file path=customXml/_rels/item9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9.xml"/></Relationships>
</file>

<file path=customXml/item1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169128","version":"1.1"}]]></TemplafySlideTemplateConfiguration>
</file>

<file path=customXml/item10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637872","version":"1.1"}]]></TemplafySlideTemplateConfiguration>
</file>

<file path=customXml/item11.xml><?xml version="1.0" encoding="utf-8"?>
<TemplafySlideFormConfiguration><![CDATA[{"formFields":[],"formDataEntries":[]}]]></TemplafySlideFormConfiguration>
</file>

<file path=customXml/item12.xml><?xml version="1.0" encoding="utf-8"?>
<TemplafySlideTemplateConfiguration><![CDATA[{"documentContentValidatorConfiguration":{"enableDocumentContentValidator":false,"documentContentValidatorVersion":0},"elementsMetadata":[],"slideId":"637882934749031813","enableDocumentContentUpdater":true,"version":"1.9"}]]></TemplafySlideTemplateConfiguration>
</file>

<file path=customXml/item13.xml><?xml version="1.0" encoding="utf-8"?>
<TemplafySlideFormConfiguration><![CDATA[{"formFields":[],"formDataEntries":[]}]]></TemplafySlideFormConfiguration>
</file>

<file path=customXml/item14.xml><?xml version="1.0" encoding="utf-8"?>
<TemplafySlideTemplateConfiguration><![CDATA[{"documentContentValidatorConfiguration":{"enableDocumentContentValidator":false,"documentContentValidatorVersion":0},"elementsMetadata":[],"slideId":"637882934750906424","enableDocumentContentUpdater":true,"version":"1.9"}]]></TemplafySlideTemplateConfiguration>
</file>

<file path=customXml/item15.xml><?xml version="1.0" encoding="utf-8"?>
<TemplafySlideTemplateConfiguration><![CDATA[{"documentContentValidatorConfiguration":{"enableDocumentContentValidator":false,"documentContentValidatorVersion":0},"elementsMetadata":[],"slideId":"637882934750906425","enableDocumentContentUpdater":true,"version":"1.9"}]]></TemplafySlideTemplateConfiguration>
</file>

<file path=customXml/item16.xml><?xml version="1.0" encoding="utf-8"?>
<TemplafySlideFormConfiguration><![CDATA[{"formFields":[],"formDataEntries":[]}]]></TemplafySlideFormConfiguration>
</file>

<file path=customXml/item2.xml><?xml version="1.0" encoding="utf-8"?>
<TemplafySlideFormConfiguration><![CDATA[{"formFields":[],"formDataEntries":[]}]]></TemplafySlideFormConfiguration>
</file>

<file path=customXml/item3.xml><?xml version="1.0" encoding="utf-8"?>
<TemplafySlideFormConfiguration><![CDATA[{"formFields":[],"formDataEntries":[]}]]></TemplafySlideFormConfiguration>
</file>

<file path=customXml/item4.xml><?xml version="1.0" encoding="utf-8"?>
<TemplafyTemplateConfiguration><![CDATA[{"elementsMetadata":[{"type":"shape","id":"be896c7b-478c-4ee6-aaf1-e96ad096556e","elementConfiguration":{"binding":"Form.Footer","disableUpdates":false,"type":"text"}},{"type":"shape","id":"0e9d449e-e9f5-4af5-8550-bd11b74f2c4f","elementConfiguration":{"format":"{{DateFormats.GeneralDate}}","binding":"Form.Date","disableUpdates":false,"type":"date"}},{"type":"shape","id":"6766fc33-7541-4daa-baf1-435494098a51","elementConfiguration":{"binding":"Form.Footer","disableUpdates":false,"type":"text"}},{"type":"shape","id":"14fab98c-d9df-4420-b306-de4be1aa6b4d","elementConfiguration":{"format":"{{DateFormats.GeneralDate}}","binding":"Form.Date","disableUpdates":false,"type":"date"}},{"type":"shape","id":"68496081-e73f-4285-a1fe-2e02fbcfb6ae","elementConfiguration":{"binding":"Form.Footer","disableUpdates":false,"type":"text"}},{"type":"shape","id":"46aed2e5-3ac1-46fa-84fd-85d36442f7b7","elementConfiguration":{"format":"{{DateFormats.GeneralDate}}","binding":"Form.Date","disableUpdates":false,"type":"date"}},{"type":"shape","id":"9f2ed2ef-973c-48a3-995e-de2588c98cf0","elementConfiguration":{"binding":"Form.Footer","disableUpdates":false,"type":"text"}},{"type":"shape","id":"ce0d412b-4ecf-45d8-8fff-c78a5e9088ea","elementConfiguration":{"format":"{{DateFormats.GeneralDate}}","binding":"Form.Date","disableUpdates":false,"type":"date"}},{"type":"shape","id":"4c6b0f36-e881-4c7f-939e-d408bd5780c6","elementConfiguration":{"binding":"Form.Footer","disableUpdates":false,"type":"text"}},{"type":"shape","id":"73558291-99e8-4bb2-bbe9-7b108a94c934","elementConfiguration":{"binding":"Form.Footer","disableUpdates":false,"type":"text"}},{"type":"shape","id":"4a80987a-4438-4875-acb8-1ebb56a754aa","elementConfiguration":{"format":"{{DateFormats.GeneralDate}}","binding":"Form.Date","disableUpdates":false,"type":"date"}},{"type":"shape","id":"666fdd8d-9f3e-425d-aa28-65f087b83291","elementConfiguration":{"binding":"Form.Footer","disableUpdates":false,"type":"text"}},{"type":"shape","id":"0e68c20f-5c33-45d3-a014-80185ace1526","elementConfiguration":{"format":"{{DateFormats.GeneralDate}}","binding":"Form.Date","disableUpdates":false,"type":"date"}},{"type":"shape","id":"0df271a7-d9b5-454c-8cc2-adf8592b03be","elementConfiguration":{"binding":"Form.Footer","disableUpdates":false,"type":"text"}},{"type":"shape","id":"dba97f9d-a039-4d32-bc1f-7e9a1a006a93","elementConfiguration":{"binding":"Form.Footer","disableUpdates":false,"type":"text"}},{"type":"shape","id":"c76a40f7-4e36-46bf-b4b1-874c0d6a4626","elementConfiguration":{"binding":"Form.Footer","disableUpdates":false,"type":"text"}},{"type":"shape","id":"49b3375d-6b6e-4bb5-bd57-d1d9744c8838","elementConfiguration":{"format":"{{DateFormats.GeneralDate}}","binding":"Form.Date","disableUpdates":false,"type":"date"}},{"type":"shape","id":"6daa6f49-e761-4b0e-842b-49f548523209","elementConfiguration":{"binding":"Form.Footer","disableUpdates":false,"type":"text"}},{"type":"shape","id":"05f3f0e9-52d1-4204-8085-5a41356ad828","elementConfiguration":{"binding":"Form.Footer","disableUpdates":false,"type":"text"}},{"type":"shape","id":"4dd498e5-03d1-43c6-8f5d-cc2e8ea74b38","elementConfiguration":{"format":"{{DateFormats.GeneralDate}}","binding":"Form.Date","disableUpdates":false,"type":"date"}},{"type":"shape","id":"050b0b12-9144-4735-9d7c-18693880f753","elementConfiguration":{"binding":"Form.Footer","disableUpdates":false,"type":"text"}}],"transformationConfigurations":[{"language":"{{DocumentLanguage}}","disableUpdates":false,"type":"proofingLanguage"}],"templateName":"","templateDescription":"","enableDocumentContentUpdater":true,"version":"1.9"}]]></TemplafyTemplateConfiguration>
</file>

<file path=customXml/item5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3825400","version":"1.1"}]]></TemplafySlideTemplateConfiguration>
</file>

<file path=customXml/item6.xml><?xml version="1.0" encoding="utf-8"?>
<TemplafySlideFormConfiguration><![CDATA[{"formFields":[],"formDataEntries":[]}]]></TemplafySlideFormConfiguration>
</file>

<file path=customXml/item7.xml><?xml version="1.0" encoding="utf-8"?>
<TemplafyFormConfiguration><![CDATA[{"formFields":[{"required":false,"placeholder":"","lines":0,"helpTexts":{"prefix":"","postfix":""},"spacing":{},"type":"textBox","name":"Footer","label":"Footer","fullyQualifiedName":"Footer"}],"formDataEntries":[]}]]></TemplafyFormConfiguration>
</file>

<file path=customXml/item8.xml><?xml version="1.0" encoding="utf-8"?>
<TemplafySlideFormConfiguration><![CDATA[{"formFields":[],"formDataEntries":[]}]]></TemplafySlideFormConfiguration>
</file>

<file path=customXml/item9.xml><?xml version="1.0" encoding="utf-8"?>
<TemplafySlideTemplateConfiguration><![CDATA[{"elementsMetadata":[],"enableDocumentContentUpdater":true,"documentContentValidatorConfiguration":{"enableDocumentContentValidator":false,"documentContentValidatorVersion":0},"slideId":"636731210706794148","version":"1.1"}]]></TemplafySlideTemplateConfiguration>
</file>

<file path=customXml/itemProps1.xml><?xml version="1.0" encoding="utf-8"?>
<ds:datastoreItem xmlns:ds="http://schemas.openxmlformats.org/officeDocument/2006/customXml" ds:itemID="{A4B406F4-1251-4A88-8354-A2050A704DA8}">
  <ds:schemaRefs/>
</ds:datastoreItem>
</file>

<file path=customXml/itemProps10.xml><?xml version="1.0" encoding="utf-8"?>
<ds:datastoreItem xmlns:ds="http://schemas.openxmlformats.org/officeDocument/2006/customXml" ds:itemID="{409F21E5-E86F-4756-9B1B-C883E365BA73}">
  <ds:schemaRefs/>
</ds:datastoreItem>
</file>

<file path=customXml/itemProps11.xml><?xml version="1.0" encoding="utf-8"?>
<ds:datastoreItem xmlns:ds="http://schemas.openxmlformats.org/officeDocument/2006/customXml" ds:itemID="{B110F952-0512-4414-9D74-97C3E9582A30}">
  <ds:schemaRefs/>
</ds:datastoreItem>
</file>

<file path=customXml/itemProps12.xml><?xml version="1.0" encoding="utf-8"?>
<ds:datastoreItem xmlns:ds="http://schemas.openxmlformats.org/officeDocument/2006/customXml" ds:itemID="{13D78C15-0DA3-45E0-A669-DBF2CDA40DA1}">
  <ds:schemaRefs/>
</ds:datastoreItem>
</file>

<file path=customXml/itemProps13.xml><?xml version="1.0" encoding="utf-8"?>
<ds:datastoreItem xmlns:ds="http://schemas.openxmlformats.org/officeDocument/2006/customXml" ds:itemID="{0C552C5F-9B3E-4C3A-ADF5-F363C9045BFA}">
  <ds:schemaRefs/>
</ds:datastoreItem>
</file>

<file path=customXml/itemProps14.xml><?xml version="1.0" encoding="utf-8"?>
<ds:datastoreItem xmlns:ds="http://schemas.openxmlformats.org/officeDocument/2006/customXml" ds:itemID="{7F41A3F0-128C-4E33-B205-9FAACA10CC9E}">
  <ds:schemaRefs/>
</ds:datastoreItem>
</file>

<file path=customXml/itemProps15.xml><?xml version="1.0" encoding="utf-8"?>
<ds:datastoreItem xmlns:ds="http://schemas.openxmlformats.org/officeDocument/2006/customXml" ds:itemID="{53CA4DCD-9856-41AF-B970-9FFEFC8944FC}">
  <ds:schemaRefs/>
</ds:datastoreItem>
</file>

<file path=customXml/itemProps16.xml><?xml version="1.0" encoding="utf-8"?>
<ds:datastoreItem xmlns:ds="http://schemas.openxmlformats.org/officeDocument/2006/customXml" ds:itemID="{8DC401BE-F44F-4C08-A50D-145656DAC038}">
  <ds:schemaRefs/>
</ds:datastoreItem>
</file>

<file path=customXml/itemProps2.xml><?xml version="1.0" encoding="utf-8"?>
<ds:datastoreItem xmlns:ds="http://schemas.openxmlformats.org/officeDocument/2006/customXml" ds:itemID="{8C6545C5-5FC3-4F21-B6CA-17ED56311BD8}">
  <ds:schemaRefs/>
</ds:datastoreItem>
</file>

<file path=customXml/itemProps3.xml><?xml version="1.0" encoding="utf-8"?>
<ds:datastoreItem xmlns:ds="http://schemas.openxmlformats.org/officeDocument/2006/customXml" ds:itemID="{E195EC0A-7CCE-44C4-AE37-D3AD7BF624CF}">
  <ds:schemaRefs/>
</ds:datastoreItem>
</file>

<file path=customXml/itemProps4.xml><?xml version="1.0" encoding="utf-8"?>
<ds:datastoreItem xmlns:ds="http://schemas.openxmlformats.org/officeDocument/2006/customXml" ds:itemID="{EA1FE7B0-8006-489E-AE98-9950FE63513A}">
  <ds:schemaRefs/>
</ds:datastoreItem>
</file>

<file path=customXml/itemProps5.xml><?xml version="1.0" encoding="utf-8"?>
<ds:datastoreItem xmlns:ds="http://schemas.openxmlformats.org/officeDocument/2006/customXml" ds:itemID="{DDA4D963-764D-4BEF-95A2-5B50FA316A98}">
  <ds:schemaRefs/>
</ds:datastoreItem>
</file>

<file path=customXml/itemProps6.xml><?xml version="1.0" encoding="utf-8"?>
<ds:datastoreItem xmlns:ds="http://schemas.openxmlformats.org/officeDocument/2006/customXml" ds:itemID="{3A41DC27-7883-4BB3-818E-986BAFEFA523}">
  <ds:schemaRefs/>
</ds:datastoreItem>
</file>

<file path=customXml/itemProps7.xml><?xml version="1.0" encoding="utf-8"?>
<ds:datastoreItem xmlns:ds="http://schemas.openxmlformats.org/officeDocument/2006/customXml" ds:itemID="{66FD51B9-83F1-43BC-AA96-BD43703FE846}">
  <ds:schemaRefs/>
</ds:datastoreItem>
</file>

<file path=customXml/itemProps8.xml><?xml version="1.0" encoding="utf-8"?>
<ds:datastoreItem xmlns:ds="http://schemas.openxmlformats.org/officeDocument/2006/customXml" ds:itemID="{D26AA085-4532-49D4-92C7-84E151780CCB}">
  <ds:schemaRefs/>
</ds:datastoreItem>
</file>

<file path=customXml/itemProps9.xml><?xml version="1.0" encoding="utf-8"?>
<ds:datastoreItem xmlns:ds="http://schemas.openxmlformats.org/officeDocument/2006/customXml" ds:itemID="{65EC060A-A282-4186-9BC0-29749DBBFB42}">
  <ds:schemaRefs/>
</ds:datastoreItem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0</TotalTime>
  <Words>475</Words>
  <Application>Microsoft Office PowerPoint</Application>
  <PresentationFormat>Widescreen</PresentationFormat>
  <Paragraphs>81</Paragraphs>
  <Slides>12</Slides>
  <Notes>0</Notes>
  <HiddenSlides>0</HiddenSlides>
  <MMClips>0</MMClips>
  <ScaleCrop>false</ScaleCrop>
  <HeadingPairs>
    <vt:vector size="6" baseType="variant">
      <vt:variant>
        <vt:lpstr>Brukte skrifter</vt:lpstr>
      </vt:variant>
      <vt:variant>
        <vt:i4>2</vt:i4>
      </vt:variant>
      <vt:variant>
        <vt:lpstr>Tema</vt:lpstr>
      </vt:variant>
      <vt:variant>
        <vt:i4>1</vt:i4>
      </vt:variant>
      <vt:variant>
        <vt:lpstr>Lysbildetitler</vt:lpstr>
      </vt:variant>
      <vt:variant>
        <vt:i4>12</vt:i4>
      </vt:variant>
    </vt:vector>
  </HeadingPairs>
  <TitlesOfParts>
    <vt:vector size="15" baseType="lpstr">
      <vt:lpstr>Veidekke Favorit Offc</vt:lpstr>
      <vt:lpstr>Arial</vt:lpstr>
      <vt:lpstr>Blank</vt:lpstr>
      <vt:lpstr>Kan du vara dig själv på jobbet?</vt:lpstr>
      <vt:lpstr>Hur genomförs det gemensamma programmet?</vt:lpstr>
      <vt:lpstr>Temat för HMS-veckan 2022 är arbetsmiljö   Kan du vara dig själv på jobbet?</vt:lpstr>
      <vt:lpstr>Vad är arbetsmiljö?</vt:lpstr>
      <vt:lpstr>Arbetsmiljön kan delas in i fyra delpunkter</vt:lpstr>
      <vt:lpstr>Alla dessa områden påverkar hälsa, frånvaro och avhopp i arbetslivet. Därför är det viktigt att arbeta förebyggande och systematiskt med alla punkter. </vt:lpstr>
      <vt:lpstr>I år tittar vi specifikt på dessa två underpunkter</vt:lpstr>
      <vt:lpstr>Kan du vara dig själv på jobbet?</vt:lpstr>
      <vt:lpstr>Spela filmen</vt:lpstr>
      <vt:lpstr>Reflektionsuppgifter efter filmen</vt:lpstr>
      <vt:lpstr>Reflektionsuppgifter</vt:lpstr>
      <vt:lpstr>Tack för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22-04-26T08:44:00Z</dcterms:created>
  <dcterms:modified xsi:type="dcterms:W3CDTF">2022-08-22T10:53:3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TemplafyTenantId">
    <vt:lpwstr>veidekke</vt:lpwstr>
  </property>
  <property fmtid="{D5CDD505-2E9C-101B-9397-08002B2CF9AE}" pid="3" name="TemplafyTemplateId">
    <vt:lpwstr>637866404935844927</vt:lpwstr>
  </property>
  <property fmtid="{D5CDD505-2E9C-101B-9397-08002B2CF9AE}" pid="4" name="TemplafyUserProfileId">
    <vt:lpwstr>636749448602099390</vt:lpwstr>
  </property>
  <property fmtid="{D5CDD505-2E9C-101B-9397-08002B2CF9AE}" pid="5" name="TemplafyLanguageCode">
    <vt:lpwstr>nb-NO</vt:lpwstr>
  </property>
</Properties>
</file>